
<file path=[Content_Types].xml><?xml version="1.0" encoding="utf-8"?>
<Types xmlns="http://schemas.openxmlformats.org/package/2006/content-types">
  <Override PartName="/ppt/slideMasters/slideMaster3.xml" ContentType="application/vnd.openxmlformats-officedocument.presentationml.slideMaster+xml"/>
  <Override PartName="/ppt/theme/theme5.xml" ContentType="application/vnd.openxmlformats-officedocument.theme+xml"/>
  <Override PartName="/ppt/slideLayouts/slideLayout39.xml" ContentType="application/vnd.openxmlformats-officedocument.presentationml.slideLayout+xml"/>
  <Override PartName="/ppt/slideLayouts/slideLayout57.xml" ContentType="application/vnd.openxmlformats-officedocument.presentationml.slideLayout+xml"/>
  <Override PartName="/ppt/notesSlides/notesSlide2.xml" ContentType="application/vnd.openxmlformats-officedocument.presentationml.notesSlide+xml"/>
  <Override PartName="/customXml/itemProps1.xml" ContentType="application/vnd.openxmlformats-officedocument.customXmlProperties+xml"/>
  <Override PartName="/ppt/slides/slide4.xml" ContentType="application/vnd.openxmlformats-officedocument.presentationml.slide+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slideLayouts/slideLayout28.xml" ContentType="application/vnd.openxmlformats-officedocument.presentationml.slideLayout+xml"/>
  <Override PartName="/ppt/slideLayouts/slideLayout46.xml" ContentType="application/vnd.openxmlformats-officedocument.presentationml.slideLayout+xml"/>
  <Override PartName="/ppt/slideLayouts/slideLayout64.xml" ContentType="application/vnd.openxmlformats-officedocument.presentationml.slideLayout+xml"/>
  <Override PartName="/ppt/slideLayouts/slideLayout75.xml" ContentType="application/vnd.openxmlformats-officedocument.presentationml.slideLayout+xml"/>
  <Override PartName="/ppt/theme/theme1.xml" ContentType="application/vnd.openxmlformats-officedocument.theme+xml"/>
  <Override PartName="/ppt/slideLayouts/slideLayout2.xml" ContentType="application/vnd.openxmlformats-officedocument.presentationml.slideLayout+xml"/>
  <Override PartName="/ppt/slideLayouts/slideLayout35.xml" ContentType="application/vnd.openxmlformats-officedocument.presentationml.slideLayout+xml"/>
  <Override PartName="/ppt/slideLayouts/slideLayout53.xml" ContentType="application/vnd.openxmlformats-officedocument.presentationml.slideLayout+xml"/>
  <Override PartName="/ppt/slideLayouts/slideLayout82.xml" ContentType="application/vnd.openxmlformats-officedocument.presentationml.slideLayout+xml"/>
  <Default Extension="xml" ContentType="application/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slideLayouts/slideLayout24.xml" ContentType="application/vnd.openxmlformats-officedocument.presentationml.slideLayout+xml"/>
  <Override PartName="/ppt/slideLayouts/slideLayout42.xml" ContentType="application/vnd.openxmlformats-officedocument.presentationml.slideLayout+xml"/>
  <Override PartName="/ppt/slideLayouts/slideLayout60.xml" ContentType="application/vnd.openxmlformats-officedocument.presentationml.slideLayout+xml"/>
  <Override PartName="/ppt/slideLayouts/slideLayout71.xml" ContentType="application/vnd.openxmlformats-officedocument.presentationml.slideLayout+xml"/>
  <Override PartName="/ppt/theme/theme18.xml" ContentType="application/vnd.openxmlformats-officedocument.theme+xml"/>
  <Override PartName="/ppt/slideMasters/slideMaster15.xml" ContentType="application/vnd.openxmlformats-officedocument.presentationml.slideMaster+xml"/>
  <Override PartName="/ppt/slides/slide10.xml" ContentType="application/vnd.openxmlformats-officedocument.presentationml.slide+xml"/>
  <Override PartName="/ppt/tableStyles.xml" ContentType="application/vnd.openxmlformats-officedocument.presentationml.tableStyles+xml"/>
  <Override PartName="/ppt/slideLayouts/slideLayout20.xml" ContentType="application/vnd.openxmlformats-officedocument.presentationml.slideLayout+xml"/>
  <Override PartName="/ppt/slideLayouts/slideLayout31.xml" ContentType="application/vnd.openxmlformats-officedocument.presentationml.slideLayout+xml"/>
  <Override PartName="/docProps/custom.xml" ContentType="application/vnd.openxmlformats-officedocument.custom-properties+xml"/>
  <Override PartName="/ppt/slideMasters/slideMaster8.xml" ContentType="application/vnd.openxmlformats-officedocument.presentationml.slideMaster+xml"/>
  <Override PartName="/ppt/slideMasters/slideMaster11.xml" ContentType="application/vnd.openxmlformats-officedocument.presentationml.slideMaster+xml"/>
  <Override PartName="/ppt/theme/theme14.xml" ContentType="application/vnd.openxmlformats-officedocument.theme+xml"/>
  <Override PartName="/ppt/notesSlides/notesSlide7.xml" ContentType="application/vnd.openxmlformats-officedocument.presentationml.notesSlide+xml"/>
  <Override PartName="/ppt/slideMasters/slideMaster4.xml" ContentType="application/vnd.openxmlformats-officedocument.presentationml.slideMaster+xml"/>
  <Override PartName="/ppt/slides/slide9.xml" ContentType="application/vnd.openxmlformats-officedocument.presentationml.slide+xml"/>
  <Override PartName="/ppt/viewProps.xml" ContentType="application/vnd.openxmlformats-officedocument.presentationml.viewProps+xml"/>
  <Override PartName="/ppt/theme/theme6.xml" ContentType="application/vnd.openxmlformats-officedocument.theme+xml"/>
  <Override PartName="/ppt/theme/theme10.xml" ContentType="application/vnd.openxmlformats-officedocument.theme+xml"/>
  <Override PartName="/ppt/slideLayouts/slideLayout69.xml" ContentType="application/vnd.openxmlformats-officedocument.presentationml.slideLayout+xml"/>
  <Override PartName="/customXml/itemProps2.xml" ContentType="application/vnd.openxmlformats-officedocument.customXmlProperties+xml"/>
  <Override PartName="/ppt/slides/slide5.xml" ContentType="application/vnd.openxmlformats-officedocument.presentationml.slide+xml"/>
  <Default Extension="png" ContentType="image/png"/>
  <Override PartName="/ppt/slideLayouts/slideLayout7.xml" ContentType="application/vnd.openxmlformats-officedocument.presentationml.slideLayout+xml"/>
  <Override PartName="/ppt/slideLayouts/slideLayout29.xml" ContentType="application/vnd.openxmlformats-officedocument.presentationml.slideLayout+xml"/>
  <Override PartName="/ppt/slideLayouts/slideLayout58.xml" ContentType="application/vnd.openxmlformats-officedocument.presentationml.slideLayout+xml"/>
  <Override PartName="/ppt/slideLayouts/slideLayout76.xml" ContentType="application/vnd.openxmlformats-officedocument.presentationml.slideLayout+xml"/>
  <Override PartName="/ppt/notesSlides/notesSlide3.xml" ContentType="application/vnd.openxmlformats-officedocument.presentationml.notesSlide+xml"/>
  <Override PartName="/ppt/presProps.xml" ContentType="application/vnd.openxmlformats-officedocument.presentationml.presProps+xml"/>
  <Override PartName="/ppt/theme/theme2.xml" ContentType="application/vnd.openxmlformats-officedocument.theme+xml"/>
  <Override PartName="/ppt/slideLayouts/slideLayout18.xml" ContentType="application/vnd.openxmlformats-officedocument.presentationml.slideLayout+xml"/>
  <Override PartName="/ppt/slideLayouts/slideLayout36.xml" ContentType="application/vnd.openxmlformats-officedocument.presentationml.slideLayout+xml"/>
  <Override PartName="/ppt/slideLayouts/slideLayout47.xml" ContentType="application/vnd.openxmlformats-officedocument.presentationml.slideLayout+xml"/>
  <Override PartName="/ppt/slideLayouts/slideLayout65.xml" ContentType="application/vnd.openxmlformats-officedocument.presentationml.slideLayout+xml"/>
  <Override PartName="/ppt/slides/slide1.xml" ContentType="application/vnd.openxmlformats-officedocument.presentationml.slide+xml"/>
  <Override PartName="/ppt/slideLayouts/slideLayout3.xml" ContentType="application/vnd.openxmlformats-officedocument.presentationml.slideLayout+xml"/>
  <Override PartName="/ppt/slideLayouts/slideLayout25.xml" ContentType="application/vnd.openxmlformats-officedocument.presentationml.slideLayout+xml"/>
  <Override PartName="/ppt/slideLayouts/slideLayout43.xml" ContentType="application/vnd.openxmlformats-officedocument.presentationml.slideLayout+xml"/>
  <Override PartName="/ppt/slideLayouts/slideLayout54.xml" ContentType="application/vnd.openxmlformats-officedocument.presentationml.slideLayout+xml"/>
  <Override PartName="/ppt/slideLayouts/slideLayout72.xml" ContentType="application/vnd.openxmlformats-officedocument.presentationml.slideLayout+xml"/>
  <Default Extension="emf" ContentType="image/x-emf"/>
  <Override PartName="/ppt/presentation.xml" ContentType="application/vnd.openxmlformats-officedocument.presentationml.presentation.main+xml"/>
  <Override PartName="/ppt/slideMasters/slideMaster16.xml" ContentType="application/vnd.openxmlformats-officedocument.presentationml.slideMaster+xml"/>
  <Override PartName="/ppt/slideLayouts/slideLayout1.xml" ContentType="application/vnd.openxmlformats-officedocument.presentationml.slideLayout+xml"/>
  <Override PartName="/ppt/slideLayouts/slideLayout14.xml" ContentType="application/vnd.openxmlformats-officedocument.presentationml.slideLayout+xml"/>
  <Override PartName="/ppt/slideLayouts/slideLayout23.xml" ContentType="application/vnd.openxmlformats-officedocument.presentationml.slideLayout+xml"/>
  <Override PartName="/ppt/slideLayouts/slideLayout32.xml" ContentType="application/vnd.openxmlformats-officedocument.presentationml.slideLayout+xml"/>
  <Override PartName="/ppt/slideLayouts/slideLayout41.xml" ContentType="application/vnd.openxmlformats-officedocument.presentationml.slideLayout+xml"/>
  <Override PartName="/ppt/slideLayouts/slideLayout52.xml" ContentType="application/vnd.openxmlformats-officedocument.presentationml.slideLayout+xml"/>
  <Override PartName="/ppt/slideLayouts/slideLayout61.xml" ContentType="application/vnd.openxmlformats-officedocument.presentationml.slideLayout+xml"/>
  <Override PartName="/ppt/slideLayouts/slideLayout70.xml" ContentType="application/vnd.openxmlformats-officedocument.presentationml.slideLayout+xml"/>
  <Override PartName="/ppt/theme/theme19.xml" ContentType="application/vnd.openxmlformats-officedocument.theme+xml"/>
  <Override PartName="/docProps/app.xml" ContentType="application/vnd.openxmlformats-officedocument.extended-properties+xml"/>
  <Override PartName="/ppt/slideMasters/slideMaster14.xml" ContentType="application/vnd.openxmlformats-officedocument.presentationml.slideMaster+xml"/>
  <Override PartName="/ppt/slideLayouts/slideLayout12.xml" ContentType="application/vnd.openxmlformats-officedocument.presentationml.slideLayout+xml"/>
  <Override PartName="/ppt/slideLayouts/slideLayout21.xml" ContentType="application/vnd.openxmlformats-officedocument.presentationml.slideLayout+xml"/>
  <Override PartName="/ppt/slideLayouts/slideLayout30.xml" ContentType="application/vnd.openxmlformats-officedocument.presentationml.slideLayout+xml"/>
  <Override PartName="/ppt/slideLayouts/slideLayout50.xml" ContentType="application/vnd.openxmlformats-officedocument.presentationml.slideLayout+xml"/>
  <Override PartName="/ppt/theme/theme17.xml" ContentType="application/vnd.openxmlformats-officedocument.theme+xml"/>
  <Override PartName="/ppt/slideMasters/slideMaster9.xml" ContentType="application/vnd.openxmlformats-officedocument.presentationml.slideMaster+xml"/>
  <Override PartName="/ppt/slideMasters/slideMaster12.xml" ContentType="application/vnd.openxmlformats-officedocument.presentationml.slideMaster+xml"/>
  <Override PartName="/ppt/slideLayouts/slideLayout10.xml" ContentType="application/vnd.openxmlformats-officedocument.presentationml.slideLayout+xml"/>
  <Override PartName="/ppt/theme/theme15.xml" ContentType="application/vnd.openxmlformats-officedocument.theme+xml"/>
  <Override PartName="/ppt/notesSlides/notesSlide8.xml" ContentType="application/vnd.openxmlformats-officedocument.presentationml.notesSlide+xml"/>
  <Override PartName="/ppt/slideMasters/slideMaster7.xml" ContentType="application/vnd.openxmlformats-officedocument.presentationml.slideMaster+xml"/>
  <Override PartName="/ppt/slideMasters/slideMaster10.xml" ContentType="application/vnd.openxmlformats-officedocument.presentationml.slideMaster+xml"/>
  <Override PartName="/ppt/theme/theme9.xml" ContentType="application/vnd.openxmlformats-officedocument.theme+xml"/>
  <Override PartName="/ppt/theme/theme13.xml" ContentType="application/vnd.openxmlformats-officedocument.theme+xml"/>
  <Override PartName="/ppt/notesSlides/notesSlide6.xml" ContentType="application/vnd.openxmlformats-officedocument.presentationml.notesSlide+xml"/>
  <Override PartName="/ppt/slideMasters/slideMaster5.xml" ContentType="application/vnd.openxmlformats-officedocument.presentationml.slideMaster+xml"/>
  <Override PartName="/ppt/slides/slide8.xml" ContentType="application/vnd.openxmlformats-officedocument.presentationml.slide+xml"/>
  <Override PartName="/ppt/handoutMasters/handoutMaster1.xml" ContentType="application/vnd.openxmlformats-officedocument.presentationml.handoutMaster+xml"/>
  <Override PartName="/ppt/theme/theme7.xml" ContentType="application/vnd.openxmlformats-officedocument.theme+xml"/>
  <Override PartName="/ppt/theme/theme11.xml" ContentType="application/vnd.openxmlformats-officedocument.theme+xml"/>
  <Override PartName="/ppt/slideLayouts/slideLayout59.xml" ContentType="application/vnd.openxmlformats-officedocument.presentationml.slideLayout+xml"/>
  <Override PartName="/ppt/slideLayouts/slideLayout68.xml" ContentType="application/vnd.openxmlformats-officedocument.presentationml.slideLayout+xml"/>
  <Override PartName="/ppt/slideLayouts/slideLayout79.xml" ContentType="application/vnd.openxmlformats-officedocument.presentationml.slideLayout+xml"/>
  <Override PartName="/ppt/notesSlides/notesSlide4.xml" ContentType="application/vnd.openxmlformats-officedocument.presentationml.notesSlide+xml"/>
  <Override PartName="/docProps/core.xml" ContentType="application/vnd.openxmlformats-package.core-properties+xml"/>
  <Override PartName="/customXml/itemProps3.xml" ContentType="application/vnd.openxmlformats-officedocument.customXmlProperties+xml"/>
  <Override PartName="/ppt/slides/slide6.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slideLayouts/slideLayout48.xml" ContentType="application/vnd.openxmlformats-officedocument.presentationml.slideLayout+xml"/>
  <Override PartName="/ppt/slideLayouts/slideLayout66.xml" ContentType="application/vnd.openxmlformats-officedocument.presentationml.slideLayout+xml"/>
  <Override PartName="/ppt/slideLayouts/slideLayout77.xml" ContentType="application/vnd.openxmlformats-officedocument.presentationml.slideLayout+xml"/>
  <Override PartName="/ppt/slideMasters/slideMaster1.xml" ContentType="application/vnd.openxmlformats-officedocument.presentationml.slideMaster+xml"/>
  <Override PartName="/ppt/slideLayouts/slideLayout4.xml" ContentType="application/vnd.openxmlformats-officedocument.presentationml.slideLayout+xml"/>
  <Override PartName="/ppt/theme/theme3.xml" ContentType="application/vnd.openxmlformats-officedocument.theme+xml"/>
  <Override PartName="/ppt/slideLayouts/slideLayout37.xml" ContentType="application/vnd.openxmlformats-officedocument.presentationml.slideLayout+xml"/>
  <Override PartName="/ppt/slideLayouts/slideLayout55.xml" ContentType="application/vnd.openxmlformats-officedocument.presentationml.slideLayout+xml"/>
  <Override PartName="/ppt/slides/slide2.xml" ContentType="application/vnd.openxmlformats-officedocument.presentationml.slide+xml"/>
  <Default Extension="wmf" ContentType="image/x-wmf"/>
  <Override PartName="/ppt/slideLayouts/slideLayout15.xml" ContentType="application/vnd.openxmlformats-officedocument.presentationml.slideLayout+xml"/>
  <Override PartName="/ppt/slideLayouts/slideLayout26.xml" ContentType="application/vnd.openxmlformats-officedocument.presentationml.slideLayout+xml"/>
  <Override PartName="/ppt/slideLayouts/slideLayout44.xml" ContentType="application/vnd.openxmlformats-officedocument.presentationml.slideLayout+xml"/>
  <Override PartName="/ppt/slideLayouts/slideLayout62.xml" ContentType="application/vnd.openxmlformats-officedocument.presentationml.slideLayout+xml"/>
  <Override PartName="/ppt/slideLayouts/slideLayout73.xml" ContentType="application/vnd.openxmlformats-officedocument.presentationml.slideLayout+xml"/>
  <Default Extension="rels" ContentType="application/vnd.openxmlformats-package.relationships+xml"/>
  <Override PartName="/ppt/slideMasters/slideMaster17.xml" ContentType="application/vnd.openxmlformats-officedocument.presentationml.slideMaster+xml"/>
  <Override PartName="/ppt/slideLayouts/slideLayout22.xml" ContentType="application/vnd.openxmlformats-officedocument.presentationml.slideLayout+xml"/>
  <Override PartName="/ppt/slideLayouts/slideLayout33.xml" ContentType="application/vnd.openxmlformats-officedocument.presentationml.slideLayout+xml"/>
  <Override PartName="/ppt/slideLayouts/slideLayout51.xml" ContentType="application/vnd.openxmlformats-officedocument.presentationml.slideLayout+xml"/>
  <Override PartName="/ppt/slideLayouts/slideLayout80.xml" ContentType="application/vnd.openxmlformats-officedocument.presentationml.slideLayout+xml"/>
  <Override PartName="/ppt/slideLayouts/slideLayout11.xml" ContentType="application/vnd.openxmlformats-officedocument.presentationml.slideLayout+xml"/>
  <Override PartName="/ppt/slideLayouts/slideLayout40.xml" ContentType="application/vnd.openxmlformats-officedocument.presentationml.slideLayout+xml"/>
  <Override PartName="/ppt/theme/theme16.xml" ContentType="application/vnd.openxmlformats-officedocument.theme+xml"/>
  <Override PartName="/ppt/slideMasters/slideMaster13.xml" ContentType="application/vnd.openxmlformats-officedocument.presentationml.slideMaster+xml"/>
  <Override PartName="/ppt/commentAuthors.xml" ContentType="application/vnd.openxmlformats-officedocument.presentationml.commentAuthors+xml"/>
  <Override PartName="/ppt/notesSlides/notesSlide9.xml" ContentType="application/vnd.openxmlformats-officedocument.presentationml.notesSlide+xml"/>
  <Override PartName="/ppt/slideMasters/slideMaster6.xml" ContentType="application/vnd.openxmlformats-officedocument.presentationml.slideMaster+xml"/>
  <Override PartName="/ppt/theme/theme8.xml" ContentType="application/vnd.openxmlformats-officedocument.theme+xml"/>
  <Override PartName="/ppt/theme/theme12.xml" ContentType="application/vnd.openxmlformats-officedocument.theme+xml"/>
  <Override PartName="/ppt/notesSlides/notesSlide10.xml" ContentType="application/vnd.openxmlformats-officedocument.presentationml.notesSlide+xml"/>
  <Override PartName="/ppt/slides/slide7.xml" ContentType="application/vnd.openxmlformats-officedocument.presentationml.slide+xml"/>
  <Override PartName="/ppt/slideLayouts/slideLayout9.xml" ContentType="application/vnd.openxmlformats-officedocument.presentationml.slideLayout+xml"/>
  <Override PartName="/ppt/slideLayouts/slideLayout78.xml" ContentType="application/vnd.openxmlformats-officedocument.presentationml.slideLayout+xml"/>
  <Override PartName="/ppt/notesSlides/notesSlide5.xml" ContentType="application/vnd.openxmlformats-officedocument.presentationml.notesSlide+xml"/>
  <Override PartName="/ppt/slideMasters/slideMaster2.xml" ContentType="application/vnd.openxmlformats-officedocument.presentationml.slideMaster+xml"/>
  <Override PartName="/ppt/theme/theme4.xml" ContentType="application/vnd.openxmlformats-officedocument.theme+xml"/>
  <Override PartName="/ppt/slideLayouts/slideLayout38.xml" ContentType="application/vnd.openxmlformats-officedocument.presentationml.slideLayout+xml"/>
  <Override PartName="/ppt/slideLayouts/slideLayout49.xml" ContentType="application/vnd.openxmlformats-officedocument.presentationml.slideLayout+xml"/>
  <Override PartName="/ppt/slideLayouts/slideLayout67.xml" ContentType="application/vnd.openxmlformats-officedocument.presentationml.slideLayout+xml"/>
  <Override PartName="/ppt/notesSlides/notesSlide1.xml" ContentType="application/vnd.openxmlformats-officedocument.presentationml.notesSlide+xml"/>
  <Override PartName="/ppt/slides/slide3.xml" ContentType="application/vnd.openxmlformats-officedocument.presentationml.slide+xml"/>
  <Override PartName="/ppt/slideLayouts/slideLayout5.xml" ContentType="application/vnd.openxmlformats-officedocument.presentationml.slideLayout+xml"/>
  <Override PartName="/ppt/slideLayouts/slideLayout27.xml" ContentType="application/vnd.openxmlformats-officedocument.presentationml.slideLayout+xml"/>
  <Override PartName="/ppt/slideLayouts/slideLayout45.xml" ContentType="application/vnd.openxmlformats-officedocument.presentationml.slideLayout+xml"/>
  <Override PartName="/ppt/slideLayouts/slideLayout56.xml" ContentType="application/vnd.openxmlformats-officedocument.presentationml.slideLayout+xml"/>
  <Override PartName="/ppt/slideLayouts/slideLayout74.xml" ContentType="application/vnd.openxmlformats-officedocument.presentationml.slideLayout+xml"/>
  <Default Extension="jpeg" ContentType="image/jpeg"/>
  <Override PartName="/ppt/slideLayouts/slideLayout16.xml" ContentType="application/vnd.openxmlformats-officedocument.presentationml.slideLayout+xml"/>
  <Override PartName="/ppt/slideLayouts/slideLayout34.xml" ContentType="application/vnd.openxmlformats-officedocument.presentationml.slideLayout+xml"/>
  <Override PartName="/ppt/slideLayouts/slideLayout63.xml" ContentType="application/vnd.openxmlformats-officedocument.presentationml.slideLayout+xml"/>
  <Override PartName="/ppt/slideLayouts/slideLayout81.xml" ContentType="application/vnd.openxmlformats-officedocument.presentationml.slideLayout+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5172" r:id="rId4"/>
    <p:sldMasterId id="2147485178" r:id="rId5"/>
    <p:sldMasterId id="2147485181" r:id="rId6"/>
    <p:sldMasterId id="2147485218" r:id="rId7"/>
    <p:sldMasterId id="2147485243" r:id="rId8"/>
    <p:sldMasterId id="2147485246" r:id="rId9"/>
    <p:sldMasterId id="2147485285" r:id="rId10"/>
    <p:sldMasterId id="2147485169" r:id="rId11"/>
    <p:sldMasterId id="2147485298" r:id="rId12"/>
    <p:sldMasterId id="2147485306" r:id="rId13"/>
    <p:sldMasterId id="2147485313" r:id="rId14"/>
    <p:sldMasterId id="2147485318" r:id="rId15"/>
    <p:sldMasterId id="2147485320" r:id="rId16"/>
    <p:sldMasterId id="2147485328" r:id="rId17"/>
    <p:sldMasterId id="2147485340" r:id="rId18"/>
    <p:sldMasterId id="2147485353" r:id="rId19"/>
    <p:sldMasterId id="2147485365" r:id="rId20"/>
  </p:sldMasterIdLst>
  <p:notesMasterIdLst>
    <p:notesMasterId r:id="rId31"/>
  </p:notesMasterIdLst>
  <p:handoutMasterIdLst>
    <p:handoutMasterId r:id="rId32"/>
  </p:handoutMasterIdLst>
  <p:sldIdLst>
    <p:sldId id="804" r:id="rId21"/>
    <p:sldId id="771" r:id="rId22"/>
    <p:sldId id="840" r:id="rId23"/>
    <p:sldId id="841" r:id="rId24"/>
    <p:sldId id="848" r:id="rId25"/>
    <p:sldId id="822" r:id="rId26"/>
    <p:sldId id="823" r:id="rId27"/>
    <p:sldId id="862" r:id="rId28"/>
    <p:sldId id="863" r:id="rId29"/>
    <p:sldId id="832" r:id="rId30"/>
  </p:sldIdLst>
  <p:sldSz cx="18291175" cy="10290175"/>
  <p:notesSz cx="6797675" cy="9926638"/>
  <p:defaultTex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911220" algn="l" rtl="0" fontAlgn="base">
      <a:spcBef>
        <a:spcPct val="0"/>
      </a:spcBef>
      <a:spcAft>
        <a:spcPct val="0"/>
      </a:spcAft>
      <a:defRPr kern="1200">
        <a:solidFill>
          <a:schemeClr val="tx1"/>
        </a:solidFill>
        <a:latin typeface="Calibri" pitchFamily="34" charset="0"/>
        <a:ea typeface="宋体" pitchFamily="2" charset="-122"/>
        <a:cs typeface="+mn-cs"/>
      </a:defRPr>
    </a:lvl2pPr>
    <a:lvl3pPr marL="1822446" algn="l" rtl="0" fontAlgn="base">
      <a:spcBef>
        <a:spcPct val="0"/>
      </a:spcBef>
      <a:spcAft>
        <a:spcPct val="0"/>
      </a:spcAft>
      <a:defRPr kern="1200">
        <a:solidFill>
          <a:schemeClr val="tx1"/>
        </a:solidFill>
        <a:latin typeface="Calibri" pitchFamily="34" charset="0"/>
        <a:ea typeface="宋体" pitchFamily="2" charset="-122"/>
        <a:cs typeface="+mn-cs"/>
      </a:defRPr>
    </a:lvl3pPr>
    <a:lvl4pPr marL="2733659" algn="l" rtl="0" fontAlgn="base">
      <a:spcBef>
        <a:spcPct val="0"/>
      </a:spcBef>
      <a:spcAft>
        <a:spcPct val="0"/>
      </a:spcAft>
      <a:defRPr kern="1200">
        <a:solidFill>
          <a:schemeClr val="tx1"/>
        </a:solidFill>
        <a:latin typeface="Calibri" pitchFamily="34" charset="0"/>
        <a:ea typeface="宋体" pitchFamily="2" charset="-122"/>
        <a:cs typeface="+mn-cs"/>
      </a:defRPr>
    </a:lvl4pPr>
    <a:lvl5pPr marL="3644875" algn="l" rtl="0" fontAlgn="base">
      <a:spcBef>
        <a:spcPct val="0"/>
      </a:spcBef>
      <a:spcAft>
        <a:spcPct val="0"/>
      </a:spcAft>
      <a:defRPr kern="1200">
        <a:solidFill>
          <a:schemeClr val="tx1"/>
        </a:solidFill>
        <a:latin typeface="Calibri" pitchFamily="34" charset="0"/>
        <a:ea typeface="宋体" pitchFamily="2" charset="-122"/>
        <a:cs typeface="+mn-cs"/>
      </a:defRPr>
    </a:lvl5pPr>
    <a:lvl6pPr marL="4556089" algn="l" defTabSz="1822446" rtl="0" eaLnBrk="1" latinLnBrk="0" hangingPunct="1">
      <a:defRPr kern="1200">
        <a:solidFill>
          <a:schemeClr val="tx1"/>
        </a:solidFill>
        <a:latin typeface="Calibri" pitchFamily="34" charset="0"/>
        <a:ea typeface="宋体" pitchFamily="2" charset="-122"/>
        <a:cs typeface="+mn-cs"/>
      </a:defRPr>
    </a:lvl6pPr>
    <a:lvl7pPr marL="5467305" algn="l" defTabSz="1822446" rtl="0" eaLnBrk="1" latinLnBrk="0" hangingPunct="1">
      <a:defRPr kern="1200">
        <a:solidFill>
          <a:schemeClr val="tx1"/>
        </a:solidFill>
        <a:latin typeface="Calibri" pitchFamily="34" charset="0"/>
        <a:ea typeface="宋体" pitchFamily="2" charset="-122"/>
        <a:cs typeface="+mn-cs"/>
      </a:defRPr>
    </a:lvl7pPr>
    <a:lvl8pPr marL="6378529" algn="l" defTabSz="1822446" rtl="0" eaLnBrk="1" latinLnBrk="0" hangingPunct="1">
      <a:defRPr kern="1200">
        <a:solidFill>
          <a:schemeClr val="tx1"/>
        </a:solidFill>
        <a:latin typeface="Calibri" pitchFamily="34" charset="0"/>
        <a:ea typeface="宋体" pitchFamily="2" charset="-122"/>
        <a:cs typeface="+mn-cs"/>
      </a:defRPr>
    </a:lvl8pPr>
    <a:lvl9pPr marL="7289746" algn="l" defTabSz="1822446" rtl="0" eaLnBrk="1" latinLnBrk="0" hangingPunct="1">
      <a:defRPr kern="1200">
        <a:solidFill>
          <a:schemeClr val="tx1"/>
        </a:solidFill>
        <a:latin typeface="Calibri" pitchFamily="34" charset="0"/>
        <a:ea typeface="宋体" pitchFamily="2" charset="-122"/>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w41112" initials="w" lastIdx="1" clrIdx="0"/>
  <p:cmAuthor id="1" name="z57143" initials="z" lastIdx="3"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rgbClr val="FF0000"/>
    </p:penClr>
    <p:extLst>
      <p:ext uri="{EC167BDD-8182-4AB7-AECC-EB403E3ABB37}">
        <p14:laserClr xmlns="" xmlns:p14="http://schemas.microsoft.com/office/powerpoint/2010/main">
          <a:srgbClr val="FF0000"/>
        </p14:laserClr>
      </p:ext>
      <p:ext uri="{2FDB2607-1784-4EEB-B798-7EB5836EED8A}">
        <p14:showMediaCtrls xmlns="" xmlns:p14="http://schemas.microsoft.com/office/powerpoint/2010/main" val="0"/>
      </p:ext>
    </p:extLst>
  </p:showPr>
  <p:clrMru>
    <a:srgbClr val="595959"/>
    <a:srgbClr val="FFA615"/>
    <a:srgbClr val="FFCC66"/>
    <a:srgbClr val="6BBD46"/>
    <a:srgbClr val="FE5815"/>
    <a:srgbClr val="0FA1B8"/>
    <a:srgbClr val="681888"/>
    <a:srgbClr val="79C8B0"/>
    <a:srgbClr val="9FC83B"/>
    <a:srgbClr val="159DCD"/>
  </p:clrMru>
  <p:extLst>
    <p:ext uri="{E76CE94A-603C-4142-B9EB-6D1370010A27}">
      <p14:discardImageEditData xmlns="" xmlns:p14="http://schemas.microsoft.com/office/powerpoint/2010/main" val="0"/>
    </p:ext>
    <p:ext uri="{D31A062A-798A-4329-ABDD-BBA856620510}">
      <p14:defaultImageDpi xmlns=""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1103" autoAdjust="0"/>
    <p:restoredTop sz="99443" autoAdjust="0"/>
  </p:normalViewPr>
  <p:slideViewPr>
    <p:cSldViewPr snapToGrid="0" showGuides="1">
      <p:cViewPr>
        <p:scale>
          <a:sx n="33" d="100"/>
          <a:sy n="33" d="100"/>
        </p:scale>
        <p:origin x="-931" y="-149"/>
      </p:cViewPr>
      <p:guideLst>
        <p:guide orient="horz" pos="1955"/>
        <p:guide orient="horz" pos="6120"/>
        <p:guide orient="horz" pos="4727"/>
        <p:guide orient="horz" pos="1134"/>
        <p:guide orient="horz" pos="4383"/>
        <p:guide orient="horz" pos="3703"/>
        <p:guide orient="horz" pos="4517"/>
        <p:guide pos="1068"/>
        <p:guide pos="10444"/>
        <p:guide pos="5611"/>
      </p:guideLst>
    </p:cSldViewPr>
  </p:slideViewPr>
  <p:notesTextViewPr>
    <p:cViewPr>
      <p:scale>
        <a:sx n="1" d="1"/>
        <a:sy n="1" d="1"/>
      </p:scale>
      <p:origin x="0" y="0"/>
    </p:cViewPr>
  </p:notesTextViewPr>
  <p:sorterViewPr>
    <p:cViewPr>
      <p:scale>
        <a:sx n="100" d="100"/>
        <a:sy n="100" d="100"/>
      </p:scale>
      <p:origin x="0" y="7968"/>
    </p:cViewPr>
  </p:sorterViewPr>
  <p:notesViewPr>
    <p:cSldViewPr snapToGrid="0" showGuides="1">
      <p:cViewPr varScale="1">
        <p:scale>
          <a:sx n="50" d="100"/>
          <a:sy n="50" d="100"/>
        </p:scale>
        <p:origin x="-2640" y="-90"/>
      </p:cViewPr>
      <p:guideLst>
        <p:guide orient="horz" pos="3127"/>
        <p:guide pos="2141"/>
      </p:guideLst>
    </p:cSldViewPr>
  </p:notes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Master" Target="slideMasters/slideMaster5.xml"/><Relationship Id="rId13" Type="http://schemas.openxmlformats.org/officeDocument/2006/relationships/slideMaster" Target="slideMasters/slideMaster10.xml"/><Relationship Id="rId18" Type="http://schemas.openxmlformats.org/officeDocument/2006/relationships/slideMaster" Target="slideMasters/slideMaster15.xml"/><Relationship Id="rId26" Type="http://schemas.openxmlformats.org/officeDocument/2006/relationships/slide" Target="slides/slide6.xml"/><Relationship Id="rId3" Type="http://schemas.openxmlformats.org/officeDocument/2006/relationships/customXml" Target="../customXml/item3.xml"/><Relationship Id="rId21" Type="http://schemas.openxmlformats.org/officeDocument/2006/relationships/slide" Target="slides/slide1.xml"/><Relationship Id="rId34" Type="http://schemas.openxmlformats.org/officeDocument/2006/relationships/presProps" Target="presProps.xml"/><Relationship Id="rId7" Type="http://schemas.openxmlformats.org/officeDocument/2006/relationships/slideMaster" Target="slideMasters/slideMaster4.xml"/><Relationship Id="rId12" Type="http://schemas.openxmlformats.org/officeDocument/2006/relationships/slideMaster" Target="slideMasters/slideMaster9.xml"/><Relationship Id="rId17" Type="http://schemas.openxmlformats.org/officeDocument/2006/relationships/slideMaster" Target="slideMasters/slideMaster14.xml"/><Relationship Id="rId25" Type="http://schemas.openxmlformats.org/officeDocument/2006/relationships/slide" Target="slides/slide5.xml"/><Relationship Id="rId33" Type="http://schemas.openxmlformats.org/officeDocument/2006/relationships/commentAuthors" Target="commentAuthors.xml"/><Relationship Id="rId2" Type="http://schemas.openxmlformats.org/officeDocument/2006/relationships/customXml" Target="../customXml/item2.xml"/><Relationship Id="rId16" Type="http://schemas.openxmlformats.org/officeDocument/2006/relationships/slideMaster" Target="slideMasters/slideMaster13.xml"/><Relationship Id="rId20" Type="http://schemas.openxmlformats.org/officeDocument/2006/relationships/slideMaster" Target="slideMasters/slideMaster17.xml"/><Relationship Id="rId29" Type="http://schemas.openxmlformats.org/officeDocument/2006/relationships/slide" Target="slides/slide9.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Master" Target="slideMasters/slideMaster8.xml"/><Relationship Id="rId24" Type="http://schemas.openxmlformats.org/officeDocument/2006/relationships/slide" Target="slides/slide4.xml"/><Relationship Id="rId32" Type="http://schemas.openxmlformats.org/officeDocument/2006/relationships/handoutMaster" Target="handoutMasters/handoutMaster1.xml"/><Relationship Id="rId37" Type="http://schemas.openxmlformats.org/officeDocument/2006/relationships/tableStyles" Target="tableStyles.xml"/><Relationship Id="rId5" Type="http://schemas.openxmlformats.org/officeDocument/2006/relationships/slideMaster" Target="slideMasters/slideMaster2.xml"/><Relationship Id="rId15" Type="http://schemas.openxmlformats.org/officeDocument/2006/relationships/slideMaster" Target="slideMasters/slideMaster12.xml"/><Relationship Id="rId23" Type="http://schemas.openxmlformats.org/officeDocument/2006/relationships/slide" Target="slides/slide3.xml"/><Relationship Id="rId28" Type="http://schemas.openxmlformats.org/officeDocument/2006/relationships/slide" Target="slides/slide8.xml"/><Relationship Id="rId36" Type="http://schemas.openxmlformats.org/officeDocument/2006/relationships/theme" Target="theme/theme1.xml"/><Relationship Id="rId10" Type="http://schemas.openxmlformats.org/officeDocument/2006/relationships/slideMaster" Target="slideMasters/slideMaster7.xml"/><Relationship Id="rId19" Type="http://schemas.openxmlformats.org/officeDocument/2006/relationships/slideMaster" Target="slideMasters/slideMaster16.xml"/><Relationship Id="rId31" Type="http://schemas.openxmlformats.org/officeDocument/2006/relationships/notesMaster" Target="notesMasters/notesMaster1.xml"/><Relationship Id="rId4" Type="http://schemas.openxmlformats.org/officeDocument/2006/relationships/slideMaster" Target="slideMasters/slideMaster1.xml"/><Relationship Id="rId9" Type="http://schemas.openxmlformats.org/officeDocument/2006/relationships/slideMaster" Target="slideMasters/slideMaster6.xml"/><Relationship Id="rId14" Type="http://schemas.openxmlformats.org/officeDocument/2006/relationships/slideMaster" Target="slideMasters/slideMaster11.xml"/><Relationship Id="rId22" Type="http://schemas.openxmlformats.org/officeDocument/2006/relationships/slide" Target="slides/slide2.xml"/><Relationship Id="rId27" Type="http://schemas.openxmlformats.org/officeDocument/2006/relationships/slide" Target="slides/slide7.xml"/><Relationship Id="rId30" Type="http://schemas.openxmlformats.org/officeDocument/2006/relationships/slide" Target="slides/slide10.xml"/><Relationship Id="rId35"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19.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27330" name="Rectangle 2"/>
          <p:cNvSpPr>
            <a:spLocks noGrp="1" noChangeArrowheads="1"/>
          </p:cNvSpPr>
          <p:nvPr>
            <p:ph type="hdr" sz="quarter"/>
          </p:nvPr>
        </p:nvSpPr>
        <p:spPr bwMode="auto">
          <a:xfrm>
            <a:off x="0" y="0"/>
            <a:ext cx="2946400" cy="496888"/>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eaLnBrk="0" hangingPunct="0">
              <a:defRPr sz="1200">
                <a:ea typeface="宋体" pitchFamily="2" charset="-122"/>
              </a:defRPr>
            </a:lvl1pPr>
          </a:lstStyle>
          <a:p>
            <a:pPr>
              <a:defRPr/>
            </a:pPr>
            <a:endParaRPr lang="zh-CN" altLang="en-US"/>
          </a:p>
        </p:txBody>
      </p:sp>
      <p:sp>
        <p:nvSpPr>
          <p:cNvPr id="227331" name="Rectangle 3"/>
          <p:cNvSpPr>
            <a:spLocks noGrp="1" noChangeArrowheads="1"/>
          </p:cNvSpPr>
          <p:nvPr>
            <p:ph type="dt" sz="quarter" idx="1"/>
          </p:nvPr>
        </p:nvSpPr>
        <p:spPr bwMode="auto">
          <a:xfrm>
            <a:off x="3849688" y="0"/>
            <a:ext cx="2946400" cy="496888"/>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r" eaLnBrk="0" hangingPunct="0">
              <a:defRPr sz="1200">
                <a:ea typeface="宋体" pitchFamily="2" charset="-122"/>
              </a:defRPr>
            </a:lvl1pPr>
          </a:lstStyle>
          <a:p>
            <a:pPr>
              <a:defRPr/>
            </a:pPr>
            <a:fld id="{FF95B985-F249-4FFA-9BF3-F4E33F417F5F}" type="datetimeFigureOut">
              <a:rPr lang="zh-CN" altLang="en-US"/>
              <a:pPr>
                <a:defRPr/>
              </a:pPr>
              <a:t>2015/4/22</a:t>
            </a:fld>
            <a:endParaRPr lang="en-US" altLang="zh-CN" dirty="0"/>
          </a:p>
        </p:txBody>
      </p:sp>
      <p:sp>
        <p:nvSpPr>
          <p:cNvPr id="227332" name="Rectangle 4"/>
          <p:cNvSpPr>
            <a:spLocks noGrp="1" noChangeArrowheads="1"/>
          </p:cNvSpPr>
          <p:nvPr>
            <p:ph type="ftr" sz="quarter" idx="2"/>
          </p:nvPr>
        </p:nvSpPr>
        <p:spPr bwMode="auto">
          <a:xfrm>
            <a:off x="0" y="9428163"/>
            <a:ext cx="2946400" cy="496887"/>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eaLnBrk="0" hangingPunct="0">
              <a:defRPr sz="1200">
                <a:ea typeface="宋体" pitchFamily="2" charset="-122"/>
              </a:defRPr>
            </a:lvl1pPr>
          </a:lstStyle>
          <a:p>
            <a:pPr>
              <a:defRPr/>
            </a:pPr>
            <a:endParaRPr lang="en-US" altLang="zh-CN"/>
          </a:p>
        </p:txBody>
      </p:sp>
      <p:sp>
        <p:nvSpPr>
          <p:cNvPr id="227333" name="Rectangle 5"/>
          <p:cNvSpPr>
            <a:spLocks noGrp="1" noChangeArrowheads="1"/>
          </p:cNvSpPr>
          <p:nvPr>
            <p:ph type="sldNum" sz="quarter" idx="3"/>
          </p:nvPr>
        </p:nvSpPr>
        <p:spPr bwMode="auto">
          <a:xfrm>
            <a:off x="3849688" y="9428163"/>
            <a:ext cx="2946400" cy="496887"/>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algn="r" eaLnBrk="0" hangingPunct="0">
              <a:defRPr sz="1200">
                <a:ea typeface="宋体" pitchFamily="2" charset="-122"/>
              </a:defRPr>
            </a:lvl1pPr>
          </a:lstStyle>
          <a:p>
            <a:pPr>
              <a:defRPr/>
            </a:pPr>
            <a:fld id="{BCCD5F5F-E79A-4393-B398-600DF8404F54}" type="slidenum">
              <a:rPr lang="zh-CN" altLang="en-US"/>
              <a:pPr>
                <a:defRPr/>
              </a:pPr>
              <a:t>‹#›</a:t>
            </a:fld>
            <a:endParaRPr lang="en-US" altLang="zh-CN" dirty="0"/>
          </a:p>
        </p:txBody>
      </p:sp>
    </p:spTree>
    <p:extLst>
      <p:ext uri="{BB962C8B-B14F-4D97-AF65-F5344CB8AC3E}">
        <p14:creationId xmlns="" xmlns:p14="http://schemas.microsoft.com/office/powerpoint/2010/main" val="134613933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8.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9698" name="Rectangle 2"/>
          <p:cNvSpPr>
            <a:spLocks noGrp="1" noChangeArrowheads="1"/>
          </p:cNvSpPr>
          <p:nvPr>
            <p:ph type="hdr" sz="quarter"/>
          </p:nvPr>
        </p:nvSpPr>
        <p:spPr bwMode="auto">
          <a:xfrm>
            <a:off x="0" y="0"/>
            <a:ext cx="2946400" cy="496888"/>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eaLnBrk="0" hangingPunct="0">
              <a:defRPr sz="1200"/>
            </a:lvl1pPr>
          </a:lstStyle>
          <a:p>
            <a:pPr>
              <a:defRPr/>
            </a:pPr>
            <a:endParaRPr lang="zh-CN" altLang="en-US"/>
          </a:p>
        </p:txBody>
      </p:sp>
      <p:sp>
        <p:nvSpPr>
          <p:cNvPr id="29699" name="Rectangle 3"/>
          <p:cNvSpPr>
            <a:spLocks noGrp="1" noChangeArrowheads="1"/>
          </p:cNvSpPr>
          <p:nvPr>
            <p:ph type="dt" idx="1"/>
          </p:nvPr>
        </p:nvSpPr>
        <p:spPr bwMode="auto">
          <a:xfrm>
            <a:off x="3849688" y="0"/>
            <a:ext cx="2946400" cy="496888"/>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r" eaLnBrk="0" hangingPunct="0">
              <a:defRPr sz="1200"/>
            </a:lvl1pPr>
          </a:lstStyle>
          <a:p>
            <a:pPr>
              <a:defRPr/>
            </a:pPr>
            <a:fld id="{34EB2EE0-AF00-4889-A8E9-751BA2B481A6}" type="datetimeFigureOut">
              <a:rPr lang="zh-CN" altLang="en-US"/>
              <a:pPr>
                <a:defRPr/>
              </a:pPr>
              <a:t>2015/4/22</a:t>
            </a:fld>
            <a:endParaRPr lang="en-US" altLang="zh-CN" dirty="0"/>
          </a:p>
        </p:txBody>
      </p:sp>
      <p:sp>
        <p:nvSpPr>
          <p:cNvPr id="80900" name="Rectangle 4"/>
          <p:cNvSpPr>
            <a:spLocks noGrp="1" noRot="1" noChangeAspect="1" noChangeArrowheads="1" noTextEdit="1"/>
          </p:cNvSpPr>
          <p:nvPr>
            <p:ph type="sldImg" idx="2"/>
          </p:nvPr>
        </p:nvSpPr>
        <p:spPr bwMode="auto">
          <a:xfrm>
            <a:off x="90488" y="744538"/>
            <a:ext cx="6616700" cy="3722687"/>
          </a:xfrm>
          <a:prstGeom prst="rect">
            <a:avLst/>
          </a:prstGeom>
          <a:noFill/>
          <a:ln w="9525">
            <a:solidFill>
              <a:srgbClr val="000000"/>
            </a:solidFill>
            <a:miter lim="800000"/>
            <a:headEnd/>
            <a:tailEnd/>
          </a:ln>
          <a:extLst>
            <a:ext uri="{909E8E84-426E-40DD-AFC4-6F175D3DCCD1}">
              <a14:hiddenFill xmlns="" xmlns:a14="http://schemas.microsoft.com/office/drawing/2010/main">
                <a:solidFill>
                  <a:srgbClr val="FFFFFF"/>
                </a:solidFill>
              </a14:hiddenFill>
            </a:ext>
          </a:extLst>
        </p:spPr>
      </p:sp>
      <p:sp>
        <p:nvSpPr>
          <p:cNvPr id="29701" name="Rectangle 5"/>
          <p:cNvSpPr>
            <a:spLocks noGrp="1" noChangeArrowheads="1"/>
          </p:cNvSpPr>
          <p:nvPr>
            <p:ph type="body" sz="quarter" idx="3"/>
          </p:nvPr>
        </p:nvSpPr>
        <p:spPr bwMode="auto">
          <a:xfrm>
            <a:off x="679450" y="4714875"/>
            <a:ext cx="5438775" cy="4467225"/>
          </a:xfrm>
          <a:prstGeom prst="rect">
            <a:avLst/>
          </a:prstGeom>
          <a:noFill/>
          <a:ln>
            <a:noFill/>
          </a:ln>
          <a:effectLst/>
          <a:extLst/>
        </p:spPr>
        <p:txBody>
          <a:bodyPr vert="horz" wrap="square" lIns="91440" tIns="45720" rIns="91440" bIns="45720" numCol="1" anchor="t" anchorCtr="0" compatLnSpc="1">
            <a:prstTxWarp prst="textNoShape">
              <a:avLst/>
            </a:prstTxWarp>
          </a:bodyPr>
          <a:lstStyle/>
          <a:p>
            <a:pPr lvl="0"/>
            <a:r>
              <a:rPr lang="zh-CN" altLang="en-US" noProof="0" smtClean="0"/>
              <a:t>单击此处编辑母版文本样式</a:t>
            </a:r>
          </a:p>
          <a:p>
            <a:pPr lvl="1"/>
            <a:r>
              <a:rPr lang="zh-CN" altLang="en-US" noProof="0" smtClean="0"/>
              <a:t>第二级</a:t>
            </a:r>
          </a:p>
          <a:p>
            <a:pPr lvl="2"/>
            <a:r>
              <a:rPr lang="zh-CN" altLang="en-US" noProof="0" smtClean="0"/>
              <a:t>第三级</a:t>
            </a:r>
          </a:p>
          <a:p>
            <a:pPr lvl="3"/>
            <a:r>
              <a:rPr lang="zh-CN" altLang="en-US" noProof="0" smtClean="0"/>
              <a:t>第四级</a:t>
            </a:r>
          </a:p>
          <a:p>
            <a:pPr lvl="4"/>
            <a:r>
              <a:rPr lang="zh-CN" altLang="en-US" noProof="0" smtClean="0"/>
              <a:t>第五级</a:t>
            </a:r>
          </a:p>
        </p:txBody>
      </p:sp>
      <p:sp>
        <p:nvSpPr>
          <p:cNvPr id="29702" name="Rectangle 6"/>
          <p:cNvSpPr>
            <a:spLocks noGrp="1" noChangeArrowheads="1"/>
          </p:cNvSpPr>
          <p:nvPr>
            <p:ph type="ftr" sz="quarter" idx="4"/>
          </p:nvPr>
        </p:nvSpPr>
        <p:spPr bwMode="auto">
          <a:xfrm>
            <a:off x="0" y="9428163"/>
            <a:ext cx="2946400" cy="496887"/>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eaLnBrk="0" hangingPunct="0">
              <a:defRPr sz="1200"/>
            </a:lvl1pPr>
          </a:lstStyle>
          <a:p>
            <a:pPr>
              <a:defRPr/>
            </a:pPr>
            <a:endParaRPr lang="en-US" altLang="zh-CN"/>
          </a:p>
        </p:txBody>
      </p:sp>
      <p:sp>
        <p:nvSpPr>
          <p:cNvPr id="29703" name="Rectangle 7"/>
          <p:cNvSpPr>
            <a:spLocks noGrp="1" noChangeArrowheads="1"/>
          </p:cNvSpPr>
          <p:nvPr>
            <p:ph type="sldNum" sz="quarter" idx="5"/>
          </p:nvPr>
        </p:nvSpPr>
        <p:spPr bwMode="auto">
          <a:xfrm>
            <a:off x="3849688" y="9428163"/>
            <a:ext cx="2946400" cy="496887"/>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algn="r" eaLnBrk="0" hangingPunct="0">
              <a:defRPr sz="1200"/>
            </a:lvl1pPr>
          </a:lstStyle>
          <a:p>
            <a:pPr>
              <a:defRPr/>
            </a:pPr>
            <a:fld id="{4E57AAF8-0D26-4C31-8ABE-508440AE460F}" type="slidenum">
              <a:rPr lang="zh-CN" altLang="en-US"/>
              <a:pPr>
                <a:defRPr/>
              </a:pPr>
              <a:t>‹#›</a:t>
            </a:fld>
            <a:endParaRPr lang="en-US" altLang="zh-CN" dirty="0"/>
          </a:p>
        </p:txBody>
      </p:sp>
    </p:spTree>
    <p:extLst>
      <p:ext uri="{BB962C8B-B14F-4D97-AF65-F5344CB8AC3E}">
        <p14:creationId xmlns="" xmlns:p14="http://schemas.microsoft.com/office/powerpoint/2010/main" val="4245688451"/>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2400" kern="1200">
        <a:solidFill>
          <a:schemeClr val="tx1"/>
        </a:solidFill>
        <a:latin typeface="Calibri" pitchFamily="34" charset="0"/>
        <a:ea typeface="宋体" pitchFamily="2" charset="-122"/>
        <a:cs typeface="+mn-cs"/>
      </a:defRPr>
    </a:lvl1pPr>
    <a:lvl2pPr marL="911220" algn="l" rtl="0" eaLnBrk="0" fontAlgn="base" hangingPunct="0">
      <a:spcBef>
        <a:spcPct val="30000"/>
      </a:spcBef>
      <a:spcAft>
        <a:spcPct val="0"/>
      </a:spcAft>
      <a:defRPr sz="2400" kern="1200">
        <a:solidFill>
          <a:schemeClr val="tx1"/>
        </a:solidFill>
        <a:latin typeface="Calibri" pitchFamily="34" charset="0"/>
        <a:ea typeface="宋体" pitchFamily="2" charset="-122"/>
        <a:cs typeface="+mn-cs"/>
      </a:defRPr>
    </a:lvl2pPr>
    <a:lvl3pPr marL="1822446" algn="l" rtl="0" eaLnBrk="0" fontAlgn="base" hangingPunct="0">
      <a:spcBef>
        <a:spcPct val="30000"/>
      </a:spcBef>
      <a:spcAft>
        <a:spcPct val="0"/>
      </a:spcAft>
      <a:defRPr sz="2400" kern="1200">
        <a:solidFill>
          <a:schemeClr val="tx1"/>
        </a:solidFill>
        <a:latin typeface="Calibri" pitchFamily="34" charset="0"/>
        <a:ea typeface="宋体" pitchFamily="2" charset="-122"/>
        <a:cs typeface="+mn-cs"/>
      </a:defRPr>
    </a:lvl3pPr>
    <a:lvl4pPr marL="2733659" algn="l" rtl="0" eaLnBrk="0" fontAlgn="base" hangingPunct="0">
      <a:spcBef>
        <a:spcPct val="30000"/>
      </a:spcBef>
      <a:spcAft>
        <a:spcPct val="0"/>
      </a:spcAft>
      <a:defRPr sz="2400" kern="1200">
        <a:solidFill>
          <a:schemeClr val="tx1"/>
        </a:solidFill>
        <a:latin typeface="Calibri" pitchFamily="34" charset="0"/>
        <a:ea typeface="宋体" pitchFamily="2" charset="-122"/>
        <a:cs typeface="+mn-cs"/>
      </a:defRPr>
    </a:lvl4pPr>
    <a:lvl5pPr marL="3644875" algn="l" rtl="0" eaLnBrk="0" fontAlgn="base" hangingPunct="0">
      <a:spcBef>
        <a:spcPct val="30000"/>
      </a:spcBef>
      <a:spcAft>
        <a:spcPct val="0"/>
      </a:spcAft>
      <a:defRPr sz="2400" kern="1200">
        <a:solidFill>
          <a:schemeClr val="tx1"/>
        </a:solidFill>
        <a:latin typeface="Calibri" pitchFamily="34" charset="0"/>
        <a:ea typeface="宋体" pitchFamily="2" charset="-122"/>
        <a:cs typeface="+mn-cs"/>
      </a:defRPr>
    </a:lvl5pPr>
    <a:lvl6pPr marL="4556089" algn="l" defTabSz="1822446" rtl="0" eaLnBrk="1" latinLnBrk="0" hangingPunct="1">
      <a:defRPr sz="2400" kern="1200">
        <a:solidFill>
          <a:schemeClr val="tx1"/>
        </a:solidFill>
        <a:latin typeface="+mn-lt"/>
        <a:ea typeface="+mn-ea"/>
        <a:cs typeface="+mn-cs"/>
      </a:defRPr>
    </a:lvl6pPr>
    <a:lvl7pPr marL="5467305" algn="l" defTabSz="1822446" rtl="0" eaLnBrk="1" latinLnBrk="0" hangingPunct="1">
      <a:defRPr sz="2400" kern="1200">
        <a:solidFill>
          <a:schemeClr val="tx1"/>
        </a:solidFill>
        <a:latin typeface="+mn-lt"/>
        <a:ea typeface="+mn-ea"/>
        <a:cs typeface="+mn-cs"/>
      </a:defRPr>
    </a:lvl7pPr>
    <a:lvl8pPr marL="6378529" algn="l" defTabSz="1822446" rtl="0" eaLnBrk="1" latinLnBrk="0" hangingPunct="1">
      <a:defRPr sz="2400" kern="1200">
        <a:solidFill>
          <a:schemeClr val="tx1"/>
        </a:solidFill>
        <a:latin typeface="+mn-lt"/>
        <a:ea typeface="+mn-ea"/>
        <a:cs typeface="+mn-cs"/>
      </a:defRPr>
    </a:lvl8pPr>
    <a:lvl9pPr marL="7289746" algn="l" defTabSz="1822446" rtl="0" eaLnBrk="1" latinLnBrk="0" hangingPunct="1">
      <a:defRPr sz="2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90488" y="744538"/>
            <a:ext cx="6616700" cy="3722687"/>
          </a:xfrm>
        </p:spPr>
      </p:sp>
      <p:sp>
        <p:nvSpPr>
          <p:cNvPr id="3" name="备注占位符 2"/>
          <p:cNvSpPr>
            <a:spLocks noGrp="1"/>
          </p:cNvSpPr>
          <p:nvPr>
            <p:ph type="body" idx="1"/>
          </p:nvPr>
        </p:nvSpPr>
        <p:spPr/>
        <p:txBody>
          <a:bodyPr/>
          <a:lstStyle/>
          <a:p>
            <a:pPr eaLnBrk="1" hangingPunct="1"/>
            <a:endParaRPr lang="zh-CN" altLang="zh-CN" dirty="0" smtClean="0">
              <a:ea typeface="宋体" pitchFamily="2" charset="-122"/>
            </a:endParaRPr>
          </a:p>
        </p:txBody>
      </p:sp>
      <p:sp>
        <p:nvSpPr>
          <p:cNvPr id="4" name="灯片编号占位符 3"/>
          <p:cNvSpPr>
            <a:spLocks noGrp="1"/>
          </p:cNvSpPr>
          <p:nvPr>
            <p:ph type="sldNum" sz="quarter" idx="10"/>
          </p:nvPr>
        </p:nvSpPr>
        <p:spPr/>
        <p:txBody>
          <a:bodyPr/>
          <a:lstStyle/>
          <a:p>
            <a:fld id="{E3D1208B-ABB5-48F0-93EC-79B837E3F925}" type="slidenum">
              <a:rPr lang="zh-CN" altLang="en-US" smtClean="0">
                <a:solidFill>
                  <a:prstClr val="black"/>
                </a:solidFill>
              </a:rPr>
              <a:pPr/>
              <a:t>0</a:t>
            </a:fld>
            <a:endParaRPr lang="en-US" altLang="zh-CN" dirty="0">
              <a:solidFill>
                <a:prstClr val="black"/>
              </a:solidFill>
            </a:endParaRPr>
          </a:p>
        </p:txBody>
      </p:sp>
    </p:spTree>
    <p:extLst>
      <p:ext uri="{BB962C8B-B14F-4D97-AF65-F5344CB8AC3E}">
        <p14:creationId xmlns="" xmlns:p14="http://schemas.microsoft.com/office/powerpoint/2010/main" val="382260056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fld id="{E3D1208B-ABB5-48F0-93EC-79B837E3F925}" type="slidenum">
              <a:rPr lang="zh-CN" altLang="en-US" smtClean="0">
                <a:solidFill>
                  <a:prstClr val="black"/>
                </a:solidFill>
              </a:rPr>
              <a:pPr/>
              <a:t>9</a:t>
            </a:fld>
            <a:endParaRPr lang="en-US" altLang="zh-CN" dirty="0">
              <a:solidFill>
                <a:prstClr val="black"/>
              </a:solidFill>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r>
              <a:rPr lang="zh-CN" altLang="en-US" dirty="0" smtClean="0"/>
              <a:t>物理世界的变化</a:t>
            </a:r>
            <a:endParaRPr lang="zh-CN" altLang="en-US" dirty="0"/>
          </a:p>
        </p:txBody>
      </p:sp>
      <p:sp>
        <p:nvSpPr>
          <p:cNvPr id="4" name="灯片编号占位符 3"/>
          <p:cNvSpPr>
            <a:spLocks noGrp="1"/>
          </p:cNvSpPr>
          <p:nvPr>
            <p:ph type="sldNum" sz="quarter" idx="10"/>
          </p:nvPr>
        </p:nvSpPr>
        <p:spPr/>
        <p:txBody>
          <a:bodyPr/>
          <a:lstStyle/>
          <a:p>
            <a:pPr>
              <a:defRPr/>
            </a:pPr>
            <a:fld id="{4E57AAF8-0D26-4C31-8ABE-508440AE460F}" type="slidenum">
              <a:rPr lang="zh-CN" altLang="en-US" smtClean="0"/>
              <a:pPr>
                <a:defRPr/>
              </a:pPr>
              <a:t>1</a:t>
            </a:fld>
            <a:endParaRPr lang="en-US" altLang="zh-CN"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矩形 2"/>
          <p:cNvSpPr>
            <a:spLocks noGrp="1" noRot="1" noChangeAspect="1" noChangeArrowheads="1" noTextEdit="1"/>
          </p:cNvSpPr>
          <p:nvPr>
            <p:ph type="sldImg"/>
          </p:nvPr>
        </p:nvSpPr>
        <p:spPr bwMode="auto">
          <a:xfrm>
            <a:off x="96838" y="742950"/>
            <a:ext cx="6618287" cy="3724275"/>
          </a:xfrm>
          <a:noFill/>
          <a:ln>
            <a:solidFill>
              <a:srgbClr val="000000"/>
            </a:solidFill>
            <a:miter lim="800000"/>
            <a:headEnd/>
            <a:tailEnd/>
          </a:ln>
        </p:spPr>
      </p:sp>
      <p:sp>
        <p:nvSpPr>
          <p:cNvPr id="9219" name="矩形 3"/>
          <p:cNvSpPr>
            <a:spLocks noGrp="1" noChangeArrowheads="1"/>
          </p:cNvSpPr>
          <p:nvPr>
            <p:ph type="body" idx="1"/>
          </p:nvPr>
        </p:nvSpPr>
        <p:spPr bwMode="auto">
          <a:xfrm>
            <a:off x="906357" y="4716877"/>
            <a:ext cx="4984962" cy="4466987"/>
          </a:xfrm>
          <a:noFill/>
        </p:spPr>
        <p:txBody>
          <a:bodyPr wrap="square" numCol="1" anchor="t" anchorCtr="0" compatLnSpc="1">
            <a:prstTxWarp prst="textNoShape">
              <a:avLst/>
            </a:prstTxWarp>
          </a:bodyPr>
          <a:lstStyle/>
          <a:p>
            <a:pPr eaLnBrk="1" hangingPunct="1"/>
            <a:endParaRPr lang="en-US" altLang="zh-CN" dirty="0" smtClean="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8290" name="Slide Image Placeholder 1"/>
          <p:cNvSpPr>
            <a:spLocks noGrp="1" noRot="1" noChangeAspect="1" noTextEdit="1"/>
          </p:cNvSpPr>
          <p:nvPr>
            <p:ph type="sldImg"/>
          </p:nvPr>
        </p:nvSpPr>
        <p:spPr>
          <a:xfrm>
            <a:off x="90488" y="744538"/>
            <a:ext cx="6616700" cy="3722687"/>
          </a:xfrm>
          <a:ln/>
        </p:spPr>
      </p:sp>
      <p:sp>
        <p:nvSpPr>
          <p:cNvPr id="268291" name="Notes Placeholder 2"/>
          <p:cNvSpPr>
            <a:spLocks noGrp="1"/>
          </p:cNvSpPr>
          <p:nvPr>
            <p:ph type="body" idx="1"/>
          </p:nvPr>
        </p:nvSpPr>
        <p:spPr>
          <a:noFill/>
          <a:ln/>
        </p:spPr>
        <p:txBody>
          <a:bodyPr/>
          <a:lstStyle/>
          <a:p>
            <a:pPr eaLnBrk="1" hangingPunct="1"/>
            <a:r>
              <a:rPr lang="zh-CN" altLang="en-US" sz="1100" b="1" dirty="0" smtClean="0">
                <a:latin typeface="Arial" pitchFamily="34" charset="0"/>
                <a:cs typeface="Arial" pitchFamily="34" charset="0"/>
              </a:rPr>
              <a:t>招聘行业顶尖专家，通过自研与合作，进行关键技术研发，支撑产品竞争力业界领先，更好地满足客户需求，贡献行业创新；</a:t>
            </a:r>
          </a:p>
          <a:p>
            <a:pPr eaLnBrk="1" hangingPunct="1"/>
            <a:endParaRPr lang="zh-CN" altLang="en-US" dirty="0" smtClean="0">
              <a:latin typeface="Arial" pitchFamily="34" charset="0"/>
            </a:endParaRPr>
          </a:p>
        </p:txBody>
      </p:sp>
      <p:sp>
        <p:nvSpPr>
          <p:cNvPr id="268292" name="Slide Number Placeholder 3"/>
          <p:cNvSpPr>
            <a:spLocks noGrp="1"/>
          </p:cNvSpPr>
          <p:nvPr>
            <p:ph type="sldNum" sz="quarter" idx="5"/>
          </p:nvPr>
        </p:nvSpPr>
        <p:spPr>
          <a:noFill/>
        </p:spPr>
        <p:txBody>
          <a:bodyPr/>
          <a:lstStyle/>
          <a:p>
            <a:fld id="{07D56F93-BE47-4FAC-9C42-22B3A2DD3768}" type="slidenum">
              <a:rPr lang="zh-CN" altLang="en-US" smtClean="0">
                <a:latin typeface="Arial" pitchFamily="34" charset="0"/>
              </a:rPr>
              <a:pPr/>
              <a:t>3</a:t>
            </a:fld>
            <a:endParaRPr lang="en-US" altLang="zh-CN" smtClean="0">
              <a:latin typeface="Arial" pitchFamily="34" charset="0"/>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矩形 2"/>
          <p:cNvSpPr>
            <a:spLocks noGrp="1" noRot="1" noChangeAspect="1" noChangeArrowheads="1" noTextEdit="1"/>
          </p:cNvSpPr>
          <p:nvPr>
            <p:ph type="sldImg"/>
          </p:nvPr>
        </p:nvSpPr>
        <p:spPr bwMode="auto">
          <a:xfrm>
            <a:off x="100013" y="742950"/>
            <a:ext cx="6618287" cy="3724275"/>
          </a:xfrm>
          <a:noFill/>
          <a:ln>
            <a:solidFill>
              <a:srgbClr val="000000"/>
            </a:solidFill>
            <a:miter lim="800000"/>
            <a:headEnd/>
            <a:tailEnd/>
          </a:ln>
        </p:spPr>
      </p:sp>
      <p:sp>
        <p:nvSpPr>
          <p:cNvPr id="9219" name="矩形 3"/>
          <p:cNvSpPr>
            <a:spLocks noGrp="1" noChangeArrowheads="1"/>
          </p:cNvSpPr>
          <p:nvPr>
            <p:ph type="body" idx="1"/>
          </p:nvPr>
        </p:nvSpPr>
        <p:spPr bwMode="auto">
          <a:xfrm>
            <a:off x="906357" y="4716877"/>
            <a:ext cx="4984962" cy="4466987"/>
          </a:xfrm>
          <a:noFill/>
        </p:spPr>
        <p:txBody>
          <a:bodyPr wrap="square" numCol="1" anchor="t" anchorCtr="0" compatLnSpc="1">
            <a:prstTxWarp prst="textNoShape">
              <a:avLst/>
            </a:prstTxWarp>
          </a:bodyPr>
          <a:lstStyle/>
          <a:p>
            <a:pPr eaLnBrk="1" hangingPunct="1"/>
            <a:endParaRPr lang="en-US" altLang="zh-CN" dirty="0"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r>
              <a:rPr lang="en-US" altLang="zh-CN" dirty="0" smtClean="0"/>
              <a:t>DC have</a:t>
            </a:r>
            <a:r>
              <a:rPr lang="en-US" altLang="zh-CN" baseline="0" dirty="0" smtClean="0"/>
              <a:t> 3 levels solutions, layer1 covers the facilities and building, layer2 covers ICT infrastructure, network, storage and computing.</a:t>
            </a:r>
          </a:p>
          <a:p>
            <a:r>
              <a:rPr lang="en-US" altLang="zh-CN" baseline="0" dirty="0" smtClean="0"/>
              <a:t>Layer3 covers applications.</a:t>
            </a:r>
            <a:endParaRPr lang="en-US" altLang="zh-CN" dirty="0" smtClean="0"/>
          </a:p>
          <a:p>
            <a:endParaRPr lang="en-US" altLang="zh-CN" dirty="0" smtClean="0"/>
          </a:p>
          <a:p>
            <a:r>
              <a:rPr lang="zh-CN" altLang="en-US" dirty="0" smtClean="0"/>
              <a:t>数据中心建设分三层</a:t>
            </a:r>
            <a:r>
              <a:rPr lang="en-US" altLang="zh-CN" dirty="0" smtClean="0"/>
              <a:t>,</a:t>
            </a:r>
            <a:r>
              <a:rPr lang="zh-CN" altLang="en-US" dirty="0" smtClean="0"/>
              <a:t> </a:t>
            </a:r>
            <a:r>
              <a:rPr lang="en-US" altLang="zh-CN" dirty="0" smtClean="0"/>
              <a:t>L1</a:t>
            </a:r>
            <a:r>
              <a:rPr lang="zh-CN" altLang="en-US" dirty="0" smtClean="0"/>
              <a:t>数据中心基础建设</a:t>
            </a:r>
            <a:r>
              <a:rPr lang="en-US" altLang="zh-CN" dirty="0" smtClean="0"/>
              <a:t>,L2</a:t>
            </a:r>
            <a:r>
              <a:rPr lang="zh-CN" altLang="en-US" dirty="0" smtClean="0"/>
              <a:t>数据中心网络</a:t>
            </a:r>
            <a:r>
              <a:rPr lang="en-US" altLang="zh-CN" dirty="0" smtClean="0"/>
              <a:t>,</a:t>
            </a:r>
            <a:r>
              <a:rPr lang="zh-CN" altLang="en-US" dirty="0" smtClean="0"/>
              <a:t>计算</a:t>
            </a:r>
            <a:r>
              <a:rPr lang="en-US" altLang="zh-CN" dirty="0" smtClean="0"/>
              <a:t>,</a:t>
            </a:r>
            <a:r>
              <a:rPr lang="zh-CN" altLang="en-US" dirty="0" smtClean="0"/>
              <a:t>存储</a:t>
            </a:r>
            <a:r>
              <a:rPr lang="en-US" altLang="zh-CN" dirty="0" smtClean="0"/>
              <a:t>.L3,OS</a:t>
            </a:r>
            <a:r>
              <a:rPr lang="zh-CN" altLang="en-US" dirty="0" smtClean="0"/>
              <a:t>架构</a:t>
            </a:r>
            <a:r>
              <a:rPr lang="en-US" altLang="zh-CN" dirty="0" smtClean="0"/>
              <a:t>,</a:t>
            </a:r>
            <a:r>
              <a:rPr lang="zh-CN" altLang="en-US" dirty="0" smtClean="0"/>
              <a:t>应用开发架构</a:t>
            </a:r>
            <a:r>
              <a:rPr lang="en-US" altLang="zh-CN" dirty="0" smtClean="0"/>
              <a:t>,</a:t>
            </a:r>
            <a:r>
              <a:rPr lang="zh-CN" altLang="en-US" dirty="0" smtClean="0"/>
              <a:t>应用层面</a:t>
            </a:r>
            <a:r>
              <a:rPr lang="en-US" altLang="zh-CN" dirty="0" smtClean="0"/>
              <a:t>.</a:t>
            </a:r>
            <a:endParaRPr lang="zh-CN" altLang="en-US" dirty="0"/>
          </a:p>
        </p:txBody>
      </p:sp>
      <p:sp>
        <p:nvSpPr>
          <p:cNvPr id="4" name="灯片编号占位符 3"/>
          <p:cNvSpPr>
            <a:spLocks noGrp="1"/>
          </p:cNvSpPr>
          <p:nvPr>
            <p:ph type="sldNum" sz="quarter" idx="10"/>
          </p:nvPr>
        </p:nvSpPr>
        <p:spPr/>
        <p:txBody>
          <a:bodyPr/>
          <a:lstStyle/>
          <a:p>
            <a:fld id="{E3D1208B-ABB5-48F0-93EC-79B837E3F925}" type="slidenum">
              <a:rPr lang="zh-CN" altLang="en-US" smtClean="0"/>
              <a:pPr/>
              <a:t>5</a:t>
            </a:fld>
            <a:endParaRPr lang="en-US" altLang="zh-CN"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zh-CN" altLang="en-US" sz="2800" b="0" i="0" u="none" strike="noStrike" cap="none" normalizeH="0" baseline="0" dirty="0" smtClean="0">
              <a:ln>
                <a:noFill/>
              </a:ln>
              <a:solidFill>
                <a:schemeClr val="bg1"/>
              </a:solidFill>
              <a:effectLst/>
              <a:latin typeface="Arial" pitchFamily="34" charset="0"/>
              <a:ea typeface="宋体" pitchFamily="2" charset="-122"/>
              <a:cs typeface="宋体" pitchFamily="2" charset="-122"/>
            </a:endParaRPr>
          </a:p>
        </p:txBody>
      </p:sp>
      <p:sp>
        <p:nvSpPr>
          <p:cNvPr id="4" name="灯片编号占位符 3"/>
          <p:cNvSpPr>
            <a:spLocks noGrp="1"/>
          </p:cNvSpPr>
          <p:nvPr>
            <p:ph type="sldNum" sz="quarter" idx="10"/>
          </p:nvPr>
        </p:nvSpPr>
        <p:spPr/>
        <p:txBody>
          <a:bodyPr/>
          <a:lstStyle/>
          <a:p>
            <a:fld id="{55A094D5-940F-8F45-979D-8B81531D7879}" type="slidenum">
              <a:rPr lang="en-US" smtClean="0">
                <a:solidFill>
                  <a:prstClr val="black"/>
                </a:solidFill>
              </a:rPr>
              <a:pPr/>
              <a:t>6</a:t>
            </a:fld>
            <a:endParaRPr lang="en-US">
              <a:solidFill>
                <a:prstClr val="black"/>
              </a:solidFill>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054DD4F5-30AF-464E-838A-0DB63ECFD48D}" type="slidenum">
              <a:rPr lang="zh-CN" altLang="en-US" smtClean="0">
                <a:solidFill>
                  <a:prstClr val="black"/>
                </a:solidFill>
              </a:rPr>
              <a:pPr/>
              <a:t>7</a:t>
            </a:fld>
            <a:endParaRPr lang="zh-CN" altLang="en-US">
              <a:solidFill>
                <a:prstClr val="black"/>
              </a:solidFill>
            </a:endParaRPr>
          </a:p>
        </p:txBody>
      </p:sp>
    </p:spTree>
    <p:extLst>
      <p:ext uri="{BB962C8B-B14F-4D97-AF65-F5344CB8AC3E}">
        <p14:creationId xmlns="" xmlns:p14="http://schemas.microsoft.com/office/powerpoint/2010/main" val="348050318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幻灯片图像占位符 1"/>
          <p:cNvSpPr>
            <a:spLocks noGrp="1" noRot="1" noChangeAspect="1" noTextEdit="1"/>
          </p:cNvSpPr>
          <p:nvPr>
            <p:ph type="sldImg"/>
          </p:nvPr>
        </p:nvSpPr>
        <p:spPr>
          <a:ln/>
        </p:spPr>
      </p:sp>
      <p:sp>
        <p:nvSpPr>
          <p:cNvPr id="19459" name="备注占位符 2"/>
          <p:cNvSpPr>
            <a:spLocks noGrp="1"/>
          </p:cNvSpPr>
          <p:nvPr>
            <p:ph type="body" idx="1"/>
          </p:nvPr>
        </p:nvSpPr>
        <p:spPr>
          <a:noFill/>
        </p:spPr>
        <p:txBody>
          <a:bodyPr/>
          <a:lstStyle/>
          <a:p>
            <a:endParaRPr lang="zh-CN" dirty="0" smtClean="0">
              <a:solidFill>
                <a:srgbClr val="000000"/>
              </a:solidFill>
              <a:latin typeface="Arial" charset="0"/>
              <a:ea typeface="宋体" charset="-122"/>
              <a:sym typeface="Calibri" pitchFamily="34" charset="0"/>
            </a:endParaRPr>
          </a:p>
        </p:txBody>
      </p:sp>
      <p:sp>
        <p:nvSpPr>
          <p:cNvPr id="19460" name="灯片编号占位符 3"/>
          <p:cNvSpPr>
            <a:spLocks noGrp="1"/>
          </p:cNvSpPr>
          <p:nvPr>
            <p:ph type="sldNum" sz="quarter" idx="5"/>
          </p:nvPr>
        </p:nvSpPr>
        <p:spPr>
          <a:noFill/>
          <a:ln>
            <a:miter lim="800000"/>
            <a:headEnd/>
            <a:tailEnd/>
          </a:ln>
        </p:spPr>
        <p:txBody>
          <a:bodyPr/>
          <a:lstStyle/>
          <a:p>
            <a:pPr>
              <a:buSzPct val="100000"/>
            </a:pPr>
            <a:fld id="{8B43C651-2922-4990-BE6C-313725591FC7}" type="slidenum">
              <a:rPr lang="zh-CN" altLang="zh-CN" smtClean="0">
                <a:solidFill>
                  <a:srgbClr val="000000"/>
                </a:solidFill>
                <a:latin typeface="Arial" charset="0"/>
                <a:ea typeface="宋体" charset="-122"/>
                <a:sym typeface="Calibri" pitchFamily="34" charset="0"/>
              </a:rPr>
              <a:pPr>
                <a:buSzPct val="100000"/>
              </a:pPr>
              <a:t>8</a:t>
            </a:fld>
            <a:endParaRPr lang="zh-CN" altLang="zh-CN" smtClean="0">
              <a:solidFill>
                <a:srgbClr val="000000"/>
              </a:solidFill>
              <a:latin typeface="Arial" charset="0"/>
              <a:ea typeface="宋体" charset="-122"/>
              <a:sym typeface="Calibri" pitchFamily="34" charset="0"/>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空白">
    <p:spTree>
      <p:nvGrpSpPr>
        <p:cNvPr id="1" name=""/>
        <p:cNvGrpSpPr/>
        <p:nvPr/>
      </p:nvGrpSpPr>
      <p:grpSpPr>
        <a:xfrm>
          <a:off x="0" y="0"/>
          <a:ext cx="0" cy="0"/>
          <a:chOff x="0" y="0"/>
          <a:chExt cx="0" cy="0"/>
        </a:xfrm>
      </p:grpSpPr>
      <p:sp>
        <p:nvSpPr>
          <p:cNvPr id="4" name="Title 3"/>
          <p:cNvSpPr>
            <a:spLocks noGrp="1"/>
          </p:cNvSpPr>
          <p:nvPr>
            <p:ph type="title"/>
          </p:nvPr>
        </p:nvSpPr>
        <p:spPr>
          <a:xfrm>
            <a:off x="1511577" y="3396076"/>
            <a:ext cx="11378001" cy="2108799"/>
          </a:xfrm>
          <a:prstGeom prst="rect">
            <a:avLst/>
          </a:prstGeom>
        </p:spPr>
        <p:txBody>
          <a:bodyPr/>
          <a:lstStyle/>
          <a:p>
            <a:r>
              <a:rPr lang="en-US" smtClean="0"/>
              <a:t>Click to edit Master title style</a:t>
            </a:r>
            <a:endParaRPr lang="en-US"/>
          </a:p>
        </p:txBody>
      </p:sp>
    </p:spTree>
    <p:extLst>
      <p:ext uri="{BB962C8B-B14F-4D97-AF65-F5344CB8AC3E}">
        <p14:creationId xmlns:p14="http://schemas.microsoft.com/office/powerpoint/2010/main" xmlns="" val="2404942301"/>
      </p:ext>
    </p:extLst>
  </p:cSld>
  <p:clrMapOvr>
    <a:masterClrMapping/>
  </p:clrMapOvr>
  <p:transition advClick="0" advTm="8000">
    <p:fade thruBlk="1"/>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type="titleOnly">
  <p:cSld name="仅标题">
    <p:spTree>
      <p:nvGrpSpPr>
        <p:cNvPr id="1" name=""/>
        <p:cNvGrpSpPr/>
        <p:nvPr/>
      </p:nvGrpSpPr>
      <p:grpSpPr>
        <a:xfrm>
          <a:off x="0" y="0"/>
          <a:ext cx="0" cy="0"/>
          <a:chOff x="0" y="0"/>
          <a:chExt cx="0" cy="0"/>
        </a:xfrm>
      </p:grpSpPr>
      <p:sp>
        <p:nvSpPr>
          <p:cNvPr id="2" name="标题 1"/>
          <p:cNvSpPr>
            <a:spLocks noGrp="1"/>
          </p:cNvSpPr>
          <p:nvPr>
            <p:ph type="title"/>
          </p:nvPr>
        </p:nvSpPr>
        <p:spPr>
          <a:xfrm>
            <a:off x="1314336" y="488320"/>
            <a:ext cx="15662503" cy="1307709"/>
          </a:xfrm>
          <a:prstGeom prst="rect">
            <a:avLst/>
          </a:prstGeom>
        </p:spPr>
        <p:txBody>
          <a:bodyPr lIns="137039" tIns="68520" rIns="137039" bIns="68520"/>
          <a:lstStyle/>
          <a:p>
            <a:r>
              <a:rPr lang="zh-CN" altLang="en-US" smtClean="0"/>
              <a:t>单击此处编辑母版标题样式</a:t>
            </a:r>
            <a:endParaRPr lang="zh-CN" altLang="en-US"/>
          </a:p>
        </p:txBody>
      </p:sp>
    </p:spTree>
  </p:cSld>
  <p:clrMapOvr>
    <a:masterClrMapping/>
  </p:clrMapOvr>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userDrawn="1">
  <p:cSld name="5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6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9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66_标题和内容">
    <p:spTree>
      <p:nvGrpSpPr>
        <p:cNvPr id="1" name=""/>
        <p:cNvGrpSpPr/>
        <p:nvPr/>
      </p:nvGrpSpPr>
      <p:grpSpPr>
        <a:xfrm>
          <a:off x="0" y="0"/>
          <a:ext cx="0" cy="0"/>
          <a:chOff x="0" y="0"/>
          <a:chExt cx="0" cy="0"/>
        </a:xfrm>
      </p:grpSpPr>
      <p:sp>
        <p:nvSpPr>
          <p:cNvPr id="4" name="Rectangle 6"/>
          <p:cNvSpPr>
            <a:spLocks noGrp="1" noChangeArrowheads="1"/>
          </p:cNvSpPr>
          <p:nvPr>
            <p:ph type="dt" sz="half" idx="10"/>
          </p:nvPr>
        </p:nvSpPr>
        <p:spPr>
          <a:xfrm>
            <a:off x="7603714" y="9690497"/>
            <a:ext cx="2219997" cy="599687"/>
          </a:xfrm>
          <a:prstGeom prst="rect">
            <a:avLst/>
          </a:prstGeom>
        </p:spPr>
        <p:txBody>
          <a:bodyPr lIns="164021" tIns="82010" rIns="164021" bIns="82010"/>
          <a:lstStyle>
            <a:lvl1pPr>
              <a:buClr>
                <a:srgbClr val="A2A2A2"/>
              </a:buClr>
              <a:buSzPct val="70000"/>
              <a:buFont typeface="Monotype Sorts" pitchFamily="2" charset="2"/>
              <a:buNone/>
              <a:defRPr sz="2800">
                <a:solidFill>
                  <a:schemeClr val="tx1"/>
                </a:solidFill>
                <a:latin typeface="Arial" pitchFamily="34" charset="0"/>
                <a:ea typeface="宋体" pitchFamily="2" charset="-122"/>
              </a:defRPr>
            </a:lvl1pPr>
          </a:lstStyle>
          <a:p>
            <a:pPr>
              <a:defRPr/>
            </a:pPr>
            <a:r>
              <a:rPr lang="de-DE" altLang="zh-CN" dirty="0" smtClean="0">
                <a:solidFill>
                  <a:srgbClr val="000000"/>
                </a:solidFill>
              </a:rPr>
              <a:t>Page </a:t>
            </a:r>
            <a:fld id="{62AE5876-15B0-4F1D-B700-14C2F885B21A}" type="slidenum">
              <a:rPr lang="de-DE" altLang="zh-CN" smtClean="0">
                <a:solidFill>
                  <a:srgbClr val="000000"/>
                </a:solidFill>
              </a:rPr>
              <a:pPr>
                <a:defRPr/>
              </a:pPr>
              <a:t>‹#›</a:t>
            </a:fld>
            <a:endParaRPr lang="en-GB" altLang="zh-CN" dirty="0">
              <a:solidFill>
                <a:srgbClr val="000000"/>
              </a:solidFill>
            </a:endParaRPr>
          </a:p>
        </p:txBody>
      </p:sp>
      <p:sp>
        <p:nvSpPr>
          <p:cNvPr id="5" name="标题 1"/>
          <p:cNvSpPr>
            <a:spLocks noGrp="1"/>
          </p:cNvSpPr>
          <p:nvPr>
            <p:ph type="title"/>
          </p:nvPr>
        </p:nvSpPr>
        <p:spPr>
          <a:xfrm>
            <a:off x="863230" y="337081"/>
            <a:ext cx="15493513" cy="864361"/>
          </a:xfrm>
          <a:prstGeom prst="rect">
            <a:avLst/>
          </a:prstGeom>
        </p:spPr>
        <p:txBody>
          <a:bodyPr lIns="182773" tIns="91386" rIns="182773" bIns="91386"/>
          <a:lstStyle>
            <a:lvl1pPr>
              <a:defRPr sz="6000"/>
            </a:lvl1pPr>
          </a:lstStyle>
          <a:p>
            <a:r>
              <a:rPr lang="zh-CN" altLang="en-US" dirty="0" smtClean="0"/>
              <a:t>单击此处编辑母版标题样式</a:t>
            </a:r>
            <a:endParaRPr lang="zh-CN" altLang="en-US" dirty="0"/>
          </a:p>
        </p:txBody>
      </p:sp>
    </p:spTree>
  </p:cSld>
  <p:clrMapOvr>
    <a:masterClrMapping/>
  </p:clrMapOvr>
  <p:transition/>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10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sldLayout>
</file>

<file path=ppt/slideLayouts/slideLayout16.xml><?xml version="1.0" encoding="utf-8"?>
<p:sldLayout xmlns:a="http://schemas.openxmlformats.org/drawingml/2006/main" xmlns:r="http://schemas.openxmlformats.org/officeDocument/2006/relationships" xmlns:p="http://schemas.openxmlformats.org/presentationml/2006/main" type="twoObj">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a:xfrm>
            <a:off x="1305153" y="803929"/>
            <a:ext cx="15861877" cy="1305329"/>
          </a:xfrm>
          <a:prstGeom prst="rect">
            <a:avLst/>
          </a:prstGeom>
        </p:spPr>
        <p:txBody>
          <a:bodyPr lIns="137039" tIns="68520" rIns="137039" bIns="68520"/>
          <a:lstStyle/>
          <a:p>
            <a:r>
              <a:rPr lang="zh-CN" altLang="en-US" smtClean="0"/>
              <a:t>单击此处编辑母版标题样式</a:t>
            </a:r>
            <a:endParaRPr lang="zh-CN" altLang="en-US"/>
          </a:p>
        </p:txBody>
      </p:sp>
      <p:sp>
        <p:nvSpPr>
          <p:cNvPr id="3" name="内容占位符 2"/>
          <p:cNvSpPr>
            <a:spLocks noGrp="1"/>
          </p:cNvSpPr>
          <p:nvPr>
            <p:ph sz="half" idx="1"/>
          </p:nvPr>
        </p:nvSpPr>
        <p:spPr>
          <a:xfrm>
            <a:off x="1305164" y="2462983"/>
            <a:ext cx="7776924" cy="6293204"/>
          </a:xfrm>
          <a:prstGeom prst="rect">
            <a:avLst/>
          </a:prstGeom>
        </p:spPr>
        <p:txBody>
          <a:bodyPr lIns="137039" tIns="68520" rIns="137039" bIns="68520"/>
          <a:lstStyle>
            <a:lvl1pPr>
              <a:defRPr sz="4200"/>
            </a:lvl1pPr>
            <a:lvl2pPr>
              <a:defRPr sz="3600"/>
            </a:lvl2pPr>
            <a:lvl3pPr>
              <a:defRPr sz="3000"/>
            </a:lvl3pPr>
            <a:lvl4pPr>
              <a:defRPr sz="2600"/>
            </a:lvl4pPr>
            <a:lvl5pPr>
              <a:defRPr sz="2600"/>
            </a:lvl5pPr>
            <a:lvl6pPr>
              <a:defRPr sz="2600"/>
            </a:lvl6pPr>
            <a:lvl7pPr>
              <a:defRPr sz="2600"/>
            </a:lvl7pPr>
            <a:lvl8pPr>
              <a:defRPr sz="2600"/>
            </a:lvl8pPr>
            <a:lvl9pPr>
              <a:defRPr sz="2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half" idx="2"/>
          </p:nvPr>
        </p:nvSpPr>
        <p:spPr>
          <a:xfrm>
            <a:off x="9386941" y="2462983"/>
            <a:ext cx="7780100" cy="6293204"/>
          </a:xfrm>
          <a:prstGeom prst="rect">
            <a:avLst/>
          </a:prstGeom>
        </p:spPr>
        <p:txBody>
          <a:bodyPr lIns="137039" tIns="68520" rIns="137039" bIns="68520"/>
          <a:lstStyle>
            <a:lvl1pPr>
              <a:defRPr sz="4200"/>
            </a:lvl1pPr>
            <a:lvl2pPr>
              <a:defRPr sz="3600"/>
            </a:lvl2pPr>
            <a:lvl3pPr>
              <a:defRPr sz="3000"/>
            </a:lvl3pPr>
            <a:lvl4pPr>
              <a:defRPr sz="2600"/>
            </a:lvl4pPr>
            <a:lvl5pPr>
              <a:defRPr sz="2600"/>
            </a:lvl5pPr>
            <a:lvl6pPr>
              <a:defRPr sz="2600"/>
            </a:lvl6pPr>
            <a:lvl7pPr>
              <a:defRPr sz="2600"/>
            </a:lvl7pPr>
            <a:lvl8pPr>
              <a:defRPr sz="2600"/>
            </a:lvl8pPr>
            <a:lvl9pPr>
              <a:defRPr sz="26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xmlns="" val="398901205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3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4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11562" y="1946129"/>
            <a:ext cx="15194638" cy="7202222"/>
          </a:xfrm>
          <a:prstGeom prst="rect">
            <a:avLst/>
          </a:prstGeom>
        </p:spPr>
        <p:txBody>
          <a:bodyPr lIns="182773" tIns="91386" rIns="182773" bIns="91386"/>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sldLayout>
</file>

<file path=ppt/slideLayouts/slideLayout19.xml><?xml version="1.0" encoding="utf-8"?>
<p:sldLayout xmlns:a="http://schemas.openxmlformats.org/drawingml/2006/main" xmlns:r="http://schemas.openxmlformats.org/officeDocument/2006/relationships" xmlns:p="http://schemas.openxmlformats.org/presentationml/2006/main" userDrawn="1">
  <p:cSld name="8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61" tIns="91380" rIns="182761" bIns="91380"/>
          <a:lstStyle>
            <a:lvl1pPr>
              <a:defRPr sz="5400"/>
            </a:lvl1pPr>
          </a:lstStyle>
          <a:p>
            <a:r>
              <a:rPr lang="en-US" dirty="0" smtClean="0"/>
              <a:t>Click to edit Master title style</a:t>
            </a:r>
            <a:endParaRPr lang="en-US" dirty="0"/>
          </a:p>
        </p:txBody>
      </p:sp>
    </p:spTree>
  </p:cSld>
  <p:clrMapOvr>
    <a:masterClrMapping/>
  </p:clrMapOvr>
  <p:transition advClick="0" advTm="8000">
    <p:fade thruBlk="1"/>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41"/>
            <a:ext cx="15268050" cy="1307709"/>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773" tIns="91386" rIns="182773" bIns="91386"/>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20.xml><?xml version="1.0" encoding="utf-8"?>
<p:sldLayout xmlns:a="http://schemas.openxmlformats.org/drawingml/2006/main" xmlns:r="http://schemas.openxmlformats.org/officeDocument/2006/relationships" xmlns:p="http://schemas.openxmlformats.org/presentationml/2006/main" userDrawn="1">
  <p:cSld name="1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61" tIns="91380" rIns="182761" bIns="91380"/>
          <a:lstStyle>
            <a:lvl1pPr>
              <a:defRPr sz="5400"/>
            </a:lvl1pPr>
          </a:lstStyle>
          <a:p>
            <a:r>
              <a:rPr lang="en-US" dirty="0" smtClean="0"/>
              <a:t>Click to edit Master title style</a:t>
            </a:r>
            <a:endParaRPr lang="en-US" dirty="0"/>
          </a:p>
        </p:txBody>
      </p:sp>
    </p:spTree>
  </p:cSld>
  <p:clrMapOvr>
    <a:masterClrMapping/>
  </p:clrMapOvr>
  <p:transition advClick="0" advTm="8000">
    <p:fade thruBlk="1"/>
  </p:transition>
</p:sldLayout>
</file>

<file path=ppt/slideLayouts/slideLayout21.xml><?xml version="1.0" encoding="utf-8"?>
<p:sldLayout xmlns:a="http://schemas.openxmlformats.org/drawingml/2006/main" xmlns:r="http://schemas.openxmlformats.org/officeDocument/2006/relationships" xmlns:p="http://schemas.openxmlformats.org/presentationml/2006/main" userDrawn="1">
  <p:cSld name="12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450067" y="481170"/>
            <a:ext cx="16050612" cy="2000867"/>
          </a:xfrm>
          <a:prstGeom prst="rect">
            <a:avLst/>
          </a:prstGeom>
        </p:spPr>
        <p:txBody>
          <a:bodyPr lIns="137039" tIns="68520" rIns="137039" bIns="68520"/>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13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14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2_标题和内容">
    <p:spTree>
      <p:nvGrpSpPr>
        <p:cNvPr id="1" name=""/>
        <p:cNvGrpSpPr/>
        <p:nvPr/>
      </p:nvGrpSpPr>
      <p:grpSpPr>
        <a:xfrm>
          <a:off x="0" y="0"/>
          <a:ext cx="0" cy="0"/>
          <a:chOff x="0" y="0"/>
          <a:chExt cx="0" cy="0"/>
        </a:xfrm>
      </p:grpSpPr>
      <p:sp>
        <p:nvSpPr>
          <p:cNvPr id="4" name="Rectangle 6"/>
          <p:cNvSpPr>
            <a:spLocks noGrp="1" noChangeArrowheads="1"/>
          </p:cNvSpPr>
          <p:nvPr>
            <p:ph type="dt" sz="half" idx="10"/>
          </p:nvPr>
        </p:nvSpPr>
        <p:spPr>
          <a:xfrm>
            <a:off x="7603714" y="9690497"/>
            <a:ext cx="2219997" cy="599687"/>
          </a:xfrm>
          <a:prstGeom prst="rect">
            <a:avLst/>
          </a:prstGeom>
        </p:spPr>
        <p:txBody>
          <a:bodyPr lIns="122983" tIns="61492" rIns="122983" bIns="61492"/>
          <a:lstStyle>
            <a:lvl1pPr>
              <a:buClr>
                <a:srgbClr val="A2A2A2"/>
              </a:buClr>
              <a:buSzPct val="70000"/>
              <a:buFont typeface="Monotype Sorts" pitchFamily="2" charset="2"/>
              <a:buNone/>
              <a:defRPr sz="2000">
                <a:solidFill>
                  <a:schemeClr val="tx1"/>
                </a:solidFill>
                <a:latin typeface="Arial" pitchFamily="34" charset="0"/>
                <a:ea typeface="宋体" pitchFamily="2" charset="-122"/>
              </a:defRPr>
            </a:lvl1pPr>
          </a:lstStyle>
          <a:p>
            <a:pPr>
              <a:defRPr/>
            </a:pPr>
            <a:r>
              <a:rPr lang="de-DE" altLang="zh-CN" dirty="0" smtClean="0">
                <a:solidFill>
                  <a:srgbClr val="000000"/>
                </a:solidFill>
              </a:rPr>
              <a:t>Page </a:t>
            </a:r>
            <a:fld id="{62AE5876-15B0-4F1D-B700-14C2F885B21A}" type="slidenum">
              <a:rPr lang="de-DE" altLang="zh-CN" smtClean="0">
                <a:solidFill>
                  <a:srgbClr val="000000"/>
                </a:solidFill>
              </a:rPr>
              <a:pPr>
                <a:defRPr/>
              </a:pPr>
              <a:t>‹#›</a:t>
            </a:fld>
            <a:endParaRPr lang="en-GB" altLang="zh-CN" dirty="0">
              <a:solidFill>
                <a:srgbClr val="000000"/>
              </a:solidFill>
            </a:endParaRPr>
          </a:p>
        </p:txBody>
      </p:sp>
      <p:sp>
        <p:nvSpPr>
          <p:cNvPr id="5" name="标题 1"/>
          <p:cNvSpPr>
            <a:spLocks noGrp="1"/>
          </p:cNvSpPr>
          <p:nvPr>
            <p:ph type="title"/>
          </p:nvPr>
        </p:nvSpPr>
        <p:spPr>
          <a:xfrm>
            <a:off x="863232" y="337081"/>
            <a:ext cx="15493513" cy="864361"/>
          </a:xfrm>
          <a:prstGeom prst="rect">
            <a:avLst/>
          </a:prstGeom>
        </p:spPr>
        <p:txBody>
          <a:bodyPr lIns="137039" tIns="68520" rIns="137039" bIns="68520"/>
          <a:lstStyle>
            <a:lvl1pPr>
              <a:defRPr sz="4400"/>
            </a:lvl1pPr>
          </a:lstStyle>
          <a:p>
            <a:r>
              <a:rPr lang="zh-CN" altLang="en-US" dirty="0" smtClean="0"/>
              <a:t>单击此处编辑母版标题样式</a:t>
            </a:r>
            <a:endParaRPr lang="zh-CN" altLang="en-US" dirty="0"/>
          </a:p>
        </p:txBody>
      </p:sp>
    </p:spTree>
  </p:cSld>
  <p:clrMapOvr>
    <a:masterClrMapping/>
  </p:clrMapOvr>
  <p:transition/>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3_标题和内容">
    <p:spTree>
      <p:nvGrpSpPr>
        <p:cNvPr id="1" name=""/>
        <p:cNvGrpSpPr/>
        <p:nvPr/>
      </p:nvGrpSpPr>
      <p:grpSpPr>
        <a:xfrm>
          <a:off x="0" y="0"/>
          <a:ext cx="0" cy="0"/>
          <a:chOff x="0" y="0"/>
          <a:chExt cx="0" cy="0"/>
        </a:xfrm>
      </p:grpSpPr>
      <p:sp>
        <p:nvSpPr>
          <p:cNvPr id="4" name="Rectangle 6"/>
          <p:cNvSpPr>
            <a:spLocks noGrp="1" noChangeArrowheads="1"/>
          </p:cNvSpPr>
          <p:nvPr>
            <p:ph type="dt" sz="half" idx="10"/>
          </p:nvPr>
        </p:nvSpPr>
        <p:spPr>
          <a:xfrm>
            <a:off x="7603714" y="9690497"/>
            <a:ext cx="2219997" cy="599687"/>
          </a:xfrm>
          <a:prstGeom prst="rect">
            <a:avLst/>
          </a:prstGeom>
        </p:spPr>
        <p:txBody>
          <a:bodyPr lIns="122983" tIns="61492" rIns="122983" bIns="61492"/>
          <a:lstStyle>
            <a:lvl1pPr>
              <a:buClr>
                <a:srgbClr val="A2A2A2"/>
              </a:buClr>
              <a:buSzPct val="70000"/>
              <a:buFont typeface="Monotype Sorts" pitchFamily="2" charset="2"/>
              <a:buNone/>
              <a:defRPr sz="2000">
                <a:solidFill>
                  <a:schemeClr val="tx1"/>
                </a:solidFill>
                <a:latin typeface="Arial" pitchFamily="34" charset="0"/>
                <a:ea typeface="宋体" pitchFamily="2" charset="-122"/>
              </a:defRPr>
            </a:lvl1pPr>
          </a:lstStyle>
          <a:p>
            <a:pPr>
              <a:defRPr/>
            </a:pPr>
            <a:r>
              <a:rPr lang="de-DE" altLang="zh-CN" dirty="0" smtClean="0">
                <a:solidFill>
                  <a:srgbClr val="000000"/>
                </a:solidFill>
              </a:rPr>
              <a:t>Page </a:t>
            </a:r>
            <a:fld id="{62AE5876-15B0-4F1D-B700-14C2F885B21A}" type="slidenum">
              <a:rPr lang="de-DE" altLang="zh-CN" smtClean="0">
                <a:solidFill>
                  <a:srgbClr val="000000"/>
                </a:solidFill>
              </a:rPr>
              <a:pPr>
                <a:defRPr/>
              </a:pPr>
              <a:t>‹#›</a:t>
            </a:fld>
            <a:endParaRPr lang="en-GB" altLang="zh-CN" dirty="0">
              <a:solidFill>
                <a:srgbClr val="000000"/>
              </a:solidFill>
            </a:endParaRPr>
          </a:p>
        </p:txBody>
      </p:sp>
      <p:sp>
        <p:nvSpPr>
          <p:cNvPr id="5" name="标题 1"/>
          <p:cNvSpPr>
            <a:spLocks noGrp="1"/>
          </p:cNvSpPr>
          <p:nvPr>
            <p:ph type="title"/>
          </p:nvPr>
        </p:nvSpPr>
        <p:spPr>
          <a:xfrm>
            <a:off x="863232" y="337081"/>
            <a:ext cx="15493513" cy="864361"/>
          </a:xfrm>
          <a:prstGeom prst="rect">
            <a:avLst/>
          </a:prstGeom>
        </p:spPr>
        <p:txBody>
          <a:bodyPr lIns="137039" tIns="68520" rIns="137039" bIns="68520"/>
          <a:lstStyle>
            <a:lvl1pPr>
              <a:defRPr sz="4400"/>
            </a:lvl1pPr>
          </a:lstStyle>
          <a:p>
            <a:r>
              <a:rPr lang="zh-CN" altLang="en-US" dirty="0" smtClean="0"/>
              <a:t>单击此处编辑母版标题样式</a:t>
            </a:r>
            <a:endParaRPr lang="zh-CN" altLang="en-US" dirty="0"/>
          </a:p>
        </p:txBody>
      </p:sp>
    </p:spTree>
  </p:cSld>
  <p:clrMapOvr>
    <a:masterClrMapping/>
  </p:clrMapOvr>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4_标题和内容">
    <p:spTree>
      <p:nvGrpSpPr>
        <p:cNvPr id="1" name=""/>
        <p:cNvGrpSpPr/>
        <p:nvPr/>
      </p:nvGrpSpPr>
      <p:grpSpPr>
        <a:xfrm>
          <a:off x="0" y="0"/>
          <a:ext cx="0" cy="0"/>
          <a:chOff x="0" y="0"/>
          <a:chExt cx="0" cy="0"/>
        </a:xfrm>
      </p:grpSpPr>
      <p:sp>
        <p:nvSpPr>
          <p:cNvPr id="4" name="Rectangle 6"/>
          <p:cNvSpPr>
            <a:spLocks noGrp="1" noChangeArrowheads="1"/>
          </p:cNvSpPr>
          <p:nvPr>
            <p:ph type="dt" sz="half" idx="10"/>
          </p:nvPr>
        </p:nvSpPr>
        <p:spPr>
          <a:xfrm>
            <a:off x="7603714" y="9690497"/>
            <a:ext cx="2219997" cy="599687"/>
          </a:xfrm>
          <a:prstGeom prst="rect">
            <a:avLst/>
          </a:prstGeom>
        </p:spPr>
        <p:txBody>
          <a:bodyPr lIns="122983" tIns="61492" rIns="122983" bIns="61492"/>
          <a:lstStyle>
            <a:lvl1pPr>
              <a:buClr>
                <a:srgbClr val="A2A2A2"/>
              </a:buClr>
              <a:buSzPct val="70000"/>
              <a:buFont typeface="Monotype Sorts" pitchFamily="2" charset="2"/>
              <a:buNone/>
              <a:defRPr sz="2000">
                <a:solidFill>
                  <a:schemeClr val="tx1"/>
                </a:solidFill>
                <a:latin typeface="Arial" pitchFamily="34" charset="0"/>
                <a:ea typeface="宋体" pitchFamily="2" charset="-122"/>
              </a:defRPr>
            </a:lvl1pPr>
          </a:lstStyle>
          <a:p>
            <a:pPr>
              <a:defRPr/>
            </a:pPr>
            <a:r>
              <a:rPr lang="de-DE" altLang="zh-CN" dirty="0" smtClean="0">
                <a:solidFill>
                  <a:srgbClr val="000000"/>
                </a:solidFill>
              </a:rPr>
              <a:t>Page </a:t>
            </a:r>
            <a:fld id="{62AE5876-15B0-4F1D-B700-14C2F885B21A}" type="slidenum">
              <a:rPr lang="de-DE" altLang="zh-CN" smtClean="0">
                <a:solidFill>
                  <a:srgbClr val="000000"/>
                </a:solidFill>
              </a:rPr>
              <a:pPr>
                <a:defRPr/>
              </a:pPr>
              <a:t>‹#›</a:t>
            </a:fld>
            <a:endParaRPr lang="en-GB" altLang="zh-CN" dirty="0">
              <a:solidFill>
                <a:srgbClr val="000000"/>
              </a:solidFill>
            </a:endParaRPr>
          </a:p>
        </p:txBody>
      </p:sp>
      <p:sp>
        <p:nvSpPr>
          <p:cNvPr id="5" name="标题 1"/>
          <p:cNvSpPr>
            <a:spLocks noGrp="1"/>
          </p:cNvSpPr>
          <p:nvPr>
            <p:ph type="title"/>
          </p:nvPr>
        </p:nvSpPr>
        <p:spPr>
          <a:xfrm>
            <a:off x="863232" y="337081"/>
            <a:ext cx="15493513" cy="864361"/>
          </a:xfrm>
          <a:prstGeom prst="rect">
            <a:avLst/>
          </a:prstGeom>
        </p:spPr>
        <p:txBody>
          <a:bodyPr lIns="137039" tIns="68520" rIns="137039" bIns="68520"/>
          <a:lstStyle>
            <a:lvl1pPr>
              <a:defRPr sz="4400"/>
            </a:lvl1pPr>
          </a:lstStyle>
          <a:p>
            <a:r>
              <a:rPr lang="zh-CN" altLang="en-US" dirty="0" smtClean="0"/>
              <a:t>单击此处编辑母版标题样式</a:t>
            </a:r>
            <a:endParaRPr lang="zh-CN" altLang="en-US" dirty="0"/>
          </a:p>
        </p:txBody>
      </p:sp>
    </p:spTree>
  </p:cSld>
  <p:clrMapOvr>
    <a:masterClrMapping/>
  </p:clrMapOvr>
  <p:transition/>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15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41"/>
            <a:ext cx="15268050" cy="1307709"/>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773" tIns="91386" rIns="182773" bIns="91386"/>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11562" y="1946129"/>
            <a:ext cx="15194638" cy="7202222"/>
          </a:xfrm>
          <a:prstGeom prst="rect">
            <a:avLst/>
          </a:prstGeom>
        </p:spPr>
        <p:txBody>
          <a:bodyPr lIns="182773" tIns="91386" rIns="182773" bIns="91386"/>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11562" y="1946129"/>
            <a:ext cx="15194638" cy="7202222"/>
          </a:xfrm>
          <a:prstGeom prst="rect">
            <a:avLst/>
          </a:prstGeom>
        </p:spPr>
        <p:txBody>
          <a:bodyPr lIns="182773" tIns="91386" rIns="182773" bIns="91386"/>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9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type="obj">
  <p:cSld name="1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133392" y="488340"/>
            <a:ext cx="11448057" cy="1307709"/>
          </a:xfrm>
          <a:prstGeom prst="rect">
            <a:avLst/>
          </a:prstGeom>
        </p:spPr>
        <p:txBody>
          <a:bodyPr lIns="182773" tIns="91386" rIns="182773" bIns="91386"/>
          <a:lstStyle>
            <a:lvl1pPr>
              <a:defRPr>
                <a:latin typeface="FrutigerNext LT Medium" pitchFamily="34" charset="0"/>
              </a:defRPr>
            </a:lvl1pPr>
          </a:lstStyle>
          <a:p>
            <a:r>
              <a:rPr lang="zh-CN" altLang="en-US" dirty="0" smtClean="0"/>
              <a:t>单击此处编辑母版标题样式</a:t>
            </a:r>
            <a:endParaRPr lang="zh-CN" altLang="en-US" dirty="0"/>
          </a:p>
        </p:txBody>
      </p:sp>
      <p:sp>
        <p:nvSpPr>
          <p:cNvPr id="3" name="内容占位符 2"/>
          <p:cNvSpPr>
            <a:spLocks noGrp="1"/>
          </p:cNvSpPr>
          <p:nvPr>
            <p:ph idx="1"/>
          </p:nvPr>
        </p:nvSpPr>
        <p:spPr>
          <a:xfrm>
            <a:off x="1133392" y="2443939"/>
            <a:ext cx="11448057" cy="6293204"/>
          </a:xfrm>
          <a:prstGeom prst="rect">
            <a:avLst/>
          </a:prstGeom>
        </p:spPr>
        <p:txBody>
          <a:bodyPr lIns="182773" tIns="91386" rIns="182773" bIns="91386"/>
          <a:lstStyle>
            <a:lvl2pPr>
              <a:defRPr>
                <a:latin typeface="FrutigerNext LT Medium" pitchFamily="34" charset="0"/>
              </a:defRPr>
            </a:lvl2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Tree>
    <p:extLst>
      <p:ext uri="{BB962C8B-B14F-4D97-AF65-F5344CB8AC3E}">
        <p14:creationId xmlns:p14="http://schemas.microsoft.com/office/powerpoint/2010/main" xmlns="" val="4157835603"/>
      </p:ext>
    </p:extLst>
  </p:cSld>
  <p:clrMapOvr>
    <a:masterClrMapping/>
  </p:clrMapOvr>
  <p:timing>
    <p:tnLst>
      <p:par>
        <p:cTn id="1" dur="indefinite" restart="never" nodeType="tmRoot"/>
      </p:par>
    </p:tnLst>
  </p:timing>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11562" y="1946129"/>
            <a:ext cx="15194638" cy="7202222"/>
          </a:xfrm>
          <a:prstGeom prst="rect">
            <a:avLst/>
          </a:prstGeom>
        </p:spPr>
        <p:txBody>
          <a:bodyPr lIns="182773" tIns="91386" rIns="182773" bIns="91386"/>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11562" y="1946129"/>
            <a:ext cx="15194638" cy="7202222"/>
          </a:xfrm>
          <a:prstGeom prst="rect">
            <a:avLst/>
          </a:prstGeom>
        </p:spPr>
        <p:txBody>
          <a:bodyPr lIns="182773" tIns="91386" rIns="182773" bIns="91386"/>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userDrawn="1">
  <p:cSld name="9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type="obj">
  <p:cSld name="1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133392" y="488340"/>
            <a:ext cx="11448057" cy="1307709"/>
          </a:xfrm>
          <a:prstGeom prst="rect">
            <a:avLst/>
          </a:prstGeom>
        </p:spPr>
        <p:txBody>
          <a:bodyPr lIns="182773" tIns="91386" rIns="182773" bIns="91386"/>
          <a:lstStyle>
            <a:lvl1pPr>
              <a:defRPr>
                <a:latin typeface="FrutigerNext LT Medium" pitchFamily="34" charset="0"/>
              </a:defRPr>
            </a:lvl1pPr>
          </a:lstStyle>
          <a:p>
            <a:r>
              <a:rPr lang="zh-CN" altLang="en-US" dirty="0" smtClean="0"/>
              <a:t>单击此处编辑母版标题样式</a:t>
            </a:r>
            <a:endParaRPr lang="zh-CN" altLang="en-US" dirty="0"/>
          </a:p>
        </p:txBody>
      </p:sp>
      <p:sp>
        <p:nvSpPr>
          <p:cNvPr id="3" name="内容占位符 2"/>
          <p:cNvSpPr>
            <a:spLocks noGrp="1"/>
          </p:cNvSpPr>
          <p:nvPr>
            <p:ph idx="1"/>
          </p:nvPr>
        </p:nvSpPr>
        <p:spPr>
          <a:xfrm>
            <a:off x="1133392" y="2443939"/>
            <a:ext cx="11448057" cy="6293204"/>
          </a:xfrm>
          <a:prstGeom prst="rect">
            <a:avLst/>
          </a:prstGeom>
        </p:spPr>
        <p:txBody>
          <a:bodyPr lIns="182773" tIns="91386" rIns="182773" bIns="91386"/>
          <a:lstStyle>
            <a:lvl2pPr>
              <a:defRPr>
                <a:latin typeface="FrutigerNext LT Medium" pitchFamily="34" charset="0"/>
              </a:defRPr>
            </a:lvl2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Tree>
    <p:extLst>
      <p:ext uri="{BB962C8B-B14F-4D97-AF65-F5344CB8AC3E}">
        <p14:creationId xmlns="" xmlns:p14="http://schemas.microsoft.com/office/powerpoint/2010/main" val="4157835603"/>
      </p:ext>
    </p:extLst>
  </p:cSld>
  <p:clrMapOvr>
    <a:masterClrMapping/>
  </p:clrMapOvr>
  <p:timing>
    <p:tnLst>
      <p:par>
        <p:cTn id="1" dur="indefinite" restart="never" nodeType="tmRoot"/>
      </p:par>
    </p:tnLst>
  </p:timing>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11562" y="1946129"/>
            <a:ext cx="15194638" cy="7202222"/>
          </a:xfrm>
          <a:prstGeom prst="rect">
            <a:avLst/>
          </a:prstGeom>
        </p:spPr>
        <p:txBody>
          <a:bodyPr lIns="182773" tIns="91386" rIns="182773" bIns="91386"/>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39.xml><?xml version="1.0" encoding="utf-8"?>
<p:sldLayout xmlns:a="http://schemas.openxmlformats.org/drawingml/2006/main" xmlns:r="http://schemas.openxmlformats.org/officeDocument/2006/relationships" xmlns:p="http://schemas.openxmlformats.org/presentationml/2006/main" userDrawn="1">
  <p:cSld name="7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40.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Tree>
    <p:extLst>
      <p:ext uri="{BB962C8B-B14F-4D97-AF65-F5344CB8AC3E}">
        <p14:creationId xmlns="" xmlns:p14="http://schemas.microsoft.com/office/powerpoint/2010/main" val="2462861479"/>
      </p:ext>
    </p:extLst>
  </p:cSld>
  <p:clrMapOvr>
    <a:masterClrMapping/>
  </p:clrMapOvr>
  <p:transition>
    <p:fade/>
  </p:transition>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41"/>
            <a:ext cx="15268050" cy="1307709"/>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773" tIns="91386" rIns="182773" bIns="91386"/>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42.xml><?xml version="1.0" encoding="utf-8"?>
<p:sldLayout xmlns:a="http://schemas.openxmlformats.org/drawingml/2006/main" xmlns:r="http://schemas.openxmlformats.org/officeDocument/2006/relationships" xmlns:p="http://schemas.openxmlformats.org/presentationml/2006/main" type="obj">
  <p:cSld name="胶片内容-标题和内容-1">
    <p:spTree>
      <p:nvGrpSpPr>
        <p:cNvPr id="1" name=""/>
        <p:cNvGrpSpPr/>
        <p:nvPr/>
      </p:nvGrpSpPr>
      <p:grpSpPr>
        <a:xfrm>
          <a:off x="0" y="0"/>
          <a:ext cx="0" cy="0"/>
          <a:chOff x="0" y="0"/>
          <a:chExt cx="0" cy="0"/>
        </a:xfrm>
      </p:grpSpPr>
      <p:sp>
        <p:nvSpPr>
          <p:cNvPr id="2" name="标题 1"/>
          <p:cNvSpPr>
            <a:spLocks noGrp="1"/>
          </p:cNvSpPr>
          <p:nvPr>
            <p:ph type="title"/>
          </p:nvPr>
        </p:nvSpPr>
        <p:spPr>
          <a:xfrm>
            <a:off x="931974" y="677861"/>
            <a:ext cx="16423951" cy="1715029"/>
          </a:xfrm>
          <a:prstGeom prst="rect">
            <a:avLst/>
          </a:prstGeom>
        </p:spPr>
        <p:txBody>
          <a:bodyPr lIns="144903" tIns="72450" rIns="144903" bIns="72450"/>
          <a:lstStyle/>
          <a:p>
            <a:r>
              <a:rPr lang="zh-CN" altLang="en-US" smtClean="0"/>
              <a:t>单击此处编辑母版标题样式</a:t>
            </a:r>
            <a:endParaRPr lang="en-US"/>
          </a:p>
        </p:txBody>
      </p:sp>
      <p:sp>
        <p:nvSpPr>
          <p:cNvPr id="3" name="内容占位符 2"/>
          <p:cNvSpPr>
            <a:spLocks noGrp="1"/>
          </p:cNvSpPr>
          <p:nvPr>
            <p:ph idx="1"/>
          </p:nvPr>
        </p:nvSpPr>
        <p:spPr>
          <a:xfrm>
            <a:off x="1017730" y="2735896"/>
            <a:ext cx="16338210" cy="6190778"/>
          </a:xfrm>
          <a:prstGeom prst="rect">
            <a:avLst/>
          </a:prstGeom>
        </p:spPr>
        <p:txBody>
          <a:bodyPr lIns="144903" tIns="72450" rIns="144903" bIns="72450"/>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Tree>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userDrawn="1">
  <p:cSld name="5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44.xml><?xml version="1.0" encoding="utf-8"?>
<p:sldLayout xmlns:a="http://schemas.openxmlformats.org/drawingml/2006/main" xmlns:r="http://schemas.openxmlformats.org/officeDocument/2006/relationships" xmlns:p="http://schemas.openxmlformats.org/presentationml/2006/main" userDrawn="1">
  <p:cSld name="4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159473" y="820059"/>
            <a:ext cx="16462534" cy="1128692"/>
          </a:xfrm>
          <a:prstGeom prst="rect">
            <a:avLst/>
          </a:prstGeom>
        </p:spPr>
        <p:txBody>
          <a:bodyPr lIns="137039" tIns="68520" rIns="137039" bIns="68520"/>
          <a:lstStyle>
            <a:lvl1pPr>
              <a:defRPr sz="4800">
                <a:latin typeface="微软雅黑" pitchFamily="34" charset="-122"/>
                <a:ea typeface="微软雅黑" pitchFamily="34" charset="-122"/>
              </a:defRPr>
            </a:lvl1pPr>
          </a:lstStyle>
          <a:p>
            <a:r>
              <a:rPr lang="en-US" dirty="0" smtClean="0"/>
              <a:t>Click to edit Master title style</a:t>
            </a:r>
            <a:endParaRPr lang="en-US" dirty="0"/>
          </a:p>
        </p:txBody>
      </p:sp>
    </p:spTree>
  </p:cSld>
  <p:clrMapOvr>
    <a:masterClrMapping/>
  </p:clrMapOvr>
  <p:transition advClick="0" advTm="8000"/>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41"/>
            <a:ext cx="15268050" cy="1307709"/>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773" tIns="91386" rIns="182773" bIns="91386"/>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p:spPr>
        <p:txBody>
          <a:bodyPr/>
          <a:lstStyle>
            <a:lvl1pPr>
              <a:defRPr sz="4200"/>
            </a:lvl1pPr>
            <a:lvl2pPr>
              <a:defRPr sz="36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47.xml><?xml version="1.0" encoding="utf-8"?>
<p:sldLayout xmlns:a="http://schemas.openxmlformats.org/drawingml/2006/main" xmlns:r="http://schemas.openxmlformats.org/officeDocument/2006/relationships" xmlns:p="http://schemas.openxmlformats.org/presentationml/2006/main" type="objOnly">
  <p:cSld name="内容">
    <p:spTree>
      <p:nvGrpSpPr>
        <p:cNvPr id="1" name=""/>
        <p:cNvGrpSpPr/>
        <p:nvPr/>
      </p:nvGrpSpPr>
      <p:grpSpPr>
        <a:xfrm>
          <a:off x="0" y="0"/>
          <a:ext cx="0" cy="0"/>
          <a:chOff x="0" y="0"/>
          <a:chExt cx="0" cy="0"/>
        </a:xfrm>
      </p:grpSpPr>
      <p:sp>
        <p:nvSpPr>
          <p:cNvPr id="2" name="内容占位符 1"/>
          <p:cNvSpPr>
            <a:spLocks noGrp="1"/>
          </p:cNvSpPr>
          <p:nvPr>
            <p:ph/>
          </p:nvPr>
        </p:nvSpPr>
        <p:spPr>
          <a:xfrm>
            <a:off x="914718" y="412087"/>
            <a:ext cx="16461763" cy="8779997"/>
          </a:xfrm>
          <a:prstGeom prst="rect">
            <a:avLst/>
          </a:prstGeo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xmlns="" val="2960989064"/>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userDrawn="1">
  <p:cSld name="5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009169" y="553721"/>
            <a:ext cx="16146691" cy="1119021"/>
          </a:xfrm>
          <a:prstGeom prst="rect">
            <a:avLst/>
          </a:prstGeom>
        </p:spPr>
        <p:txBody>
          <a:bodyPr/>
          <a:lstStyle/>
          <a:p>
            <a:r>
              <a:rPr lang="en-US" dirty="0" smtClean="0"/>
              <a:t>Click to edit Master title style</a:t>
            </a:r>
            <a:endParaRPr lang="en-US" dirty="0"/>
          </a:p>
        </p:txBody>
      </p:sp>
    </p:spTree>
  </p:cSld>
  <p:clrMapOvr>
    <a:masterClrMapping/>
  </p:clrMapOvr>
  <p:transition advClick="0" advTm="8000">
    <p:fade thruBlk="1"/>
  </p:transition>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空白">
    <p:spTree>
      <p:nvGrpSpPr>
        <p:cNvPr id="1" name=""/>
        <p:cNvGrpSpPr/>
        <p:nvPr/>
      </p:nvGrpSpPr>
      <p:grpSpPr>
        <a:xfrm>
          <a:off x="0" y="0"/>
          <a:ext cx="0" cy="0"/>
          <a:chOff x="0" y="0"/>
          <a:chExt cx="0" cy="0"/>
        </a:xfrm>
      </p:grpSpPr>
      <p:sp>
        <p:nvSpPr>
          <p:cNvPr id="4" name="Title 3"/>
          <p:cNvSpPr>
            <a:spLocks noGrp="1"/>
          </p:cNvSpPr>
          <p:nvPr>
            <p:ph type="title"/>
          </p:nvPr>
        </p:nvSpPr>
        <p:spPr>
          <a:xfrm>
            <a:off x="1511573" y="3396075"/>
            <a:ext cx="11378001" cy="2108260"/>
          </a:xfrm>
          <a:prstGeom prst="rect">
            <a:avLst/>
          </a:prstGeom>
        </p:spPr>
        <p:txBody>
          <a:bodyPr/>
          <a:lstStyle/>
          <a:p>
            <a:r>
              <a:rPr lang="en-US" smtClean="0"/>
              <a:t>Click to edit Master title style</a:t>
            </a:r>
            <a:endParaRPr lang="en-US"/>
          </a:p>
        </p:txBody>
      </p:sp>
    </p:spTree>
    <p:extLst>
      <p:ext uri="{BB962C8B-B14F-4D97-AF65-F5344CB8AC3E}">
        <p14:creationId xmlns:p14="http://schemas.microsoft.com/office/powerpoint/2010/main" xmlns="" val="2404942301"/>
      </p:ext>
    </p:extLst>
  </p:cSld>
  <p:clrMapOvr>
    <a:masterClrMapping/>
  </p:clrMapOvr>
  <p:transition advClick="0" advTm="8000">
    <p:fade thruBlk="1"/>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16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625600" y="553721"/>
            <a:ext cx="17065412" cy="1119021"/>
          </a:xfrm>
          <a:prstGeom prst="rect">
            <a:avLst/>
          </a:prstGeom>
        </p:spPr>
        <p:txBody>
          <a:bodyPr lIns="163193" tIns="81596" rIns="163193" bIns="81596"/>
          <a:lstStyle>
            <a:lvl1pPr>
              <a:defRPr sz="5000">
                <a:latin typeface="微软雅黑" pitchFamily="34" charset="-122"/>
                <a:ea typeface="微软雅黑" pitchFamily="34" charset="-122"/>
              </a:defRPr>
            </a:lvl1pPr>
          </a:lstStyle>
          <a:p>
            <a:r>
              <a:rPr lang="en-US" dirty="0" smtClean="0"/>
              <a:t>Click to edit Master title style</a:t>
            </a:r>
            <a:endParaRPr lang="en-US" dirty="0"/>
          </a:p>
        </p:txBody>
      </p:sp>
      <p:sp>
        <p:nvSpPr>
          <p:cNvPr id="4" name="Content Placeholder 3"/>
          <p:cNvSpPr>
            <a:spLocks noGrp="1"/>
          </p:cNvSpPr>
          <p:nvPr>
            <p:ph sz="quarter" idx="10"/>
          </p:nvPr>
        </p:nvSpPr>
        <p:spPr>
          <a:xfrm>
            <a:off x="625587" y="1502699"/>
            <a:ext cx="17065410" cy="7841828"/>
          </a:xfrm>
          <a:prstGeom prst="rect">
            <a:avLst/>
          </a:prstGeom>
        </p:spPr>
        <p:txBody>
          <a:bodyPr lIns="163193" tIns="81596" rIns="163193" bIns="81596"/>
          <a:lstStyle>
            <a:lvl1pPr>
              <a:defRPr sz="3600">
                <a:solidFill>
                  <a:schemeClr val="tx1"/>
                </a:solidFill>
                <a:latin typeface="微软雅黑" pitchFamily="34" charset="-122"/>
                <a:ea typeface="微软雅黑" pitchFamily="34" charset="-122"/>
              </a:defRPr>
            </a:lvl1pPr>
            <a:lvl2pPr>
              <a:defRPr>
                <a:latin typeface="微软雅黑" pitchFamily="34" charset="-122"/>
                <a:ea typeface="微软雅黑" pitchFamily="34" charset="-122"/>
              </a:defRPr>
            </a:lvl2pPr>
            <a:lvl3pPr>
              <a:defRPr>
                <a:latin typeface="微软雅黑" pitchFamily="34" charset="-122"/>
                <a:ea typeface="微软雅黑" pitchFamily="34" charset="-122"/>
              </a:defRPr>
            </a:lvl3pPr>
            <a:lvl4pPr>
              <a:defRPr>
                <a:latin typeface="微软雅黑" pitchFamily="34" charset="-122"/>
                <a:ea typeface="微软雅黑" pitchFamily="34" charset="-122"/>
              </a:defRPr>
            </a:lvl4pPr>
            <a:lvl5pPr>
              <a:defRPr>
                <a:latin typeface="微软雅黑" pitchFamily="34" charset="-122"/>
                <a:ea typeface="微软雅黑" pitchFamily="34" charset="-122"/>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43"/>
            <a:ext cx="15268050" cy="1307709"/>
          </a:xfrm>
          <a:prstGeom prst="rect">
            <a:avLst/>
          </a:prstGeom>
        </p:spPr>
        <p:txBody>
          <a:bodyPr lIns="182737" tIns="91368" rIns="182737" bIns="91368"/>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737" tIns="91368" rIns="182737" bIns="91368"/>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51.xml><?xml version="1.0" encoding="utf-8"?>
<p:sldLayout xmlns:a="http://schemas.openxmlformats.org/drawingml/2006/main" xmlns:r="http://schemas.openxmlformats.org/officeDocument/2006/relationships" xmlns:p="http://schemas.openxmlformats.org/presentationml/2006/main" userDrawn="1">
  <p:cSld name="16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625604" y="553721"/>
            <a:ext cx="17065412" cy="1119021"/>
          </a:xfrm>
          <a:prstGeom prst="rect">
            <a:avLst/>
          </a:prstGeom>
        </p:spPr>
        <p:txBody>
          <a:bodyPr lIns="163129" tIns="81564" rIns="163129" bIns="81564"/>
          <a:lstStyle>
            <a:lvl1pPr>
              <a:defRPr sz="5000">
                <a:latin typeface="微软雅黑" pitchFamily="34" charset="-122"/>
                <a:ea typeface="微软雅黑" pitchFamily="34" charset="-122"/>
              </a:defRPr>
            </a:lvl1pPr>
          </a:lstStyle>
          <a:p>
            <a:r>
              <a:rPr lang="en-US" dirty="0" smtClean="0"/>
              <a:t>Click to edit Master title style</a:t>
            </a:r>
            <a:endParaRPr lang="en-US" dirty="0"/>
          </a:p>
        </p:txBody>
      </p:sp>
      <p:sp>
        <p:nvSpPr>
          <p:cNvPr id="4" name="Content Placeholder 3"/>
          <p:cNvSpPr>
            <a:spLocks noGrp="1"/>
          </p:cNvSpPr>
          <p:nvPr>
            <p:ph sz="quarter" idx="10"/>
          </p:nvPr>
        </p:nvSpPr>
        <p:spPr>
          <a:xfrm>
            <a:off x="625587" y="1502699"/>
            <a:ext cx="17065410" cy="7841828"/>
          </a:xfrm>
          <a:prstGeom prst="rect">
            <a:avLst/>
          </a:prstGeom>
        </p:spPr>
        <p:txBody>
          <a:bodyPr lIns="163129" tIns="81564" rIns="163129" bIns="81564"/>
          <a:lstStyle>
            <a:lvl1pPr>
              <a:defRPr sz="3600">
                <a:solidFill>
                  <a:schemeClr val="tx1"/>
                </a:solidFill>
                <a:latin typeface="微软雅黑" pitchFamily="34" charset="-122"/>
                <a:ea typeface="微软雅黑" pitchFamily="34" charset="-122"/>
              </a:defRPr>
            </a:lvl1pPr>
            <a:lvl2pPr>
              <a:defRPr>
                <a:latin typeface="微软雅黑" pitchFamily="34" charset="-122"/>
                <a:ea typeface="微软雅黑" pitchFamily="34" charset="-122"/>
              </a:defRPr>
            </a:lvl2pPr>
            <a:lvl3pPr>
              <a:defRPr>
                <a:latin typeface="微软雅黑" pitchFamily="34" charset="-122"/>
                <a:ea typeface="微软雅黑" pitchFamily="34" charset="-122"/>
              </a:defRPr>
            </a:lvl3pPr>
            <a:lvl4pPr>
              <a:defRPr>
                <a:latin typeface="微软雅黑" pitchFamily="34" charset="-122"/>
                <a:ea typeface="微软雅黑" pitchFamily="34" charset="-122"/>
              </a:defRPr>
            </a:lvl4pPr>
            <a:lvl5pPr>
              <a:defRPr>
                <a:latin typeface="微软雅黑" pitchFamily="34" charset="-122"/>
                <a:ea typeface="微软雅黑" pitchFamily="34" charset="-122"/>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52.xml><?xml version="1.0" encoding="utf-8"?>
<p:sldLayout xmlns:a="http://schemas.openxmlformats.org/drawingml/2006/main" xmlns:r="http://schemas.openxmlformats.org/officeDocument/2006/relationships" xmlns:p="http://schemas.openxmlformats.org/presentationml/2006/main" userDrawn="1">
  <p:cSld name="9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53.xml><?xml version="1.0" encoding="utf-8"?>
<p:sldLayout xmlns:a="http://schemas.openxmlformats.org/drawingml/2006/main" xmlns:r="http://schemas.openxmlformats.org/officeDocument/2006/relationships" xmlns:p="http://schemas.openxmlformats.org/presentationml/2006/main" userDrawn="1">
  <p:cSld name="1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809" tIns="91404" rIns="182809" bIns="91404"/>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54.xml><?xml version="1.0" encoding="utf-8"?>
<p:sldLayout xmlns:a="http://schemas.openxmlformats.org/drawingml/2006/main" xmlns:r="http://schemas.openxmlformats.org/officeDocument/2006/relationships" xmlns:p="http://schemas.openxmlformats.org/presentationml/2006/main" type="blank">
  <p:cSld name="空白">
    <p:spTree>
      <p:nvGrpSpPr>
        <p:cNvPr id="1" name=""/>
        <p:cNvGrpSpPr/>
        <p:nvPr/>
      </p:nvGrpSpPr>
      <p:grpSpPr>
        <a:xfrm>
          <a:off x="0" y="0"/>
          <a:ext cx="0" cy="0"/>
          <a:chOff x="0" y="0"/>
          <a:chExt cx="0" cy="0"/>
        </a:xfrm>
      </p:grpSpPr>
    </p:spTree>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userDrawn="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917" tIns="91458" rIns="182917" bIns="91458"/>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56.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368011" y="541821"/>
            <a:ext cx="15493999" cy="755557"/>
          </a:xfrm>
          <a:prstGeom prst="rect">
            <a:avLst/>
          </a:prstGeom>
          <a:noFill/>
          <a:ln>
            <a:noFill/>
          </a:ln>
          <a:effectLst/>
          <a:extLst/>
        </p:spPr>
        <p:txBody>
          <a:bodyPr lIns="53981" tIns="53981" rIns="53981" bIns="53981" anchor="t">
            <a:spAutoFit/>
          </a:bodyPr>
          <a:lstStyle>
            <a:lvl1pPr>
              <a:defRPr lang="zh-CN" altLang="en-US" sz="4200" b="0" kern="1200">
                <a:latin typeface="FrutigerNext LT Medium" pitchFamily="34" charset="0"/>
              </a:defRPr>
            </a:lvl1pPr>
          </a:lstStyle>
          <a:p>
            <a:pPr lvl="0"/>
            <a:r>
              <a:rPr lang="zh-CN" altLang="en-US" dirty="0" smtClean="0"/>
              <a:t>单击此处编辑母版标题样式</a:t>
            </a:r>
            <a:endParaRPr lang="zh-CN" altLang="en-US" dirty="0"/>
          </a:p>
        </p:txBody>
      </p:sp>
      <p:sp>
        <p:nvSpPr>
          <p:cNvPr id="3" name="Rectangle 10"/>
          <p:cNvSpPr>
            <a:spLocks noGrp="1" noChangeArrowheads="1"/>
          </p:cNvSpPr>
          <p:nvPr>
            <p:ph type="dt" sz="half" idx="10"/>
          </p:nvPr>
        </p:nvSpPr>
        <p:spPr>
          <a:xfrm>
            <a:off x="12725399" y="9737684"/>
            <a:ext cx="4194176" cy="683471"/>
          </a:xfrm>
          <a:prstGeom prst="rect">
            <a:avLst/>
          </a:prstGeom>
          <a:ln/>
        </p:spPr>
        <p:txBody>
          <a:bodyPr lIns="137111" tIns="68556" rIns="137111" bIns="68556"/>
          <a:lstStyle>
            <a:lvl1pPr>
              <a:defRPr/>
            </a:lvl1pPr>
          </a:lstStyle>
          <a:p>
            <a:pPr>
              <a:defRPr/>
            </a:pPr>
            <a:r>
              <a:rPr lang="de-DE" altLang="zh-CN" smtClean="0">
                <a:solidFill>
                  <a:srgbClr val="000000"/>
                </a:solidFill>
              </a:rPr>
              <a:t>Page </a:t>
            </a:r>
            <a:fld id="{9F68B845-00CA-4139-AE96-7D420E41CAB0}" type="slidenum">
              <a:rPr lang="de-DE" altLang="zh-CN" smtClean="0">
                <a:solidFill>
                  <a:srgbClr val="000000"/>
                </a:solidFill>
              </a:rPr>
              <a:pPr>
                <a:defRPr/>
              </a:pPr>
              <a:t>‹#›</a:t>
            </a:fld>
            <a:endParaRPr lang="en-GB" altLang="zh-CN" dirty="0">
              <a:solidFill>
                <a:srgbClr val="000000"/>
              </a:solidFill>
            </a:endParaRPr>
          </a:p>
        </p:txBody>
      </p:sp>
    </p:spTree>
    <p:extLst>
      <p:ext uri="{BB962C8B-B14F-4D97-AF65-F5344CB8AC3E}">
        <p14:creationId xmlns:p14="http://schemas.microsoft.com/office/powerpoint/2010/main" xmlns="" val="1608801556"/>
      </p:ext>
    </p:extLst>
  </p:cSld>
  <p:clrMapOvr>
    <a:masterClrMapping/>
  </p:clrMapOvr>
  <p:transition advClick="0"/>
</p:sldLayout>
</file>

<file path=ppt/slideLayouts/slideLayout57.xml><?xml version="1.0" encoding="utf-8"?>
<p:sldLayout xmlns:a="http://schemas.openxmlformats.org/drawingml/2006/main" xmlns:r="http://schemas.openxmlformats.org/officeDocument/2006/relationships" xmlns:p="http://schemas.openxmlformats.org/presentationml/2006/main" userDrawn="1">
  <p:cSld name="1_自定义版式">
    <p:spTree>
      <p:nvGrpSpPr>
        <p:cNvPr id="1" name=""/>
        <p:cNvGrpSpPr/>
        <p:nvPr/>
      </p:nvGrpSpPr>
      <p:grpSpPr>
        <a:xfrm>
          <a:off x="0" y="0"/>
          <a:ext cx="0" cy="0"/>
          <a:chOff x="0" y="0"/>
          <a:chExt cx="0" cy="0"/>
        </a:xfrm>
      </p:grpSpPr>
      <p:sp>
        <p:nvSpPr>
          <p:cNvPr id="2" name="Title 1"/>
          <p:cNvSpPr>
            <a:spLocks noGrp="1"/>
          </p:cNvSpPr>
          <p:nvPr>
            <p:ph type="title"/>
          </p:nvPr>
        </p:nvSpPr>
        <p:spPr>
          <a:xfrm>
            <a:off x="1032643" y="401316"/>
            <a:ext cx="15268050" cy="1119021"/>
          </a:xfrm>
          <a:prstGeom prst="rect">
            <a:avLst/>
          </a:prstGeom>
        </p:spPr>
        <p:txBody>
          <a:bodyPr lIns="182881" tIns="91440" rIns="182881" bIns="91440"/>
          <a:lstStyle>
            <a:lvl1pPr>
              <a:defRPr sz="4200" baseline="0">
                <a:solidFill>
                  <a:srgbClr val="C00000"/>
                </a:solidFill>
                <a:latin typeface="微软雅黑" pitchFamily="34" charset="-122"/>
                <a:ea typeface="微软雅黑" pitchFamily="34" charset="-122"/>
              </a:defRPr>
            </a:lvl1pPr>
          </a:lstStyle>
          <a:p>
            <a:r>
              <a:rPr lang="zh-CN" altLang="en-US" dirty="0" smtClean="0"/>
              <a:t>单击此处编辑母版标题样式</a:t>
            </a:r>
            <a:endParaRPr lang="en-US" dirty="0"/>
          </a:p>
        </p:txBody>
      </p:sp>
    </p:spTree>
  </p:cSld>
  <p:clrMapOvr>
    <a:masterClrMapping/>
  </p:clrMapOvr>
  <p:transition advClick="0" advTm="8000">
    <p:fade thruBlk="1"/>
  </p:transition>
</p:sldLayout>
</file>

<file path=ppt/slideLayouts/slideLayout58.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1171473" y="412085"/>
            <a:ext cx="16462534" cy="1715029"/>
          </a:xfrm>
          <a:prstGeom prst="rect">
            <a:avLst/>
          </a:prstGeom>
        </p:spPr>
        <p:txBody>
          <a:bodyPr lIns="137151" tIns="68576" rIns="137151" bIns="68576"/>
          <a:lstStyle/>
          <a:p>
            <a:r>
              <a:rPr lang="zh-CN" altLang="en-US" smtClean="0"/>
              <a:t>单击此处编辑母版标题样式</a:t>
            </a:r>
            <a:endParaRPr lang="zh-CN" altLang="en-US"/>
          </a:p>
        </p:txBody>
      </p:sp>
      <p:sp>
        <p:nvSpPr>
          <p:cNvPr id="3" name="内容占位符 2"/>
          <p:cNvSpPr>
            <a:spLocks noGrp="1"/>
          </p:cNvSpPr>
          <p:nvPr>
            <p:ph idx="1"/>
          </p:nvPr>
        </p:nvSpPr>
        <p:spPr>
          <a:xfrm>
            <a:off x="1171473" y="2401043"/>
            <a:ext cx="16462534" cy="6791039"/>
          </a:xfrm>
          <a:prstGeom prst="rect">
            <a:avLst/>
          </a:prstGeom>
        </p:spPr>
        <p:txBody>
          <a:bodyPr lIns="137151" tIns="68576" rIns="137151" bIns="68576"/>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Rectangle 4"/>
          <p:cNvSpPr>
            <a:spLocks noGrp="1" noChangeArrowheads="1"/>
          </p:cNvSpPr>
          <p:nvPr>
            <p:ph type="dt" sz="half" idx="10"/>
          </p:nvPr>
        </p:nvSpPr>
        <p:spPr>
          <a:xfrm>
            <a:off x="11863860" y="9607340"/>
            <a:ext cx="2114917" cy="1651510"/>
          </a:xfrm>
          <a:prstGeom prst="rect">
            <a:avLst/>
          </a:prstGeom>
        </p:spPr>
        <p:txBody>
          <a:bodyPr lIns="137151" tIns="68576" rIns="137151" bIns="68576"/>
          <a:lstStyle>
            <a:lvl1pPr>
              <a:defRPr>
                <a:ea typeface="宋体" pitchFamily="2" charset="-122"/>
              </a:defRPr>
            </a:lvl1pPr>
          </a:lstStyle>
          <a:p>
            <a:pPr>
              <a:defRPr/>
            </a:pPr>
            <a:endParaRPr lang="de-DE" altLang="zh-CN">
              <a:solidFill>
                <a:srgbClr val="000000"/>
              </a:solidFill>
            </a:endParaRPr>
          </a:p>
          <a:p>
            <a:pPr>
              <a:defRPr/>
            </a:pPr>
            <a:r>
              <a:rPr lang="de-DE" altLang="zh-CN">
                <a:solidFill>
                  <a:srgbClr val="000000"/>
                </a:solidFill>
              </a:rPr>
              <a:t>Page </a:t>
            </a:r>
            <a:fld id="{490B7B16-8626-4EB3-B31D-3C2D3FC30D5F}" type="slidenum">
              <a:rPr lang="de-DE" altLang="zh-CN">
                <a:solidFill>
                  <a:srgbClr val="000000"/>
                </a:solidFill>
              </a:rPr>
              <a:pPr>
                <a:defRPr/>
              </a:pPr>
              <a:t>‹#›</a:t>
            </a:fld>
            <a:endParaRPr lang="en-GB" altLang="zh-CN" dirty="0">
              <a:solidFill>
                <a:srgbClr val="000000"/>
              </a:solidFill>
            </a:endParaRPr>
          </a:p>
        </p:txBody>
      </p:sp>
    </p:spTree>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11562" y="1946129"/>
            <a:ext cx="15194638" cy="7202222"/>
          </a:xfrm>
          <a:prstGeom prst="rect">
            <a:avLst/>
          </a:prstGeom>
        </p:spPr>
        <p:txBody>
          <a:bodyPr lIns="182773" tIns="91386" rIns="182773" bIns="91386"/>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41"/>
            <a:ext cx="15268050" cy="1307709"/>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773" tIns="91386" rIns="182773" bIns="91386"/>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61.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914559" y="9537469"/>
            <a:ext cx="4267941" cy="547857"/>
          </a:xfrm>
          <a:prstGeom prst="rect">
            <a:avLst/>
          </a:prstGeom>
        </p:spPr>
        <p:txBody>
          <a:bodyPr lIns="182773" tIns="91386" rIns="182773" bIns="91386"/>
          <a:lstStyle/>
          <a:p>
            <a:fld id="{6302B257-31D5-4113-84BC-C3E6A14BB230}" type="datetimeFigureOut">
              <a:rPr lang="en-US" smtClean="0">
                <a:solidFill>
                  <a:srgbClr val="000000"/>
                </a:solidFill>
              </a:rPr>
              <a:pPr/>
              <a:t>4/22/2015</a:t>
            </a:fld>
            <a:endParaRPr lang="en-US">
              <a:solidFill>
                <a:srgbClr val="000000"/>
              </a:solidFill>
            </a:endParaRPr>
          </a:p>
        </p:txBody>
      </p:sp>
      <p:sp>
        <p:nvSpPr>
          <p:cNvPr id="3" name="Footer Placeholder 2"/>
          <p:cNvSpPr>
            <a:spLocks noGrp="1"/>
          </p:cNvSpPr>
          <p:nvPr>
            <p:ph type="ftr" sz="quarter" idx="11"/>
          </p:nvPr>
        </p:nvSpPr>
        <p:spPr>
          <a:xfrm>
            <a:off x="6249485" y="9537469"/>
            <a:ext cx="5792205" cy="547857"/>
          </a:xfrm>
          <a:prstGeom prst="rect">
            <a:avLst/>
          </a:prstGeom>
        </p:spPr>
        <p:txBody>
          <a:bodyPr lIns="182773" tIns="91386" rIns="182773" bIns="91386"/>
          <a:lstStyle/>
          <a:p>
            <a:endParaRPr lang="en-US">
              <a:solidFill>
                <a:srgbClr val="000000"/>
              </a:solidFill>
            </a:endParaRPr>
          </a:p>
        </p:txBody>
      </p:sp>
      <p:sp>
        <p:nvSpPr>
          <p:cNvPr id="4" name="Slide Number Placeholder 3"/>
          <p:cNvSpPr>
            <a:spLocks noGrp="1"/>
          </p:cNvSpPr>
          <p:nvPr>
            <p:ph type="sldNum" sz="quarter" idx="12"/>
          </p:nvPr>
        </p:nvSpPr>
        <p:spPr>
          <a:xfrm>
            <a:off x="13108675" y="9537469"/>
            <a:ext cx="4267941" cy="547857"/>
          </a:xfrm>
          <a:prstGeom prst="rect">
            <a:avLst/>
          </a:prstGeom>
        </p:spPr>
        <p:txBody>
          <a:bodyPr lIns="182773" tIns="91386" rIns="182773" bIns="91386"/>
          <a:lstStyle/>
          <a:p>
            <a:fld id="{89E0E678-7997-4B78-9508-FFE7E7E7F2B4}" type="slidenum">
              <a:rPr lang="en-US" smtClean="0">
                <a:solidFill>
                  <a:srgbClr val="000000"/>
                </a:solidFill>
              </a:rPr>
              <a:pPr/>
              <a:t>‹#›</a:t>
            </a:fld>
            <a:endParaRPr lang="en-US">
              <a:solidFill>
                <a:srgbClr val="000000"/>
              </a:solidFill>
            </a:endParaRPr>
          </a:p>
        </p:txBody>
      </p:sp>
    </p:spTree>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914559" y="0"/>
            <a:ext cx="16462058" cy="1715029"/>
          </a:xfrm>
          <a:prstGeom prst="rect">
            <a:avLst/>
          </a:prstGeom>
        </p:spPr>
        <p:txBody>
          <a:bodyPr lIns="182773" tIns="91386" rIns="182773" bIns="91386"/>
          <a:lstStyle/>
          <a:p>
            <a:r>
              <a:rPr lang="en-US" smtClean="0"/>
              <a:t>Click to edit Master title style</a:t>
            </a:r>
            <a:endParaRPr lang="en-US"/>
          </a:p>
        </p:txBody>
      </p:sp>
      <p:sp>
        <p:nvSpPr>
          <p:cNvPr id="3" name="Date Placeholder 2"/>
          <p:cNvSpPr>
            <a:spLocks noGrp="1"/>
          </p:cNvSpPr>
          <p:nvPr>
            <p:ph type="dt" sz="half" idx="10"/>
          </p:nvPr>
        </p:nvSpPr>
        <p:spPr>
          <a:xfrm>
            <a:off x="914559" y="9537469"/>
            <a:ext cx="4267941" cy="547857"/>
          </a:xfrm>
          <a:prstGeom prst="rect">
            <a:avLst/>
          </a:prstGeom>
        </p:spPr>
        <p:txBody>
          <a:bodyPr lIns="182773" tIns="91386" rIns="182773" bIns="91386"/>
          <a:lstStyle/>
          <a:p>
            <a:fld id="{6302B257-31D5-4113-84BC-C3E6A14BB230}" type="datetimeFigureOut">
              <a:rPr lang="en-US" smtClean="0">
                <a:solidFill>
                  <a:srgbClr val="000000"/>
                </a:solidFill>
              </a:rPr>
              <a:pPr/>
              <a:t>4/22/2015</a:t>
            </a:fld>
            <a:endParaRPr lang="en-US">
              <a:solidFill>
                <a:srgbClr val="000000"/>
              </a:solidFill>
            </a:endParaRPr>
          </a:p>
        </p:txBody>
      </p:sp>
      <p:sp>
        <p:nvSpPr>
          <p:cNvPr id="4" name="Footer Placeholder 3"/>
          <p:cNvSpPr>
            <a:spLocks noGrp="1"/>
          </p:cNvSpPr>
          <p:nvPr>
            <p:ph type="ftr" sz="quarter" idx="11"/>
          </p:nvPr>
        </p:nvSpPr>
        <p:spPr>
          <a:xfrm>
            <a:off x="6249485" y="9537469"/>
            <a:ext cx="5792205" cy="547857"/>
          </a:xfrm>
          <a:prstGeom prst="rect">
            <a:avLst/>
          </a:prstGeom>
        </p:spPr>
        <p:txBody>
          <a:bodyPr lIns="182773" tIns="91386" rIns="182773" bIns="91386"/>
          <a:lstStyle/>
          <a:p>
            <a:endParaRPr lang="en-US">
              <a:solidFill>
                <a:srgbClr val="000000"/>
              </a:solidFill>
            </a:endParaRPr>
          </a:p>
        </p:txBody>
      </p:sp>
      <p:sp>
        <p:nvSpPr>
          <p:cNvPr id="5" name="Slide Number Placeholder 4"/>
          <p:cNvSpPr>
            <a:spLocks noGrp="1"/>
          </p:cNvSpPr>
          <p:nvPr>
            <p:ph type="sldNum" sz="quarter" idx="12"/>
          </p:nvPr>
        </p:nvSpPr>
        <p:spPr>
          <a:xfrm>
            <a:off x="13108675" y="9537469"/>
            <a:ext cx="4267941" cy="547857"/>
          </a:xfrm>
          <a:prstGeom prst="rect">
            <a:avLst/>
          </a:prstGeom>
        </p:spPr>
        <p:txBody>
          <a:bodyPr lIns="182773" tIns="91386" rIns="182773" bIns="91386"/>
          <a:lstStyle/>
          <a:p>
            <a:fld id="{89E0E678-7997-4B78-9508-FFE7E7E7F2B4}" type="slidenum">
              <a:rPr lang="en-US" smtClean="0">
                <a:solidFill>
                  <a:srgbClr val="000000"/>
                </a:solidFill>
              </a:rPr>
              <a:pPr/>
              <a:t>‹#›</a:t>
            </a:fld>
            <a:endParaRPr lang="en-US">
              <a:solidFill>
                <a:srgbClr val="000000"/>
              </a:solidFill>
            </a:endParaRPr>
          </a:p>
        </p:txBody>
      </p:sp>
    </p:spTree>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9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64.xml><?xml version="1.0" encoding="utf-8"?>
<p:sldLayout xmlns:a="http://schemas.openxmlformats.org/drawingml/2006/main" xmlns:r="http://schemas.openxmlformats.org/officeDocument/2006/relationships" xmlns:p="http://schemas.openxmlformats.org/presentationml/2006/main" userDrawn="1">
  <p:cSld name="8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37" tIns="91368" rIns="182737" bIns="91368"/>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65.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41"/>
            <a:ext cx="15268050" cy="1307709"/>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773" tIns="91386" rIns="182773" bIns="91386"/>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66.xml><?xml version="1.0" encoding="utf-8"?>
<p:sldLayout xmlns:a="http://schemas.openxmlformats.org/drawingml/2006/main" xmlns:r="http://schemas.openxmlformats.org/officeDocument/2006/relationships" xmlns:p="http://schemas.openxmlformats.org/presentationml/2006/main" userDrawn="1">
  <p:cSld name="3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41"/>
            <a:ext cx="15268050" cy="1307709"/>
          </a:xfrm>
          <a:prstGeom prst="rect">
            <a:avLst/>
          </a:prstGeom>
        </p:spPr>
        <p:txBody>
          <a:bodyPr lIns="182773" tIns="91386" rIns="182773" bIns="91386"/>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773" tIns="91386" rIns="182773" bIns="91386"/>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67.xml><?xml version="1.0" encoding="utf-8"?>
<p:sldLayout xmlns:a="http://schemas.openxmlformats.org/drawingml/2006/main" xmlns:r="http://schemas.openxmlformats.org/officeDocument/2006/relationships" xmlns:p="http://schemas.openxmlformats.org/presentationml/2006/main" userDrawn="1">
  <p:cSld name="7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37" tIns="91368" rIns="182737" bIns="91368"/>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68.xml><?xml version="1.0" encoding="utf-8"?>
<p:sldLayout xmlns:a="http://schemas.openxmlformats.org/drawingml/2006/main" xmlns:r="http://schemas.openxmlformats.org/officeDocument/2006/relationships" xmlns:p="http://schemas.openxmlformats.org/presentationml/2006/main"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324926" y="243734"/>
            <a:ext cx="15685071" cy="1139854"/>
          </a:xfrm>
          <a:prstGeom prst="rect">
            <a:avLst/>
          </a:prstGeom>
          <a:noFill/>
          <a:ln w="9525" algn="ctr">
            <a:noFill/>
            <a:miter lim="800000"/>
            <a:headEnd/>
            <a:tailEnd/>
          </a:ln>
          <a:effectLst/>
        </p:spPr>
        <p:txBody>
          <a:bodyPr vert="horz" wrap="square" lIns="137039" tIns="68520" rIns="137039" bIns="68520" numCol="1" anchor="ctr" anchorCtr="0" compatLnSpc="1">
            <a:prstTxWarp prst="textNoShape">
              <a:avLst/>
            </a:prstTxWarp>
          </a:bodyPr>
          <a:lstStyle>
            <a:lvl1pPr marL="0" indent="0">
              <a:buFont typeface="Arial" pitchFamily="34" charset="0"/>
              <a:buNone/>
              <a:defRPr lang="zh-CN" altLang="en-US" sz="4800" b="0" dirty="0">
                <a:solidFill>
                  <a:schemeClr val="bg1"/>
                </a:solidFill>
                <a:latin typeface="+mn-lt"/>
                <a:ea typeface="黑体" pitchFamily="49" charset="-122"/>
              </a:defRPr>
            </a:lvl1pPr>
          </a:lstStyle>
          <a:p>
            <a:pPr lvl="0"/>
            <a:r>
              <a:rPr lang="en-US" altLang="zh-CN" dirty="0" smtClean="0"/>
              <a:t>TEXT TO BE PLACED HERE</a:t>
            </a:r>
            <a:endParaRPr lang="zh-CN" altLang="en-US" dirty="0"/>
          </a:p>
        </p:txBody>
      </p:sp>
      <p:sp>
        <p:nvSpPr>
          <p:cNvPr id="3" name="TextBox 2"/>
          <p:cNvSpPr txBox="1"/>
          <p:nvPr userDrawn="1"/>
        </p:nvSpPr>
        <p:spPr>
          <a:xfrm>
            <a:off x="16779621" y="9753307"/>
            <a:ext cx="1213621" cy="461808"/>
          </a:xfrm>
          <a:prstGeom prst="rect">
            <a:avLst/>
          </a:prstGeom>
          <a:noFill/>
        </p:spPr>
        <p:txBody>
          <a:bodyPr wrap="square" lIns="137039" tIns="68520" rIns="137039" bIns="68520" rtlCol="0">
            <a:spAutoFit/>
          </a:bodyPr>
          <a:lstStyle/>
          <a:p>
            <a:fld id="{91CCF73B-032D-4B14-9868-B77EF1721D2C}" type="slidenum">
              <a:rPr lang="zh-CN" altLang="en-US" sz="2000" smtClean="0">
                <a:solidFill>
                  <a:srgbClr val="000000"/>
                </a:solidFill>
                <a:latin typeface="微软雅黑" pitchFamily="34" charset="-122"/>
                <a:ea typeface="微软雅黑" pitchFamily="34" charset="-122"/>
              </a:rPr>
              <a:pPr/>
              <a:t>‹#›</a:t>
            </a:fld>
            <a:endParaRPr lang="zh-CN" altLang="en-US" sz="2000" dirty="0" err="1" smtClean="0">
              <a:solidFill>
                <a:srgbClr val="000000"/>
              </a:solidFill>
              <a:latin typeface="微软雅黑" pitchFamily="34" charset="-122"/>
              <a:ea typeface="微软雅黑" pitchFamily="34" charset="-122"/>
            </a:endParaRPr>
          </a:p>
        </p:txBody>
      </p:sp>
    </p:spTree>
  </p:cSld>
  <p:clrMapOvr>
    <a:masterClrMapping/>
  </p:clrMapOvr>
  <p:transition/>
  <p:timing>
    <p:tnLst>
      <p:par>
        <p:cTn id="1" dur="indefinite" restart="never" nodeType="tmRoot"/>
      </p:par>
    </p:tnLst>
  </p:timing>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809" tIns="91404" rIns="182809" bIns="91404"/>
          <a:lstStyle/>
          <a:p>
            <a:r>
              <a:rPr lang="en-US" smtClean="0"/>
              <a:t>Click to edit Master title style</a:t>
            </a:r>
            <a:endParaRPr lang="en-US"/>
          </a:p>
        </p:txBody>
      </p:sp>
      <p:sp>
        <p:nvSpPr>
          <p:cNvPr id="4" name="Content Placeholder 3"/>
          <p:cNvSpPr>
            <a:spLocks noGrp="1"/>
          </p:cNvSpPr>
          <p:nvPr>
            <p:ph sz="quarter" idx="10"/>
          </p:nvPr>
        </p:nvSpPr>
        <p:spPr>
          <a:xfrm>
            <a:off x="1511562" y="1946129"/>
            <a:ext cx="15194638" cy="7202222"/>
          </a:xfrm>
          <a:prstGeom prst="rect">
            <a:avLst/>
          </a:prstGeom>
        </p:spPr>
        <p:txBody>
          <a:bodyPr lIns="182809" tIns="91404" rIns="182809" bIns="91404"/>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userDrawn="1">
  <p:cSld name="自定义版式">
    <p:spTree>
      <p:nvGrpSpPr>
        <p:cNvPr id="1" name=""/>
        <p:cNvGrpSpPr/>
        <p:nvPr/>
      </p:nvGrpSpPr>
      <p:grpSpPr>
        <a:xfrm>
          <a:off x="0" y="0"/>
          <a:ext cx="0" cy="0"/>
          <a:chOff x="0" y="0"/>
          <a:chExt cx="0" cy="0"/>
        </a:xfrm>
      </p:grpSpPr>
      <p:sp>
        <p:nvSpPr>
          <p:cNvPr id="2" name="标题 1"/>
          <p:cNvSpPr>
            <a:spLocks noGrp="1"/>
          </p:cNvSpPr>
          <p:nvPr>
            <p:ph type="title"/>
          </p:nvPr>
        </p:nvSpPr>
        <p:spPr>
          <a:xfrm>
            <a:off x="1159473" y="233722"/>
            <a:ext cx="16462534" cy="1715029"/>
          </a:xfrm>
          <a:prstGeom prst="rect">
            <a:avLst/>
          </a:prstGeom>
        </p:spPr>
        <p:txBody>
          <a:bodyPr lIns="137039" tIns="68520" rIns="137039" bIns="68520"/>
          <a:lstStyle/>
          <a:p>
            <a:r>
              <a:rPr lang="zh-CN" altLang="en-US" smtClean="0"/>
              <a:t>单击此处编辑母版标题样式</a:t>
            </a:r>
            <a:endParaRPr lang="zh-CN" altLang="en-US"/>
          </a:p>
        </p:txBody>
      </p:sp>
    </p:spTree>
  </p:cSld>
  <p:clrMapOvr>
    <a:masterClrMapping/>
  </p:clrMapOvr>
  <p:transition advClick="0" advTm="800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809" tIns="91404" rIns="182809" bIns="91404"/>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71.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914559" y="9537469"/>
            <a:ext cx="4267941" cy="547857"/>
          </a:xfrm>
          <a:prstGeom prst="rect">
            <a:avLst/>
          </a:prstGeom>
        </p:spPr>
        <p:txBody>
          <a:bodyPr lIns="182809" tIns="91404" rIns="182809" bIns="91404"/>
          <a:lstStyle/>
          <a:p>
            <a:fld id="{6302B257-31D5-4113-84BC-C3E6A14BB230}" type="datetimeFigureOut">
              <a:rPr lang="en-US" smtClean="0">
                <a:solidFill>
                  <a:srgbClr val="000000"/>
                </a:solidFill>
              </a:rPr>
              <a:pPr/>
              <a:t>4/22/2015</a:t>
            </a:fld>
            <a:endParaRPr lang="en-US">
              <a:solidFill>
                <a:srgbClr val="000000"/>
              </a:solidFill>
            </a:endParaRPr>
          </a:p>
        </p:txBody>
      </p:sp>
      <p:sp>
        <p:nvSpPr>
          <p:cNvPr id="3" name="Footer Placeholder 2"/>
          <p:cNvSpPr>
            <a:spLocks noGrp="1"/>
          </p:cNvSpPr>
          <p:nvPr>
            <p:ph type="ftr" sz="quarter" idx="11"/>
          </p:nvPr>
        </p:nvSpPr>
        <p:spPr>
          <a:xfrm>
            <a:off x="6249485" y="9537469"/>
            <a:ext cx="5792205" cy="547857"/>
          </a:xfrm>
          <a:prstGeom prst="rect">
            <a:avLst/>
          </a:prstGeom>
        </p:spPr>
        <p:txBody>
          <a:bodyPr lIns="182809" tIns="91404" rIns="182809" bIns="91404"/>
          <a:lstStyle/>
          <a:p>
            <a:endParaRPr lang="en-US">
              <a:solidFill>
                <a:srgbClr val="000000"/>
              </a:solidFill>
            </a:endParaRPr>
          </a:p>
        </p:txBody>
      </p:sp>
      <p:sp>
        <p:nvSpPr>
          <p:cNvPr id="4" name="Slide Number Placeholder 3"/>
          <p:cNvSpPr>
            <a:spLocks noGrp="1"/>
          </p:cNvSpPr>
          <p:nvPr>
            <p:ph type="sldNum" sz="quarter" idx="12"/>
          </p:nvPr>
        </p:nvSpPr>
        <p:spPr>
          <a:xfrm>
            <a:off x="13108675" y="9537469"/>
            <a:ext cx="4267941" cy="547857"/>
          </a:xfrm>
          <a:prstGeom prst="rect">
            <a:avLst/>
          </a:prstGeom>
        </p:spPr>
        <p:txBody>
          <a:bodyPr lIns="182809" tIns="91404" rIns="182809" bIns="91404"/>
          <a:lstStyle/>
          <a:p>
            <a:fld id="{89E0E678-7997-4B78-9508-FFE7E7E7F2B4}" type="slidenum">
              <a:rPr lang="en-US" smtClean="0">
                <a:solidFill>
                  <a:srgbClr val="000000"/>
                </a:solidFill>
              </a:rPr>
              <a:pPr/>
              <a:t>‹#›</a:t>
            </a:fld>
            <a:endParaRPr lang="en-US">
              <a:solidFill>
                <a:srgbClr val="000000"/>
              </a:solidFill>
            </a:endParaRPr>
          </a:p>
        </p:txBody>
      </p:sp>
    </p:spTree>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userDrawn="1">
  <p:cSld name="9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809" tIns="91404" rIns="182809" bIns="91404"/>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73.xml><?xml version="1.0" encoding="utf-8"?>
<p:sldLayout xmlns:a="http://schemas.openxmlformats.org/drawingml/2006/main" xmlns:r="http://schemas.openxmlformats.org/officeDocument/2006/relationships" xmlns:p="http://schemas.openxmlformats.org/presentationml/2006/main" userDrawn="1">
  <p:cSld name="8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74.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39"/>
            <a:ext cx="15268050" cy="1307709"/>
          </a:xfrm>
          <a:prstGeom prst="rect">
            <a:avLst/>
          </a:prstGeom>
        </p:spPr>
        <p:txBody>
          <a:bodyPr lIns="182809" tIns="91404" rIns="182809" bIns="91404"/>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809" tIns="91404" rIns="182809" bIns="91404"/>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75.xml><?xml version="1.0" encoding="utf-8"?>
<p:sldLayout xmlns:a="http://schemas.openxmlformats.org/drawingml/2006/main" xmlns:r="http://schemas.openxmlformats.org/officeDocument/2006/relationships" xmlns:p="http://schemas.openxmlformats.org/presentationml/2006/main" userDrawn="1">
  <p:cSld name="3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39"/>
            <a:ext cx="15268050" cy="1307709"/>
          </a:xfrm>
          <a:prstGeom prst="rect">
            <a:avLst/>
          </a:prstGeom>
        </p:spPr>
        <p:txBody>
          <a:bodyPr lIns="182809" tIns="91404" rIns="182809" bIns="91404"/>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809" tIns="91404" rIns="182809" bIns="91404"/>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76.xml><?xml version="1.0" encoding="utf-8"?>
<p:sldLayout xmlns:a="http://schemas.openxmlformats.org/drawingml/2006/main" xmlns:r="http://schemas.openxmlformats.org/officeDocument/2006/relationships" xmlns:p="http://schemas.openxmlformats.org/presentationml/2006/main" userDrawn="1">
  <p:cSld name="7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77.xml><?xml version="1.0" encoding="utf-8"?>
<p:sldLayout xmlns:a="http://schemas.openxmlformats.org/drawingml/2006/main" xmlns:r="http://schemas.openxmlformats.org/officeDocument/2006/relationships" xmlns:p="http://schemas.openxmlformats.org/presentationml/2006/main"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324926" y="243734"/>
            <a:ext cx="15685071" cy="1139854"/>
          </a:xfrm>
          <a:prstGeom prst="rect">
            <a:avLst/>
          </a:prstGeom>
          <a:noFill/>
          <a:ln w="9525" algn="ctr">
            <a:noFill/>
            <a:miter lim="800000"/>
            <a:headEnd/>
            <a:tailEnd/>
          </a:ln>
          <a:effectLst/>
        </p:spPr>
        <p:txBody>
          <a:bodyPr vert="horz" wrap="square" lIns="137067" tIns="68534" rIns="137067" bIns="68534" numCol="1" anchor="ctr" anchorCtr="0" compatLnSpc="1">
            <a:prstTxWarp prst="textNoShape">
              <a:avLst/>
            </a:prstTxWarp>
          </a:bodyPr>
          <a:lstStyle>
            <a:lvl1pPr marL="0" indent="0">
              <a:buFont typeface="Arial" pitchFamily="34" charset="0"/>
              <a:buNone/>
              <a:defRPr lang="zh-CN" altLang="en-US" sz="4800" b="0" dirty="0">
                <a:solidFill>
                  <a:schemeClr val="bg1"/>
                </a:solidFill>
                <a:latin typeface="+mn-lt"/>
                <a:ea typeface="黑体" pitchFamily="49" charset="-122"/>
              </a:defRPr>
            </a:lvl1pPr>
          </a:lstStyle>
          <a:p>
            <a:pPr lvl="0"/>
            <a:r>
              <a:rPr lang="en-US" altLang="zh-CN" dirty="0" smtClean="0"/>
              <a:t>TEXT TO BE PLACED HERE</a:t>
            </a:r>
            <a:endParaRPr lang="zh-CN" altLang="en-US" dirty="0"/>
          </a:p>
        </p:txBody>
      </p:sp>
      <p:sp>
        <p:nvSpPr>
          <p:cNvPr id="3" name="TextBox 2"/>
          <p:cNvSpPr txBox="1"/>
          <p:nvPr userDrawn="1"/>
        </p:nvSpPr>
        <p:spPr>
          <a:xfrm>
            <a:off x="16779619" y="9753305"/>
            <a:ext cx="1213621" cy="461808"/>
          </a:xfrm>
          <a:prstGeom prst="rect">
            <a:avLst/>
          </a:prstGeom>
          <a:noFill/>
        </p:spPr>
        <p:txBody>
          <a:bodyPr wrap="square" lIns="137067" tIns="68534" rIns="137067" bIns="68534" rtlCol="0">
            <a:spAutoFit/>
          </a:bodyPr>
          <a:lstStyle/>
          <a:p>
            <a:fld id="{91CCF73B-032D-4B14-9868-B77EF1721D2C}" type="slidenum">
              <a:rPr lang="zh-CN" altLang="en-US" sz="2000" smtClean="0">
                <a:solidFill>
                  <a:srgbClr val="000000"/>
                </a:solidFill>
                <a:latin typeface="微软雅黑" pitchFamily="34" charset="-122"/>
                <a:ea typeface="微软雅黑" pitchFamily="34" charset="-122"/>
              </a:rPr>
              <a:pPr/>
              <a:t>‹#›</a:t>
            </a:fld>
            <a:endParaRPr lang="zh-CN" altLang="en-US" sz="2000" dirty="0" err="1" smtClean="0">
              <a:solidFill>
                <a:srgbClr val="000000"/>
              </a:solidFill>
              <a:latin typeface="微软雅黑" pitchFamily="34" charset="-122"/>
              <a:ea typeface="微软雅黑" pitchFamily="34" charset="-122"/>
            </a:endParaRPr>
          </a:p>
        </p:txBody>
      </p:sp>
    </p:spTree>
  </p:cSld>
  <p:clrMapOvr>
    <a:masterClrMapping/>
  </p:clrMapOvr>
  <p:transition/>
  <p:timing>
    <p:tnLst>
      <p:par>
        <p:cTn id="1" dur="indefinite" restart="never" nodeType="tmRoot"/>
      </p:par>
    </p:tnLst>
  </p:timing>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881" tIns="91440" rIns="182881" bIns="91440"/>
          <a:lstStyle/>
          <a:p>
            <a:r>
              <a:rPr lang="en-US" smtClean="0"/>
              <a:t>Click to edit Master title style</a:t>
            </a:r>
            <a:endParaRPr lang="en-US"/>
          </a:p>
        </p:txBody>
      </p:sp>
      <p:sp>
        <p:nvSpPr>
          <p:cNvPr id="4" name="Content Placeholder 3"/>
          <p:cNvSpPr>
            <a:spLocks noGrp="1"/>
          </p:cNvSpPr>
          <p:nvPr>
            <p:ph sz="quarter" idx="10"/>
          </p:nvPr>
        </p:nvSpPr>
        <p:spPr>
          <a:xfrm>
            <a:off x="1511562" y="1946129"/>
            <a:ext cx="15194638" cy="7202222"/>
          </a:xfrm>
          <a:prstGeom prst="rect">
            <a:avLst/>
          </a:prstGeom>
        </p:spPr>
        <p:txBody>
          <a:bodyPr lIns="182881" tIns="91440" rIns="182881" bIns="91440"/>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881" tIns="91440" rIns="182881" bIns="91440"/>
          <a:lstStyle/>
          <a:p>
            <a:r>
              <a:rPr lang="en-US" smtClean="0"/>
              <a:t>Click to edit Master title style</a:t>
            </a:r>
            <a:endParaRPr lang="en-US"/>
          </a:p>
        </p:txBody>
      </p:sp>
    </p:spTree>
  </p:cSld>
  <p:clrMapOvr>
    <a:masterClrMapping/>
  </p:clrMapOvr>
  <p:transition advClick="0" advTm="8000">
    <p:fade thruBlk="1"/>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cSld name="空白">
    <p:spTree>
      <p:nvGrpSpPr>
        <p:cNvPr id="1" name=""/>
        <p:cNvGrpSpPr/>
        <p:nvPr/>
      </p:nvGrpSpPr>
      <p:grpSpPr>
        <a:xfrm>
          <a:off x="0" y="0"/>
          <a:ext cx="0" cy="0"/>
          <a:chOff x="0" y="0"/>
          <a:chExt cx="0" cy="0"/>
        </a:xfrm>
      </p:grpSpPr>
      <p:sp>
        <p:nvSpPr>
          <p:cNvPr id="2" name="Rectangle 19"/>
          <p:cNvSpPr>
            <a:spLocks noGrp="1" noChangeArrowheads="1"/>
          </p:cNvSpPr>
          <p:nvPr>
            <p:ph type="dt" sz="quarter" idx="10"/>
          </p:nvPr>
        </p:nvSpPr>
        <p:spPr>
          <a:xfrm>
            <a:off x="1314345" y="719360"/>
            <a:ext cx="2438189" cy="319186"/>
          </a:xfrm>
          <a:prstGeom prst="rect">
            <a:avLst/>
          </a:prstGeom>
          <a:ln/>
        </p:spPr>
        <p:txBody>
          <a:bodyPr lIns="137039" tIns="68520" rIns="137039" bIns="68520"/>
          <a:lstStyle>
            <a:lvl1pPr>
              <a:defRPr/>
            </a:lvl1pPr>
          </a:lstStyle>
          <a:p>
            <a:pPr>
              <a:defRPr/>
            </a:pPr>
            <a:endParaRPr lang="en-US" altLang="zh-CN">
              <a:solidFill>
                <a:srgbClr val="000000"/>
              </a:solidFill>
            </a:endParaRPr>
          </a:p>
        </p:txBody>
      </p:sp>
    </p:spTree>
    <p:extLst>
      <p:ext uri="{BB962C8B-B14F-4D97-AF65-F5344CB8AC3E}">
        <p14:creationId xmlns:p14="http://schemas.microsoft.com/office/powerpoint/2010/main" xmlns="" val="81866582"/>
      </p:ext>
    </p:extLst>
  </p:cSld>
  <p:clrMapOvr>
    <a:masterClrMapping/>
  </p:clrMapOvr>
  <p:transition advClick="0" advTm="8000"/>
  <p:timing>
    <p:tnLst>
      <p:par>
        <p:cTn id="1" dur="indefinite" restart="never" nodeType="tmRoot"/>
      </p:par>
    </p:tnLst>
  </p:timing>
</p:sldLayout>
</file>

<file path=ppt/slideLayouts/slideLayout80.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914559" y="0"/>
            <a:ext cx="16462058" cy="1715029"/>
          </a:xfrm>
          <a:prstGeom prst="rect">
            <a:avLst/>
          </a:prstGeom>
        </p:spPr>
        <p:txBody>
          <a:bodyPr lIns="182881" tIns="91440" rIns="182881" bIns="91440"/>
          <a:lstStyle/>
          <a:p>
            <a:r>
              <a:rPr lang="en-US" smtClean="0"/>
              <a:t>Click to edit Master title style</a:t>
            </a:r>
            <a:endParaRPr lang="en-US"/>
          </a:p>
        </p:txBody>
      </p:sp>
      <p:sp>
        <p:nvSpPr>
          <p:cNvPr id="3" name="Date Placeholder 2"/>
          <p:cNvSpPr>
            <a:spLocks noGrp="1"/>
          </p:cNvSpPr>
          <p:nvPr>
            <p:ph type="dt" sz="half" idx="10"/>
          </p:nvPr>
        </p:nvSpPr>
        <p:spPr>
          <a:xfrm>
            <a:off x="914559" y="9537469"/>
            <a:ext cx="4267941" cy="547857"/>
          </a:xfrm>
          <a:prstGeom prst="rect">
            <a:avLst/>
          </a:prstGeom>
        </p:spPr>
        <p:txBody>
          <a:bodyPr lIns="182881" tIns="91440" rIns="182881" bIns="91440"/>
          <a:lstStyle/>
          <a:p>
            <a:fld id="{6302B257-31D5-4113-84BC-C3E6A14BB230}" type="datetimeFigureOut">
              <a:rPr lang="en-US" smtClean="0">
                <a:solidFill>
                  <a:srgbClr val="000000"/>
                </a:solidFill>
              </a:rPr>
              <a:pPr/>
              <a:t>4/22/2015</a:t>
            </a:fld>
            <a:endParaRPr lang="en-US">
              <a:solidFill>
                <a:srgbClr val="000000"/>
              </a:solidFill>
            </a:endParaRPr>
          </a:p>
        </p:txBody>
      </p:sp>
      <p:sp>
        <p:nvSpPr>
          <p:cNvPr id="4" name="Footer Placeholder 3"/>
          <p:cNvSpPr>
            <a:spLocks noGrp="1"/>
          </p:cNvSpPr>
          <p:nvPr>
            <p:ph type="ftr" sz="quarter" idx="11"/>
          </p:nvPr>
        </p:nvSpPr>
        <p:spPr>
          <a:xfrm>
            <a:off x="6249485" y="9537469"/>
            <a:ext cx="5792205" cy="547857"/>
          </a:xfrm>
          <a:prstGeom prst="rect">
            <a:avLst/>
          </a:prstGeom>
        </p:spPr>
        <p:txBody>
          <a:bodyPr lIns="182881" tIns="91440" rIns="182881" bIns="91440"/>
          <a:lstStyle/>
          <a:p>
            <a:endParaRPr lang="en-US">
              <a:solidFill>
                <a:srgbClr val="000000"/>
              </a:solidFill>
            </a:endParaRPr>
          </a:p>
        </p:txBody>
      </p:sp>
      <p:sp>
        <p:nvSpPr>
          <p:cNvPr id="5" name="Slide Number Placeholder 4"/>
          <p:cNvSpPr>
            <a:spLocks noGrp="1"/>
          </p:cNvSpPr>
          <p:nvPr>
            <p:ph type="sldNum" sz="quarter" idx="12"/>
          </p:nvPr>
        </p:nvSpPr>
        <p:spPr>
          <a:xfrm>
            <a:off x="13108675" y="9537469"/>
            <a:ext cx="4267941" cy="547857"/>
          </a:xfrm>
          <a:prstGeom prst="rect">
            <a:avLst/>
          </a:prstGeom>
        </p:spPr>
        <p:txBody>
          <a:bodyPr lIns="182881" tIns="91440" rIns="182881" bIns="91440"/>
          <a:lstStyle/>
          <a:p>
            <a:fld id="{89E0E678-7997-4B78-9508-FFE7E7E7F2B4}" type="slidenum">
              <a:rPr lang="en-US" smtClean="0">
                <a:solidFill>
                  <a:srgbClr val="000000"/>
                </a:solidFill>
              </a:rPr>
              <a:pPr/>
              <a:t>‹#›</a:t>
            </a:fld>
            <a:endParaRPr lang="en-US">
              <a:solidFill>
                <a:srgbClr val="000000"/>
              </a:solidFill>
            </a:endParaRPr>
          </a:p>
        </p:txBody>
      </p:sp>
    </p:spTree>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674135"/>
            <a:ext cx="15268050" cy="1307709"/>
          </a:xfrm>
          <a:prstGeom prst="rect">
            <a:avLst/>
          </a:prstGeom>
        </p:spPr>
        <p:txBody>
          <a:bodyPr lIns="182881" tIns="91440" rIns="182881" bIns="91440"/>
          <a:lstStyle/>
          <a:p>
            <a:r>
              <a:rPr lang="en-US" smtClean="0"/>
              <a:t>Click to edit Master title style</a:t>
            </a:r>
            <a:endParaRPr lang="en-US"/>
          </a:p>
        </p:txBody>
      </p:sp>
      <p:sp>
        <p:nvSpPr>
          <p:cNvPr id="4" name="Content Placeholder 3"/>
          <p:cNvSpPr>
            <a:spLocks noGrp="1"/>
          </p:cNvSpPr>
          <p:nvPr>
            <p:ph sz="quarter" idx="10"/>
          </p:nvPr>
        </p:nvSpPr>
        <p:spPr>
          <a:xfrm>
            <a:off x="1528442" y="2443330"/>
            <a:ext cx="15234292" cy="6879239"/>
          </a:xfrm>
          <a:prstGeom prst="rect">
            <a:avLst/>
          </a:prstGeom>
        </p:spPr>
        <p:txBody>
          <a:bodyPr lIns="182881" tIns="91440" rIns="182881" bIns="91440"/>
          <a:lstStyle>
            <a:lvl1pPr>
              <a:defRPr sz="4800"/>
            </a:lvl1pPr>
            <a:lvl2pPr>
              <a:defRPr sz="4000"/>
            </a:lvl2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advClick="0" advTm="8000">
    <p:fade thruBlk="1"/>
  </p:transition>
</p:sldLayout>
</file>

<file path=ppt/slideLayouts/slideLayout82.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Tree>
  </p:cSld>
  <p:clrMapOvr>
    <a:masterClrMapping/>
  </p:clrMapOvr>
  <p:transition>
    <p:fade/>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userDrawn="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1511563" y="553723"/>
            <a:ext cx="15268050" cy="1119021"/>
          </a:xfrm>
          <a:prstGeom prst="rect">
            <a:avLst/>
          </a:prstGeom>
        </p:spPr>
        <p:txBody>
          <a:bodyPr lIns="182773" tIns="91386" rIns="182773" bIns="91386"/>
          <a:lstStyle/>
          <a:p>
            <a:r>
              <a:rPr lang="en-US" smtClean="0"/>
              <a:t>Click to edit Master title style</a:t>
            </a:r>
            <a:endParaRPr lang="en-US"/>
          </a:p>
        </p:txBody>
      </p:sp>
    </p:spTree>
  </p:cSld>
  <p:clrMapOvr>
    <a:masterClrMapping/>
  </p:clrMapOvr>
  <p:transition advClick="0" advTm="8000"/>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image" Target="../media/image4.wmf"/><Relationship Id="rId5" Type="http://schemas.openxmlformats.org/officeDocument/2006/relationships/image" Target="../media/image3.wmf"/><Relationship Id="rId4" Type="http://schemas.openxmlformats.org/officeDocument/2006/relationships/image" Target="../media/image2.png"/></Relationships>
</file>

<file path=ppt/slideMasters/_rels/slideMaster10.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theme" Target="../theme/theme10.xml"/><Relationship Id="rId1" Type="http://schemas.openxmlformats.org/officeDocument/2006/relationships/slideLayout" Target="../slideLayouts/slideLayout45.xml"/><Relationship Id="rId6" Type="http://schemas.openxmlformats.org/officeDocument/2006/relationships/image" Target="../media/image4.wmf"/><Relationship Id="rId5" Type="http://schemas.openxmlformats.org/officeDocument/2006/relationships/image" Target="../media/image7.wmf"/><Relationship Id="rId4" Type="http://schemas.openxmlformats.org/officeDocument/2006/relationships/image" Target="../media/image6.png"/></Relationships>
</file>

<file path=ppt/slideMasters/_rels/slideMaster11.xml.rels><?xml version="1.0" encoding="UTF-8" standalone="yes"?>
<Relationships xmlns="http://schemas.openxmlformats.org/package/2006/relationships"><Relationship Id="rId8" Type="http://schemas.openxmlformats.org/officeDocument/2006/relationships/image" Target="../media/image4.wmf"/><Relationship Id="rId3" Type="http://schemas.openxmlformats.org/officeDocument/2006/relationships/slideLayout" Target="../slideLayouts/slideLayout48.xml"/><Relationship Id="rId7" Type="http://schemas.openxmlformats.org/officeDocument/2006/relationships/image" Target="../media/image7.wmf"/><Relationship Id="rId2" Type="http://schemas.openxmlformats.org/officeDocument/2006/relationships/slideLayout" Target="../slideLayouts/slideLayout47.xml"/><Relationship Id="rId1" Type="http://schemas.openxmlformats.org/officeDocument/2006/relationships/slideLayout" Target="../slideLayouts/slideLayout46.xml"/><Relationship Id="rId6" Type="http://schemas.openxmlformats.org/officeDocument/2006/relationships/image" Target="../media/image10.jpeg"/><Relationship Id="rId5" Type="http://schemas.openxmlformats.org/officeDocument/2006/relationships/image" Target="../media/image6.png"/><Relationship Id="rId4" Type="http://schemas.openxmlformats.org/officeDocument/2006/relationships/theme" Target="../theme/theme11.xml"/></Relationships>
</file>

<file path=ppt/slideMasters/_rels/slideMaster12.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theme" Target="../theme/theme12.xml"/><Relationship Id="rId1" Type="http://schemas.openxmlformats.org/officeDocument/2006/relationships/slideLayout" Target="../slideLayouts/slideLayout49.xml"/><Relationship Id="rId6" Type="http://schemas.openxmlformats.org/officeDocument/2006/relationships/image" Target="../media/image3.wmf"/><Relationship Id="rId5" Type="http://schemas.openxmlformats.org/officeDocument/2006/relationships/image" Target="../media/image12.wmf"/><Relationship Id="rId4" Type="http://schemas.openxmlformats.org/officeDocument/2006/relationships/image" Target="../media/image2.png"/></Relationships>
</file>

<file path=ppt/slideMasters/_rels/slideMaster13.xml.rels><?xml version="1.0" encoding="UTF-8" standalone="yes"?>
<Relationships xmlns="http://schemas.openxmlformats.org/package/2006/relationships"><Relationship Id="rId8" Type="http://schemas.openxmlformats.org/officeDocument/2006/relationships/slideLayout" Target="../slideLayouts/slideLayout57.xml"/><Relationship Id="rId13" Type="http://schemas.openxmlformats.org/officeDocument/2006/relationships/image" Target="../media/image14.png"/><Relationship Id="rId3" Type="http://schemas.openxmlformats.org/officeDocument/2006/relationships/slideLayout" Target="../slideLayouts/slideLayout52.xml"/><Relationship Id="rId7" Type="http://schemas.openxmlformats.org/officeDocument/2006/relationships/slideLayout" Target="../slideLayouts/slideLayout56.xml"/><Relationship Id="rId12" Type="http://schemas.openxmlformats.org/officeDocument/2006/relationships/image" Target="../media/image12.wmf"/><Relationship Id="rId2" Type="http://schemas.openxmlformats.org/officeDocument/2006/relationships/slideLayout" Target="../slideLayouts/slideLayout51.xml"/><Relationship Id="rId1" Type="http://schemas.openxmlformats.org/officeDocument/2006/relationships/slideLayout" Target="../slideLayouts/slideLayout50.xml"/><Relationship Id="rId6" Type="http://schemas.openxmlformats.org/officeDocument/2006/relationships/slideLayout" Target="../slideLayouts/slideLayout55.xml"/><Relationship Id="rId11" Type="http://schemas.openxmlformats.org/officeDocument/2006/relationships/image" Target="../media/image13.jpeg"/><Relationship Id="rId5" Type="http://schemas.openxmlformats.org/officeDocument/2006/relationships/slideLayout" Target="../slideLayouts/slideLayout54.xml"/><Relationship Id="rId10" Type="http://schemas.openxmlformats.org/officeDocument/2006/relationships/theme" Target="../theme/theme13.xml"/><Relationship Id="rId4" Type="http://schemas.openxmlformats.org/officeDocument/2006/relationships/slideLayout" Target="../slideLayouts/slideLayout53.xml"/><Relationship Id="rId9" Type="http://schemas.openxmlformats.org/officeDocument/2006/relationships/slideLayout" Target="../slideLayouts/slideLayout58.xml"/><Relationship Id="rId14" Type="http://schemas.openxmlformats.org/officeDocument/2006/relationships/image" Target="../media/image7.wmf"/></Relationships>
</file>

<file path=ppt/slideMasters/_rels/slideMaster14.xml.rels><?xml version="1.0" encoding="UTF-8" standalone="yes"?>
<Relationships xmlns="http://schemas.openxmlformats.org/package/2006/relationships"><Relationship Id="rId8" Type="http://schemas.openxmlformats.org/officeDocument/2006/relationships/slideLayout" Target="../slideLayouts/slideLayout66.xml"/><Relationship Id="rId13" Type="http://schemas.openxmlformats.org/officeDocument/2006/relationships/image" Target="../media/image12.wmf"/><Relationship Id="rId3" Type="http://schemas.openxmlformats.org/officeDocument/2006/relationships/slideLayout" Target="../slideLayouts/slideLayout61.xml"/><Relationship Id="rId7" Type="http://schemas.openxmlformats.org/officeDocument/2006/relationships/slideLayout" Target="../slideLayouts/slideLayout65.xml"/><Relationship Id="rId12" Type="http://schemas.openxmlformats.org/officeDocument/2006/relationships/image" Target="../media/image13.jpeg"/><Relationship Id="rId2" Type="http://schemas.openxmlformats.org/officeDocument/2006/relationships/slideLayout" Target="../slideLayouts/slideLayout60.xml"/><Relationship Id="rId1" Type="http://schemas.openxmlformats.org/officeDocument/2006/relationships/slideLayout" Target="../slideLayouts/slideLayout59.xml"/><Relationship Id="rId6" Type="http://schemas.openxmlformats.org/officeDocument/2006/relationships/slideLayout" Target="../slideLayouts/slideLayout64.xml"/><Relationship Id="rId11" Type="http://schemas.openxmlformats.org/officeDocument/2006/relationships/theme" Target="../theme/theme14.xml"/><Relationship Id="rId5" Type="http://schemas.openxmlformats.org/officeDocument/2006/relationships/slideLayout" Target="../slideLayouts/slideLayout63.xml"/><Relationship Id="rId15" Type="http://schemas.openxmlformats.org/officeDocument/2006/relationships/image" Target="../media/image7.wmf"/><Relationship Id="rId10" Type="http://schemas.openxmlformats.org/officeDocument/2006/relationships/slideLayout" Target="../slideLayouts/slideLayout68.xml"/><Relationship Id="rId4" Type="http://schemas.openxmlformats.org/officeDocument/2006/relationships/slideLayout" Target="../slideLayouts/slideLayout62.xml"/><Relationship Id="rId9" Type="http://schemas.openxmlformats.org/officeDocument/2006/relationships/slideLayout" Target="../slideLayouts/slideLayout67.xml"/><Relationship Id="rId14" Type="http://schemas.openxmlformats.org/officeDocument/2006/relationships/image" Target="../media/image14.png"/></Relationships>
</file>

<file path=ppt/slideMasters/_rels/slideMaster15.xml.rels><?xml version="1.0" encoding="UTF-8" standalone="yes"?>
<Relationships xmlns="http://schemas.openxmlformats.org/package/2006/relationships"><Relationship Id="rId8" Type="http://schemas.openxmlformats.org/officeDocument/2006/relationships/slideLayout" Target="../slideLayouts/slideLayout76.xml"/><Relationship Id="rId13" Type="http://schemas.openxmlformats.org/officeDocument/2006/relationships/image" Target="../media/image14.png"/><Relationship Id="rId3" Type="http://schemas.openxmlformats.org/officeDocument/2006/relationships/slideLayout" Target="../slideLayouts/slideLayout71.xml"/><Relationship Id="rId7" Type="http://schemas.openxmlformats.org/officeDocument/2006/relationships/slideLayout" Target="../slideLayouts/slideLayout75.xml"/><Relationship Id="rId12" Type="http://schemas.openxmlformats.org/officeDocument/2006/relationships/image" Target="../media/image12.wmf"/><Relationship Id="rId2" Type="http://schemas.openxmlformats.org/officeDocument/2006/relationships/slideLayout" Target="../slideLayouts/slideLayout70.xml"/><Relationship Id="rId1" Type="http://schemas.openxmlformats.org/officeDocument/2006/relationships/slideLayout" Target="../slideLayouts/slideLayout69.xml"/><Relationship Id="rId6" Type="http://schemas.openxmlformats.org/officeDocument/2006/relationships/slideLayout" Target="../slideLayouts/slideLayout74.xml"/><Relationship Id="rId11" Type="http://schemas.openxmlformats.org/officeDocument/2006/relationships/image" Target="../media/image13.jpeg"/><Relationship Id="rId5" Type="http://schemas.openxmlformats.org/officeDocument/2006/relationships/slideLayout" Target="../slideLayouts/slideLayout73.xml"/><Relationship Id="rId10" Type="http://schemas.openxmlformats.org/officeDocument/2006/relationships/theme" Target="../theme/theme15.xml"/><Relationship Id="rId4" Type="http://schemas.openxmlformats.org/officeDocument/2006/relationships/slideLayout" Target="../slideLayouts/slideLayout72.xml"/><Relationship Id="rId9" Type="http://schemas.openxmlformats.org/officeDocument/2006/relationships/slideLayout" Target="../slideLayouts/slideLayout77.xml"/><Relationship Id="rId14" Type="http://schemas.openxmlformats.org/officeDocument/2006/relationships/image" Target="../media/image7.wmf"/></Relationships>
</file>

<file path=ppt/slideMasters/_rels/slideMaster16.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slideLayout" Target="../slideLayouts/slideLayout80.xml"/><Relationship Id="rId7" Type="http://schemas.openxmlformats.org/officeDocument/2006/relationships/image" Target="../media/image12.wmf"/><Relationship Id="rId2" Type="http://schemas.openxmlformats.org/officeDocument/2006/relationships/slideLayout" Target="../slideLayouts/slideLayout79.xml"/><Relationship Id="rId1" Type="http://schemas.openxmlformats.org/officeDocument/2006/relationships/slideLayout" Target="../slideLayouts/slideLayout78.xml"/><Relationship Id="rId6" Type="http://schemas.openxmlformats.org/officeDocument/2006/relationships/image" Target="../media/image13.jpeg"/><Relationship Id="rId5" Type="http://schemas.openxmlformats.org/officeDocument/2006/relationships/theme" Target="../theme/theme16.xml"/><Relationship Id="rId4" Type="http://schemas.openxmlformats.org/officeDocument/2006/relationships/slideLayout" Target="../slideLayouts/slideLayout81.xml"/><Relationship Id="rId9" Type="http://schemas.openxmlformats.org/officeDocument/2006/relationships/image" Target="../media/image7.wmf"/></Relationships>
</file>

<file path=ppt/slideMasters/_rels/slideMaster1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theme" Target="../theme/theme17.xml"/><Relationship Id="rId1" Type="http://schemas.openxmlformats.org/officeDocument/2006/relationships/slideLayout" Target="../slideLayouts/slideLayout82.xml"/></Relationships>
</file>

<file path=ppt/slideMasters/_rels/slideMaster2.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theme" Target="../theme/theme2.xml"/><Relationship Id="rId1" Type="http://schemas.openxmlformats.org/officeDocument/2006/relationships/slideLayout" Target="../slideLayouts/slideLayout2.xml"/><Relationship Id="rId6" Type="http://schemas.openxmlformats.org/officeDocument/2006/relationships/image" Target="../media/image4.wmf"/><Relationship Id="rId5" Type="http://schemas.openxmlformats.org/officeDocument/2006/relationships/image" Target="../media/image7.wmf"/><Relationship Id="rId4" Type="http://schemas.openxmlformats.org/officeDocument/2006/relationships/image" Target="../media/image6.png"/></Relationships>
</file>

<file path=ppt/slideMasters/_rels/slideMaster3.xml.rels><?xml version="1.0" encoding="UTF-8" standalone="yes"?>
<Relationships xmlns="http://schemas.openxmlformats.org/package/2006/relationships"><Relationship Id="rId8" Type="http://schemas.openxmlformats.org/officeDocument/2006/relationships/image" Target="../media/image4.wmf"/><Relationship Id="rId3" Type="http://schemas.openxmlformats.org/officeDocument/2006/relationships/slideLayout" Target="../slideLayouts/slideLayout5.xml"/><Relationship Id="rId7" Type="http://schemas.openxmlformats.org/officeDocument/2006/relationships/image" Target="../media/image8.wmf"/><Relationship Id="rId2" Type="http://schemas.openxmlformats.org/officeDocument/2006/relationships/slideLayout" Target="../slideLayouts/slideLayout4.xml"/><Relationship Id="rId1" Type="http://schemas.openxmlformats.org/officeDocument/2006/relationships/slideLayout" Target="../slideLayouts/slideLayout3.xml"/><Relationship Id="rId6" Type="http://schemas.openxmlformats.org/officeDocument/2006/relationships/image" Target="../media/image7.wmf"/><Relationship Id="rId5" Type="http://schemas.openxmlformats.org/officeDocument/2006/relationships/image" Target="../media/image6.png"/><Relationship Id="rId4"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13.xml"/><Relationship Id="rId13" Type="http://schemas.openxmlformats.org/officeDocument/2006/relationships/slideLayout" Target="../slideLayouts/slideLayout18.xml"/><Relationship Id="rId18" Type="http://schemas.openxmlformats.org/officeDocument/2006/relationships/slideLayout" Target="../slideLayouts/slideLayout23.xml"/><Relationship Id="rId26" Type="http://schemas.openxmlformats.org/officeDocument/2006/relationships/image" Target="../media/image7.wmf"/><Relationship Id="rId3" Type="http://schemas.openxmlformats.org/officeDocument/2006/relationships/slideLayout" Target="../slideLayouts/slideLayout8.xml"/><Relationship Id="rId21" Type="http://schemas.openxmlformats.org/officeDocument/2006/relationships/slideLayout" Target="../slideLayouts/slideLayout26.xml"/><Relationship Id="rId7" Type="http://schemas.openxmlformats.org/officeDocument/2006/relationships/slideLayout" Target="../slideLayouts/slideLayout12.xml"/><Relationship Id="rId12" Type="http://schemas.openxmlformats.org/officeDocument/2006/relationships/slideLayout" Target="../slideLayouts/slideLayout17.xml"/><Relationship Id="rId17" Type="http://schemas.openxmlformats.org/officeDocument/2006/relationships/slideLayout" Target="../slideLayouts/slideLayout22.xml"/><Relationship Id="rId25" Type="http://schemas.openxmlformats.org/officeDocument/2006/relationships/image" Target="../media/image6.png"/><Relationship Id="rId2" Type="http://schemas.openxmlformats.org/officeDocument/2006/relationships/slideLayout" Target="../slideLayouts/slideLayout7.xml"/><Relationship Id="rId16" Type="http://schemas.openxmlformats.org/officeDocument/2006/relationships/slideLayout" Target="../slideLayouts/slideLayout21.xml"/><Relationship Id="rId20" Type="http://schemas.openxmlformats.org/officeDocument/2006/relationships/slideLayout" Target="../slideLayouts/slideLayout25.xml"/><Relationship Id="rId1" Type="http://schemas.openxmlformats.org/officeDocument/2006/relationships/slideLayout" Target="../slideLayouts/slideLayout6.xml"/><Relationship Id="rId6" Type="http://schemas.openxmlformats.org/officeDocument/2006/relationships/slideLayout" Target="../slideLayouts/slideLayout11.xml"/><Relationship Id="rId11" Type="http://schemas.openxmlformats.org/officeDocument/2006/relationships/slideLayout" Target="../slideLayouts/slideLayout16.xml"/><Relationship Id="rId24" Type="http://schemas.openxmlformats.org/officeDocument/2006/relationships/image" Target="../media/image5.jpeg"/><Relationship Id="rId5" Type="http://schemas.openxmlformats.org/officeDocument/2006/relationships/slideLayout" Target="../slideLayouts/slideLayout10.xml"/><Relationship Id="rId15" Type="http://schemas.openxmlformats.org/officeDocument/2006/relationships/slideLayout" Target="../slideLayouts/slideLayout20.xml"/><Relationship Id="rId23" Type="http://schemas.openxmlformats.org/officeDocument/2006/relationships/theme" Target="../theme/theme4.xml"/><Relationship Id="rId10" Type="http://schemas.openxmlformats.org/officeDocument/2006/relationships/slideLayout" Target="../slideLayouts/slideLayout15.xml"/><Relationship Id="rId19" Type="http://schemas.openxmlformats.org/officeDocument/2006/relationships/slideLayout" Target="../slideLayouts/slideLayout24.xml"/><Relationship Id="rId4" Type="http://schemas.openxmlformats.org/officeDocument/2006/relationships/slideLayout" Target="../slideLayouts/slideLayout9.xml"/><Relationship Id="rId9" Type="http://schemas.openxmlformats.org/officeDocument/2006/relationships/slideLayout" Target="../slideLayouts/slideLayout14.xml"/><Relationship Id="rId14" Type="http://schemas.openxmlformats.org/officeDocument/2006/relationships/slideLayout" Target="../slideLayouts/slideLayout19.xml"/><Relationship Id="rId22" Type="http://schemas.openxmlformats.org/officeDocument/2006/relationships/slideLayout" Target="../slideLayouts/slideLayout27.xml"/><Relationship Id="rId27" Type="http://schemas.openxmlformats.org/officeDocument/2006/relationships/image" Target="../media/image4.wmf"/></Relationships>
</file>

<file path=ppt/slideMasters/_rels/slideMaster5.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theme" Target="../theme/theme5.xml"/><Relationship Id="rId1" Type="http://schemas.openxmlformats.org/officeDocument/2006/relationships/slideLayout" Target="../slideLayouts/slideLayout28.xml"/><Relationship Id="rId6" Type="http://schemas.openxmlformats.org/officeDocument/2006/relationships/image" Target="../media/image4.wmf"/><Relationship Id="rId5" Type="http://schemas.openxmlformats.org/officeDocument/2006/relationships/image" Target="../media/image7.wmf"/><Relationship Id="rId4" Type="http://schemas.openxmlformats.org/officeDocument/2006/relationships/image" Target="../media/image6.png"/></Relationships>
</file>

<file path=ppt/slideMasters/_rels/slideMaster6.xml.rels><?xml version="1.0" encoding="UTF-8" standalone="yes"?>
<Relationships xmlns="http://schemas.openxmlformats.org/package/2006/relationships"><Relationship Id="rId8" Type="http://schemas.openxmlformats.org/officeDocument/2006/relationships/image" Target="../media/image7.wmf"/><Relationship Id="rId3" Type="http://schemas.openxmlformats.org/officeDocument/2006/relationships/slideLayout" Target="../slideLayouts/slideLayout31.xml"/><Relationship Id="rId7" Type="http://schemas.openxmlformats.org/officeDocument/2006/relationships/image" Target="../media/image6.png"/><Relationship Id="rId2" Type="http://schemas.openxmlformats.org/officeDocument/2006/relationships/slideLayout" Target="../slideLayouts/slideLayout30.xml"/><Relationship Id="rId1" Type="http://schemas.openxmlformats.org/officeDocument/2006/relationships/slideLayout" Target="../slideLayouts/slideLayout29.xml"/><Relationship Id="rId6" Type="http://schemas.openxmlformats.org/officeDocument/2006/relationships/theme" Target="../theme/theme6.xml"/><Relationship Id="rId5" Type="http://schemas.openxmlformats.org/officeDocument/2006/relationships/slideLayout" Target="../slideLayouts/slideLayout33.xml"/><Relationship Id="rId10" Type="http://schemas.openxmlformats.org/officeDocument/2006/relationships/image" Target="../media/image4.wmf"/><Relationship Id="rId4" Type="http://schemas.openxmlformats.org/officeDocument/2006/relationships/slideLayout" Target="../slideLayouts/slideLayout32.xml"/><Relationship Id="rId9" Type="http://schemas.openxmlformats.org/officeDocument/2006/relationships/image" Target="../media/image8.wmf"/></Relationships>
</file>

<file path=ppt/slideMasters/_rels/slideMaster7.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slideLayout" Target="../slideLayouts/slideLayout36.xml"/><Relationship Id="rId7" Type="http://schemas.openxmlformats.org/officeDocument/2006/relationships/theme" Target="../theme/theme7.xml"/><Relationship Id="rId2" Type="http://schemas.openxmlformats.org/officeDocument/2006/relationships/slideLayout" Target="../slideLayouts/slideLayout35.xml"/><Relationship Id="rId1" Type="http://schemas.openxmlformats.org/officeDocument/2006/relationships/slideLayout" Target="../slideLayouts/slideLayout34.xml"/><Relationship Id="rId6" Type="http://schemas.openxmlformats.org/officeDocument/2006/relationships/slideLayout" Target="../slideLayouts/slideLayout39.xml"/><Relationship Id="rId11" Type="http://schemas.openxmlformats.org/officeDocument/2006/relationships/image" Target="../media/image4.wmf"/><Relationship Id="rId5" Type="http://schemas.openxmlformats.org/officeDocument/2006/relationships/slideLayout" Target="../slideLayouts/slideLayout38.xml"/><Relationship Id="rId10" Type="http://schemas.openxmlformats.org/officeDocument/2006/relationships/image" Target="../media/image8.wmf"/><Relationship Id="rId4" Type="http://schemas.openxmlformats.org/officeDocument/2006/relationships/slideLayout" Target="../slideLayouts/slideLayout37.xml"/><Relationship Id="rId9" Type="http://schemas.openxmlformats.org/officeDocument/2006/relationships/image" Target="../media/image7.wmf"/></Relationships>
</file>

<file path=ppt/slideMasters/_rels/slideMaster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theme" Target="../theme/theme8.xml"/><Relationship Id="rId1" Type="http://schemas.openxmlformats.org/officeDocument/2006/relationships/slideLayout" Target="../slideLayouts/slideLayout40.xml"/></Relationships>
</file>

<file path=ppt/slideMasters/_rels/slideMaster9.xml.rels><?xml version="1.0" encoding="UTF-8" standalone="yes"?>
<Relationships xmlns="http://schemas.openxmlformats.org/package/2006/relationships"><Relationship Id="rId8" Type="http://schemas.openxmlformats.org/officeDocument/2006/relationships/image" Target="../media/image7.wmf"/><Relationship Id="rId3" Type="http://schemas.openxmlformats.org/officeDocument/2006/relationships/slideLayout" Target="../slideLayouts/slideLayout43.xml"/><Relationship Id="rId7" Type="http://schemas.openxmlformats.org/officeDocument/2006/relationships/image" Target="../media/image6.png"/><Relationship Id="rId2" Type="http://schemas.openxmlformats.org/officeDocument/2006/relationships/slideLayout" Target="../slideLayouts/slideLayout42.xml"/><Relationship Id="rId1" Type="http://schemas.openxmlformats.org/officeDocument/2006/relationships/slideLayout" Target="../slideLayouts/slideLayout41.xml"/><Relationship Id="rId6" Type="http://schemas.openxmlformats.org/officeDocument/2006/relationships/image" Target="../media/image5.jpeg"/><Relationship Id="rId5" Type="http://schemas.openxmlformats.org/officeDocument/2006/relationships/theme" Target="../theme/theme9.xml"/><Relationship Id="rId4" Type="http://schemas.openxmlformats.org/officeDocument/2006/relationships/slideLayout" Target="../slideLayouts/slideLayout44.xml"/><Relationship Id="rId9" Type="http://schemas.openxmlformats.org/officeDocument/2006/relationships/image" Target="../media/image4.wmf"/></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8" name="Picture 2" descr="E:\01 日常工作\10 多媒体\PPT内部汇报用模板\PPT封面03副本.jpg"/>
          <p:cNvPicPr>
            <a:picLocks noChangeAspect="1" noChangeArrowheads="1"/>
          </p:cNvPicPr>
          <p:nvPr userDrawn="1"/>
        </p:nvPicPr>
        <p:blipFill>
          <a:blip r:embed="rId3" cstate="email"/>
          <a:srcRect/>
          <a:stretch>
            <a:fillRect/>
          </a:stretch>
        </p:blipFill>
        <p:spPr bwMode="auto">
          <a:xfrm>
            <a:off x="0" y="0"/>
            <a:ext cx="18291175" cy="10290175"/>
          </a:xfrm>
          <a:prstGeom prst="rect">
            <a:avLst/>
          </a:prstGeom>
          <a:noFill/>
        </p:spPr>
      </p:pic>
      <p:sp>
        <p:nvSpPr>
          <p:cNvPr id="9" name="Rectangle 86"/>
          <p:cNvSpPr>
            <a:spLocks noChangeArrowheads="1"/>
          </p:cNvSpPr>
          <p:nvPr userDrawn="1"/>
        </p:nvSpPr>
        <p:spPr bwMode="auto">
          <a:xfrm>
            <a:off x="15605361" y="8294073"/>
            <a:ext cx="1433389" cy="1498270"/>
          </a:xfrm>
          <a:prstGeom prst="rect">
            <a:avLst/>
          </a:prstGeom>
          <a:solidFill>
            <a:schemeClr val="bg1"/>
          </a:solidFill>
          <a:ln>
            <a:noFill/>
          </a:ln>
          <a:effectLst/>
          <a:extLst>
            <a:ext uri="{91240B29-F687-4F45-9708-019B960494DF}">
              <a14:hiddenLine xmlns="" xmlns:a14="http://schemas.microsoft.com/office/drawing/2010/main" w="9525" algn="ctr">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wrap="none" lIns="136983" tIns="68492" rIns="136983" bIns="68492" anchor="ctr"/>
          <a:lstStyle/>
          <a:p>
            <a:endParaRPr lang="zh-CN" altLang="en-US" dirty="0">
              <a:solidFill>
                <a:srgbClr val="000000"/>
              </a:solidFill>
              <a:latin typeface="FrutigerNext LT Medium" pitchFamily="34" charset="0"/>
            </a:endParaRPr>
          </a:p>
        </p:txBody>
      </p:sp>
      <p:sp>
        <p:nvSpPr>
          <p:cNvPr id="11" name="Rectangle 8"/>
          <p:cNvSpPr>
            <a:spLocks noGrp="1" noChangeArrowheads="1"/>
          </p:cNvSpPr>
          <p:nvPr>
            <p:ph type="title"/>
          </p:nvPr>
        </p:nvSpPr>
        <p:spPr bwMode="auto">
          <a:xfrm>
            <a:off x="1314339" y="3956485"/>
            <a:ext cx="11374244" cy="2108799"/>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lgn="ctr">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0" tIns="68492" rIns="136983" bIns="68492" numCol="1" anchor="t" anchorCtr="0" compatLnSpc="1">
            <a:prstTxWarp prst="textNoShape">
              <a:avLst/>
            </a:prstTxWarp>
            <a:spAutoFit/>
          </a:bodyPr>
          <a:lstStyle/>
          <a:p>
            <a:pPr lvl="0"/>
            <a:r>
              <a:rPr lang="en-US" altLang="zh-CN" dirty="0" smtClean="0"/>
              <a:t>Click to edit Master title style</a:t>
            </a:r>
            <a:endParaRPr lang="zh-CN" altLang="en-US" dirty="0" smtClean="0"/>
          </a:p>
        </p:txBody>
      </p:sp>
      <p:pic>
        <p:nvPicPr>
          <p:cNvPr id="13" name="Picture 77" descr="Logo"/>
          <p:cNvPicPr>
            <a:picLocks noChangeAspect="1" noChangeArrowheads="1"/>
          </p:cNvPicPr>
          <p:nvPr userDrawn="1"/>
        </p:nvPicPr>
        <p:blipFill>
          <a:blip r:embed="rId4" cstate="email">
            <a:extLst>
              <a:ext uri="{28A0092B-C50C-407E-A947-70E740481C1C}">
                <a14:useLocalDpi xmlns="" xmlns:a14="http://schemas.microsoft.com/office/drawing/2010/main" val="0"/>
              </a:ext>
            </a:extLst>
          </a:blip>
          <a:srcRect/>
          <a:stretch>
            <a:fillRect/>
          </a:stretch>
        </p:blipFill>
        <p:spPr bwMode="auto">
          <a:xfrm>
            <a:off x="15590988" y="8071460"/>
            <a:ext cx="1537935" cy="1535086"/>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0" name="Picture 2" descr="C:\Users\z00124665\Desktop\图形2.wmf"/>
          <p:cNvPicPr>
            <a:picLocks noChangeAspect="1" noChangeArrowheads="1"/>
          </p:cNvPicPr>
          <p:nvPr userDrawn="1"/>
        </p:nvPicPr>
        <p:blipFill>
          <a:blip r:embed="rId5" cstate="email"/>
          <a:srcRect/>
          <a:stretch>
            <a:fillRect/>
          </a:stretch>
        </p:blipFill>
        <p:spPr bwMode="auto">
          <a:xfrm>
            <a:off x="1333769" y="8884183"/>
            <a:ext cx="4233987" cy="734967"/>
          </a:xfrm>
          <a:prstGeom prst="rect">
            <a:avLst/>
          </a:prstGeom>
          <a:noFill/>
        </p:spPr>
      </p:pic>
      <p:pic>
        <p:nvPicPr>
          <p:cNvPr id="8" name="Picture 2" descr="C:\Users\z00124665\Desktop\A BETTER WAY SOLUTIONS.wmf"/>
          <p:cNvPicPr>
            <a:picLocks noChangeAspect="1" noChangeArrowheads="1"/>
          </p:cNvPicPr>
          <p:nvPr userDrawn="1"/>
        </p:nvPicPr>
        <p:blipFill>
          <a:blip r:embed="rId6" cstate="email"/>
          <a:srcRect/>
          <a:stretch>
            <a:fillRect/>
          </a:stretch>
        </p:blipFill>
        <p:spPr bwMode="auto">
          <a:xfrm>
            <a:off x="1321029" y="1869280"/>
            <a:ext cx="8236110" cy="229385"/>
          </a:xfrm>
          <a:prstGeom prst="rect">
            <a:avLst/>
          </a:prstGeom>
          <a:noFill/>
        </p:spPr>
      </p:pic>
    </p:spTree>
  </p:cSld>
  <p:clrMap bg1="lt1" tx1="dk1" bg2="lt2" tx2="dk2" accent1="accent1" accent2="accent2" accent3="accent3" accent4="accent4" accent5="accent5" accent6="accent6" hlink="hlink" folHlink="folHlink"/>
  <p:sldLayoutIdLst>
    <p:sldLayoutId id="2147485173"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mj-cs"/>
        </a:defRPr>
      </a:lvl1pPr>
      <a:lvl2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宋体" charset="-122"/>
        </a:defRPr>
      </a:lvl5pPr>
      <a:lvl6pPr marL="91349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6969"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0458"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394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109" indent="-685109" algn="l" rtl="0" eaLnBrk="0" fontAlgn="base" hangingPunct="0">
        <a:spcBef>
          <a:spcPct val="20000"/>
        </a:spcBef>
        <a:spcAft>
          <a:spcPct val="0"/>
        </a:spcAft>
        <a:buClr>
          <a:srgbClr val="990000"/>
        </a:buClr>
        <a:buChar char="•"/>
        <a:defRPr sz="4800" b="1">
          <a:solidFill>
            <a:schemeClr val="tx1"/>
          </a:solidFill>
          <a:latin typeface="+mn-lt"/>
          <a:ea typeface="+mn-ea"/>
          <a:cs typeface="+mn-cs"/>
        </a:defRPr>
      </a:lvl1pPr>
      <a:lvl2pPr marL="1484411" indent="-570930" algn="l" rtl="0" eaLnBrk="0" fontAlgn="base" hangingPunct="0">
        <a:spcBef>
          <a:spcPct val="20000"/>
        </a:spcBef>
        <a:spcAft>
          <a:spcPct val="0"/>
        </a:spcAft>
        <a:buFont typeface="Arial" pitchFamily="34" charset="0"/>
        <a:buChar char="›"/>
        <a:defRPr sz="4000">
          <a:solidFill>
            <a:schemeClr val="tx1"/>
          </a:solidFill>
          <a:latin typeface="+mn-lt"/>
          <a:ea typeface="+mn-ea"/>
          <a:cs typeface="+mn-cs"/>
        </a:defRPr>
      </a:lvl2pPr>
      <a:lvl3pPr marL="2283713" indent="-456739" algn="l" rtl="0" eaLnBrk="0" fontAlgn="base" hangingPunct="0">
        <a:spcBef>
          <a:spcPct val="20000"/>
        </a:spcBef>
        <a:spcAft>
          <a:spcPct val="0"/>
        </a:spcAft>
        <a:buFont typeface="FrutigerNext LT Medium" charset="0"/>
        <a:buChar char="»"/>
        <a:defRPr>
          <a:solidFill>
            <a:schemeClr val="tx1"/>
          </a:solidFill>
          <a:latin typeface="+mn-lt"/>
          <a:ea typeface="+mn-ea"/>
          <a:cs typeface="+mn-cs"/>
        </a:defRPr>
      </a:lvl3pPr>
      <a:lvl4pPr marL="3197199" indent="-456739" algn="l" rtl="0" eaLnBrk="0" fontAlgn="base" hangingPunct="0">
        <a:spcBef>
          <a:spcPct val="20000"/>
        </a:spcBef>
        <a:spcAft>
          <a:spcPct val="0"/>
        </a:spcAft>
        <a:buChar char="–"/>
        <a:defRPr sz="3200">
          <a:solidFill>
            <a:schemeClr val="tx1"/>
          </a:solidFill>
          <a:latin typeface="+mn-lt"/>
          <a:ea typeface="+mn-ea"/>
          <a:cs typeface="+mn-cs"/>
        </a:defRPr>
      </a:lvl4pPr>
      <a:lvl5pPr marL="4110686" indent="-456739" algn="l" rtl="0" eaLnBrk="0" fontAlgn="base" hangingPunct="0">
        <a:spcBef>
          <a:spcPct val="20000"/>
        </a:spcBef>
        <a:spcAft>
          <a:spcPct val="0"/>
        </a:spcAft>
        <a:buFont typeface="Arial" pitchFamily="34" charset="0"/>
        <a:buChar char="~"/>
        <a:defRPr sz="3200">
          <a:solidFill>
            <a:schemeClr val="tx1"/>
          </a:solidFill>
          <a:latin typeface="+mn-lt"/>
          <a:ea typeface="+mn-ea"/>
          <a:cs typeface="+mn-cs"/>
        </a:defRPr>
      </a:lvl5pPr>
      <a:lvl6pPr marL="5024169" indent="-456739"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37657" indent="-456739"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1140" indent="-456739"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4627" indent="-456739"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6969" rtl="0" eaLnBrk="1" latinLnBrk="0" hangingPunct="1">
        <a:defRPr sz="3600" kern="1200">
          <a:solidFill>
            <a:schemeClr val="tx1"/>
          </a:solidFill>
          <a:latin typeface="+mn-lt"/>
          <a:ea typeface="+mn-ea"/>
          <a:cs typeface="+mn-cs"/>
        </a:defRPr>
      </a:lvl1pPr>
      <a:lvl2pPr marL="913491" algn="l" defTabSz="1826969" rtl="0" eaLnBrk="1" latinLnBrk="0" hangingPunct="1">
        <a:defRPr sz="3600" kern="1200">
          <a:solidFill>
            <a:schemeClr val="tx1"/>
          </a:solidFill>
          <a:latin typeface="+mn-lt"/>
          <a:ea typeface="+mn-ea"/>
          <a:cs typeface="+mn-cs"/>
        </a:defRPr>
      </a:lvl2pPr>
      <a:lvl3pPr marL="1826969" algn="l" defTabSz="1826969" rtl="0" eaLnBrk="1" latinLnBrk="0" hangingPunct="1">
        <a:defRPr sz="3600" kern="1200">
          <a:solidFill>
            <a:schemeClr val="tx1"/>
          </a:solidFill>
          <a:latin typeface="+mn-lt"/>
          <a:ea typeface="+mn-ea"/>
          <a:cs typeface="+mn-cs"/>
        </a:defRPr>
      </a:lvl3pPr>
      <a:lvl4pPr marL="2740458" algn="l" defTabSz="1826969" rtl="0" eaLnBrk="1" latinLnBrk="0" hangingPunct="1">
        <a:defRPr sz="3600" kern="1200">
          <a:solidFill>
            <a:schemeClr val="tx1"/>
          </a:solidFill>
          <a:latin typeface="+mn-lt"/>
          <a:ea typeface="+mn-ea"/>
          <a:cs typeface="+mn-cs"/>
        </a:defRPr>
      </a:lvl4pPr>
      <a:lvl5pPr marL="3653941" algn="l" defTabSz="1826969" rtl="0" eaLnBrk="1" latinLnBrk="0" hangingPunct="1">
        <a:defRPr sz="3600" kern="1200">
          <a:solidFill>
            <a:schemeClr val="tx1"/>
          </a:solidFill>
          <a:latin typeface="+mn-lt"/>
          <a:ea typeface="+mn-ea"/>
          <a:cs typeface="+mn-cs"/>
        </a:defRPr>
      </a:lvl5pPr>
      <a:lvl6pPr marL="4567427" algn="l" defTabSz="1826969" rtl="0" eaLnBrk="1" latinLnBrk="0" hangingPunct="1">
        <a:defRPr sz="3600" kern="1200">
          <a:solidFill>
            <a:schemeClr val="tx1"/>
          </a:solidFill>
          <a:latin typeface="+mn-lt"/>
          <a:ea typeface="+mn-ea"/>
          <a:cs typeface="+mn-cs"/>
        </a:defRPr>
      </a:lvl6pPr>
      <a:lvl7pPr marL="5480912" algn="l" defTabSz="1826969" rtl="0" eaLnBrk="1" latinLnBrk="0" hangingPunct="1">
        <a:defRPr sz="3600" kern="1200">
          <a:solidFill>
            <a:schemeClr val="tx1"/>
          </a:solidFill>
          <a:latin typeface="+mn-lt"/>
          <a:ea typeface="+mn-ea"/>
          <a:cs typeface="+mn-cs"/>
        </a:defRPr>
      </a:lvl7pPr>
      <a:lvl8pPr marL="6394399" algn="l" defTabSz="1826969" rtl="0" eaLnBrk="1" latinLnBrk="0" hangingPunct="1">
        <a:defRPr sz="3600" kern="1200">
          <a:solidFill>
            <a:schemeClr val="tx1"/>
          </a:solidFill>
          <a:latin typeface="+mn-lt"/>
          <a:ea typeface="+mn-ea"/>
          <a:cs typeface="+mn-cs"/>
        </a:defRPr>
      </a:lvl8pPr>
      <a:lvl9pPr marL="7307883" algn="l" defTabSz="1826969" rtl="0" eaLnBrk="1" latinLnBrk="0" hangingPunct="1">
        <a:defRPr sz="36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3" name="矩形 2"/>
          <p:cNvSpPr/>
          <p:nvPr userDrawn="1"/>
        </p:nvSpPr>
        <p:spPr bwMode="auto">
          <a:xfrm>
            <a:off x="9526" y="0"/>
            <a:ext cx="18281649" cy="10290175"/>
          </a:xfrm>
          <a:prstGeom prst="rect">
            <a:avLst/>
          </a:prstGeom>
          <a:solidFill>
            <a:schemeClr val="bg1">
              <a:lumMod val="9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773" tIns="91386" rIns="182773" bIns="91386" numCol="1" rtlCol="0" anchor="t" anchorCtr="0" compatLnSpc="1">
            <a:prstTxWarp prst="textNoShape">
              <a:avLst/>
            </a:prstTxWarp>
          </a:bodyPr>
          <a:lstStyle/>
          <a:p>
            <a:pPr defTabSz="1827701">
              <a:buClr>
                <a:srgbClr val="CC9900"/>
              </a:buClr>
              <a:buFont typeface="Wingdings" pitchFamily="2" charset="2"/>
              <a:buChar char="n"/>
            </a:pPr>
            <a:endParaRPr lang="zh-CN" altLang="en-US" sz="3600" dirty="0" smtClean="0">
              <a:solidFill>
                <a:srgbClr val="000000"/>
              </a:solidFill>
              <a:latin typeface="Arial" charset="0"/>
              <a:ea typeface="宋体" charset="-122"/>
            </a:endParaRPr>
          </a:p>
        </p:txBody>
      </p:sp>
      <p:grpSp>
        <p:nvGrpSpPr>
          <p:cNvPr id="2" name="组合 3"/>
          <p:cNvGrpSpPr/>
          <p:nvPr userDrawn="1"/>
        </p:nvGrpSpPr>
        <p:grpSpPr>
          <a:xfrm>
            <a:off x="0" y="10179017"/>
            <a:ext cx="18291175" cy="111158"/>
            <a:chOff x="0" y="5087938"/>
            <a:chExt cx="9144000" cy="55562"/>
          </a:xfrm>
        </p:grpSpPr>
        <p:pic>
          <p:nvPicPr>
            <p:cNvPr id="5" name="Picture 2" descr="E:\01 日常工作\10 多媒体\PPT内部汇报用模板\红条.jpg"/>
            <p:cNvPicPr>
              <a:picLocks noChangeAspect="1" noChangeArrowheads="1"/>
            </p:cNvPicPr>
            <p:nvPr userDrawn="1"/>
          </p:nvPicPr>
          <p:blipFill>
            <a:blip r:embed="rId3" cstate="screen"/>
            <a:srcRect/>
            <a:stretch>
              <a:fillRect/>
            </a:stretch>
          </p:blipFill>
          <p:spPr bwMode="auto">
            <a:xfrm>
              <a:off x="0" y="5087938"/>
              <a:ext cx="8616950" cy="55562"/>
            </a:xfrm>
            <a:prstGeom prst="rect">
              <a:avLst/>
            </a:prstGeom>
            <a:noFill/>
          </p:spPr>
        </p:pic>
        <p:pic>
          <p:nvPicPr>
            <p:cNvPr id="6" name="Picture 2" descr="E:\01 日常工作\10 多媒体\PPT内部汇报用模板\红条.jpg"/>
            <p:cNvPicPr>
              <a:picLocks noChangeAspect="1" noChangeArrowheads="1"/>
            </p:cNvPicPr>
            <p:nvPr userDrawn="1"/>
          </p:nvPicPr>
          <p:blipFill>
            <a:blip r:embed="rId3" cstate="screen"/>
            <a:srcRect/>
            <a:stretch>
              <a:fillRect/>
            </a:stretch>
          </p:blipFill>
          <p:spPr bwMode="auto">
            <a:xfrm>
              <a:off x="527050" y="5087938"/>
              <a:ext cx="8616950" cy="55562"/>
            </a:xfrm>
            <a:prstGeom prst="rect">
              <a:avLst/>
            </a:prstGeom>
            <a:noFill/>
          </p:spPr>
        </p:pic>
      </p:grpSp>
      <p:pic>
        <p:nvPicPr>
          <p:cNvPr id="8" name="Picture 2" descr="C:\Users\z00124665\Desktop\HW LOGO(横版）.png"/>
          <p:cNvPicPr>
            <a:picLocks noChangeAspect="1" noChangeArrowheads="1"/>
          </p:cNvPicPr>
          <p:nvPr userDrawn="1"/>
        </p:nvPicPr>
        <p:blipFill>
          <a:blip r:embed="rId4" cstate="screen"/>
          <a:srcRect/>
          <a:stretch>
            <a:fillRect/>
          </a:stretch>
        </p:blipFill>
        <p:spPr bwMode="auto">
          <a:xfrm>
            <a:off x="15135444" y="9378768"/>
            <a:ext cx="2500736" cy="609236"/>
          </a:xfrm>
          <a:prstGeom prst="rect">
            <a:avLst/>
          </a:prstGeom>
          <a:noFill/>
        </p:spPr>
      </p:pic>
      <p:sp>
        <p:nvSpPr>
          <p:cNvPr id="9" name="Rectangle 5"/>
          <p:cNvSpPr>
            <a:spLocks noChangeArrowheads="1"/>
          </p:cNvSpPr>
          <p:nvPr userDrawn="1"/>
        </p:nvSpPr>
        <p:spPr bwMode="auto">
          <a:xfrm>
            <a:off x="6082105" y="9754139"/>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0" name="Picture 2" descr="C:\Users\z00124665\Desktop\图形1.wmf"/>
          <p:cNvPicPr>
            <a:picLocks noChangeAspect="1" noChangeArrowheads="1"/>
          </p:cNvPicPr>
          <p:nvPr userDrawn="1"/>
        </p:nvPicPr>
        <p:blipFill>
          <a:blip r:embed="rId5" cstate="screen"/>
          <a:srcRect/>
          <a:stretch>
            <a:fillRect/>
          </a:stretch>
        </p:blipFill>
        <p:spPr bwMode="auto">
          <a:xfrm>
            <a:off x="644647" y="9727402"/>
            <a:ext cx="5312696" cy="242009"/>
          </a:xfrm>
          <a:prstGeom prst="rect">
            <a:avLst/>
          </a:prstGeom>
          <a:noFill/>
        </p:spPr>
      </p:pic>
      <p:pic>
        <p:nvPicPr>
          <p:cNvPr id="11" name="Picture 2" descr="C:\Users\z00124665\Desktop\A BETTER WAY SOLUTIONS.wmf"/>
          <p:cNvPicPr>
            <a:picLocks noChangeAspect="1" noChangeArrowheads="1"/>
          </p:cNvPicPr>
          <p:nvPr userDrawn="1"/>
        </p:nvPicPr>
        <p:blipFill>
          <a:blip r:embed="rId6" cstate="screen"/>
          <a:srcRect/>
          <a:stretch>
            <a:fillRect/>
          </a:stretch>
        </p:blipFill>
        <p:spPr bwMode="auto">
          <a:xfrm>
            <a:off x="11136659" y="354550"/>
            <a:ext cx="6541636" cy="182192"/>
          </a:xfrm>
          <a:prstGeom prst="rect">
            <a:avLst/>
          </a:prstGeom>
          <a:noFill/>
        </p:spPr>
      </p:pic>
    </p:spTree>
  </p:cSld>
  <p:clrMap bg1="lt1" tx1="dk1" bg2="lt2" tx2="dk2" accent1="accent1" accent2="accent2" accent3="accent3" accent4="accent4" accent5="accent5" accent6="accent6" hlink="hlink" folHlink="folHlink"/>
  <p:sldLayoutIdLst>
    <p:sldLayoutId id="2147485307"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lnSpc>
          <a:spcPct val="140000"/>
        </a:lnSpc>
        <a:spcBef>
          <a:spcPct val="0"/>
        </a:spcBef>
        <a:spcAft>
          <a:spcPct val="0"/>
        </a:spcAft>
        <a:buClr>
          <a:srgbClr val="808080"/>
        </a:buClr>
        <a:buSzPct val="60000"/>
        <a:buFont typeface="Wingdings" pitchFamily="2" charset="2"/>
        <a:buChar char="l"/>
        <a:defRPr sz="4800" b="1">
          <a:solidFill>
            <a:schemeClr val="bg1"/>
          </a:solidFill>
          <a:latin typeface="FrutigerNext LT Regular" pitchFamily="34" charset="0"/>
          <a:ea typeface="黑体" pitchFamily="49" charset="-122"/>
          <a:cs typeface="+mn-cs"/>
        </a:defRPr>
      </a:lvl1pPr>
      <a:lvl2pPr marL="1485005" indent="-571158" algn="l" rtl="0" eaLnBrk="0" fontAlgn="base" hangingPunct="0">
        <a:lnSpc>
          <a:spcPct val="140000"/>
        </a:lnSpc>
        <a:spcBef>
          <a:spcPct val="0"/>
        </a:spcBef>
        <a:spcAft>
          <a:spcPct val="0"/>
        </a:spcAft>
        <a:buSzPct val="50000"/>
        <a:buFont typeface="Wingdings" pitchFamily="2" charset="2"/>
        <a:buChar char="p"/>
        <a:defRPr>
          <a:solidFill>
            <a:schemeClr val="bg1"/>
          </a:solidFill>
          <a:latin typeface="+mn-lt"/>
          <a:ea typeface="+mn-ea"/>
          <a:cs typeface="+mn-cs"/>
        </a:defRPr>
      </a:lvl2pPr>
      <a:lvl3pPr marL="2284625" indent="-456923" algn="l" rtl="0" eaLnBrk="0" fontAlgn="base" hangingPunct="0">
        <a:lnSpc>
          <a:spcPct val="140000"/>
        </a:lnSpc>
        <a:spcBef>
          <a:spcPct val="0"/>
        </a:spcBef>
        <a:spcAft>
          <a:spcPct val="0"/>
        </a:spcAft>
        <a:buSzPct val="50000"/>
        <a:buFont typeface="Wingdings" pitchFamily="2" charset="2"/>
        <a:buChar char="n"/>
        <a:defRPr sz="3200">
          <a:solidFill>
            <a:schemeClr val="bg1"/>
          </a:solidFill>
          <a:latin typeface="FrutigerNext LT Regular" pitchFamily="34" charset="0"/>
          <a:ea typeface="+mn-ea"/>
          <a:cs typeface="+mn-cs"/>
        </a:defRPr>
      </a:lvl3pPr>
      <a:lvl4pPr marL="3198480" indent="-456923" algn="l" rtl="0" eaLnBrk="0" fontAlgn="base" hangingPunct="0">
        <a:lnSpc>
          <a:spcPct val="140000"/>
        </a:lnSpc>
        <a:spcBef>
          <a:spcPct val="0"/>
        </a:spcBef>
        <a:spcAft>
          <a:spcPct val="0"/>
        </a:spcAft>
        <a:buChar char="–"/>
        <a:defRPr sz="2800">
          <a:solidFill>
            <a:schemeClr val="bg1"/>
          </a:solidFill>
          <a:latin typeface="FrutigerNext LT Regular" pitchFamily="34" charset="0"/>
          <a:ea typeface="+mn-ea"/>
          <a:cs typeface="+mn-cs"/>
        </a:defRPr>
      </a:lvl4pPr>
      <a:lvl5pPr marL="4112330" indent="-456923" algn="l" rtl="0" eaLnBrk="0" fontAlgn="base" hangingPunct="0">
        <a:lnSpc>
          <a:spcPct val="140000"/>
        </a:lnSpc>
        <a:spcBef>
          <a:spcPct val="0"/>
        </a:spcBef>
        <a:spcAft>
          <a:spcPct val="0"/>
        </a:spcAft>
        <a:buFont typeface="Arial" pitchFamily="34" charset="0"/>
        <a:buChar char="~"/>
        <a:defRPr sz="2400">
          <a:solidFill>
            <a:schemeClr val="bg1"/>
          </a:solidFill>
          <a:latin typeface="FrutigerNext LT Regular" pitchFamily="34" charset="0"/>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 name="矩形 9"/>
          <p:cNvSpPr/>
          <p:nvPr/>
        </p:nvSpPr>
        <p:spPr bwMode="auto">
          <a:xfrm>
            <a:off x="6351" y="0"/>
            <a:ext cx="18281649" cy="10290175"/>
          </a:xfrm>
          <a:prstGeom prst="rect">
            <a:avLst/>
          </a:prstGeom>
          <a:solidFill>
            <a:schemeClr val="bg1">
              <a:lumMod val="95000"/>
            </a:schemeClr>
          </a:solid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63193" tIns="81596" rIns="163193" bIns="81596" numCol="1" rtlCol="0" anchor="t" anchorCtr="0" compatLnSpc="1">
            <a:prstTxWarp prst="textNoShape">
              <a:avLst/>
            </a:prstTxWarp>
          </a:bodyPr>
          <a:lstStyle/>
          <a:p>
            <a:pPr defTabSz="1631902">
              <a:buClr>
                <a:srgbClr val="CC9900"/>
              </a:buClr>
              <a:buFont typeface="Wingdings" pitchFamily="2" charset="2"/>
              <a:buChar char="n"/>
            </a:pPr>
            <a:endParaRPr lang="zh-CN" altLang="en-US" sz="3200" dirty="0" smtClean="0">
              <a:solidFill>
                <a:srgbClr val="000000"/>
              </a:solidFill>
              <a:latin typeface="Arial" charset="0"/>
              <a:ea typeface="宋体" charset="-122"/>
            </a:endParaRPr>
          </a:p>
        </p:txBody>
      </p:sp>
      <p:sp>
        <p:nvSpPr>
          <p:cNvPr id="16" name="Rectangle 5"/>
          <p:cNvSpPr>
            <a:spLocks noChangeArrowheads="1"/>
          </p:cNvSpPr>
          <p:nvPr/>
        </p:nvSpPr>
        <p:spPr bwMode="auto">
          <a:xfrm>
            <a:off x="7096189" y="9788943"/>
            <a:ext cx="544204" cy="294005"/>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8" name="Picture 2" descr="C:\Users\z00124665\Desktop\HW LOGO(横版）.png"/>
          <p:cNvPicPr>
            <a:picLocks noChangeAspect="1" noChangeArrowheads="1"/>
          </p:cNvPicPr>
          <p:nvPr/>
        </p:nvPicPr>
        <p:blipFill>
          <a:blip r:embed="rId5" cstate="screen"/>
          <a:srcRect/>
          <a:stretch>
            <a:fillRect/>
          </a:stretch>
        </p:blipFill>
        <p:spPr bwMode="auto">
          <a:xfrm>
            <a:off x="14861578" y="9486474"/>
            <a:ext cx="2774604" cy="506966"/>
          </a:xfrm>
          <a:prstGeom prst="rect">
            <a:avLst/>
          </a:prstGeom>
          <a:noFill/>
        </p:spPr>
      </p:pic>
      <p:pic>
        <p:nvPicPr>
          <p:cNvPr id="19" name="Picture 2" descr="C:\Users\z00124665\Desktop\color bar [转换].jpg"/>
          <p:cNvPicPr>
            <a:picLocks noChangeAspect="1" noChangeArrowheads="1"/>
          </p:cNvPicPr>
          <p:nvPr/>
        </p:nvPicPr>
        <p:blipFill>
          <a:blip r:embed="rId6" cstate="screen"/>
          <a:srcRect/>
          <a:stretch>
            <a:fillRect/>
          </a:stretch>
        </p:blipFill>
        <p:spPr bwMode="auto">
          <a:xfrm>
            <a:off x="7" y="10170254"/>
            <a:ext cx="18291177" cy="119921"/>
          </a:xfrm>
          <a:prstGeom prst="rect">
            <a:avLst/>
          </a:prstGeom>
          <a:noFill/>
        </p:spPr>
      </p:pic>
      <p:sp>
        <p:nvSpPr>
          <p:cNvPr id="2051" name="Rectangle 13"/>
          <p:cNvSpPr>
            <a:spLocks noGrp="1" noChangeArrowheads="1"/>
          </p:cNvSpPr>
          <p:nvPr>
            <p:ph type="title"/>
          </p:nvPr>
        </p:nvSpPr>
        <p:spPr bwMode="auto">
          <a:xfrm>
            <a:off x="625585" y="397800"/>
            <a:ext cx="15268050" cy="130770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vert="horz" wrap="square" lIns="0" tIns="71502" rIns="143005" bIns="71502" numCol="1" anchor="ctr" anchorCtr="0" compatLnSpc="1">
            <a:prstTxWarp prst="textNoShape">
              <a:avLst/>
            </a:prstTxWarp>
          </a:bodyPr>
          <a:lstStyle/>
          <a:p>
            <a:pPr lvl="0"/>
            <a:r>
              <a:rPr lang="en-US" altLang="zh-CN" dirty="0" smtClean="0"/>
              <a:t>Click to edit Master title style</a:t>
            </a:r>
            <a:endParaRPr lang="zh-CN" altLang="en-US" dirty="0" smtClean="0"/>
          </a:p>
        </p:txBody>
      </p:sp>
      <p:sp>
        <p:nvSpPr>
          <p:cNvPr id="2052" name="Rectangle 68"/>
          <p:cNvSpPr>
            <a:spLocks noGrp="1" noChangeArrowheads="1"/>
          </p:cNvSpPr>
          <p:nvPr>
            <p:ph type="body" idx="1"/>
          </p:nvPr>
        </p:nvSpPr>
        <p:spPr bwMode="auto">
          <a:xfrm>
            <a:off x="625585" y="1505415"/>
            <a:ext cx="15268050" cy="6293204"/>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vert="horz" wrap="square" lIns="143029" tIns="71512" rIns="143029" bIns="71512" numCol="1" anchor="t" anchorCtr="0" compatLnSpc="1">
            <a:prstTxWarp prst="textNoShape">
              <a:avLst/>
            </a:prstTxWarp>
          </a:bodyPr>
          <a:lstStyle/>
          <a:p>
            <a:pPr lvl="0"/>
            <a:r>
              <a:rPr lang="en-US" altLang="zh-CN" dirty="0" smtClean="0"/>
              <a:t>Click to edit Master text styles</a:t>
            </a:r>
          </a:p>
          <a:p>
            <a:pPr lvl="1"/>
            <a:r>
              <a:rPr lang="en-US" altLang="zh-CN" dirty="0" smtClean="0"/>
              <a:t>Second level</a:t>
            </a:r>
            <a:endParaRPr lang="zh-CN" altLang="en-US" dirty="0" smtClean="0"/>
          </a:p>
          <a:p>
            <a:pPr lvl="2"/>
            <a:r>
              <a:rPr lang="en-US" altLang="zh-CN" dirty="0" smtClean="0"/>
              <a:t>Third level</a:t>
            </a:r>
            <a:endParaRPr lang="zh-CN" altLang="en-US" dirty="0" smtClean="0"/>
          </a:p>
          <a:p>
            <a:pPr lvl="3"/>
            <a:r>
              <a:rPr lang="en-US" altLang="zh-CN" dirty="0" smtClean="0"/>
              <a:t>Fourth level</a:t>
            </a:r>
            <a:endParaRPr lang="zh-CN" altLang="en-US" dirty="0" smtClean="0"/>
          </a:p>
          <a:p>
            <a:pPr lvl="4"/>
            <a:r>
              <a:rPr lang="en-US" altLang="zh-CN" dirty="0" smtClean="0"/>
              <a:t>Fifth level</a:t>
            </a:r>
          </a:p>
        </p:txBody>
      </p:sp>
      <p:pic>
        <p:nvPicPr>
          <p:cNvPr id="1026" name="Picture 2" descr="C:\Users\z00124665\Desktop\图形1.wmf"/>
          <p:cNvPicPr>
            <a:picLocks noChangeAspect="1" noChangeArrowheads="1"/>
          </p:cNvPicPr>
          <p:nvPr/>
        </p:nvPicPr>
        <p:blipFill>
          <a:blip r:embed="rId7" cstate="screen"/>
          <a:srcRect/>
          <a:stretch>
            <a:fillRect/>
          </a:stretch>
        </p:blipFill>
        <p:spPr bwMode="auto">
          <a:xfrm>
            <a:off x="644638" y="9767072"/>
            <a:ext cx="6335224" cy="216441"/>
          </a:xfrm>
          <a:prstGeom prst="rect">
            <a:avLst/>
          </a:prstGeom>
          <a:noFill/>
        </p:spPr>
      </p:pic>
      <p:pic>
        <p:nvPicPr>
          <p:cNvPr id="11" name="Picture 2" descr="C:\Users\z00124665\Desktop\A BETTER WAY SOLUTIONS.wmf"/>
          <p:cNvPicPr>
            <a:picLocks noChangeAspect="1" noChangeArrowheads="1"/>
          </p:cNvPicPr>
          <p:nvPr userDrawn="1"/>
        </p:nvPicPr>
        <p:blipFill>
          <a:blip r:embed="rId8" cstate="screen"/>
          <a:srcRect/>
          <a:stretch>
            <a:fillRect/>
          </a:stretch>
        </p:blipFill>
        <p:spPr bwMode="auto">
          <a:xfrm>
            <a:off x="11081411" y="264503"/>
            <a:ext cx="6563865" cy="137108"/>
          </a:xfrm>
          <a:prstGeom prst="rect">
            <a:avLst/>
          </a:prstGeom>
          <a:noFill/>
        </p:spPr>
      </p:pic>
    </p:spTree>
  </p:cSld>
  <p:clrMap bg1="lt1" tx1="dk1" bg2="lt2" tx2="dk2" accent1="accent1" accent2="accent2" accent3="accent3" accent4="accent4" accent5="accent5" accent6="accent6" hlink="hlink" folHlink="folHlink"/>
  <p:sldLayoutIdLst>
    <p:sldLayoutId id="2147485314" r:id="rId1"/>
    <p:sldLayoutId id="2147485315" r:id="rId2"/>
    <p:sldLayoutId id="2147485317" r:id="rId3"/>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5pPr>
      <a:lvl6pPr marL="815949" algn="l" rtl="0" eaLnBrk="1" fontAlgn="base" hangingPunct="1">
        <a:spcBef>
          <a:spcPct val="0"/>
        </a:spcBef>
        <a:spcAft>
          <a:spcPct val="0"/>
        </a:spcAft>
        <a:defRPr sz="5600" b="1">
          <a:solidFill>
            <a:srgbClr val="990000"/>
          </a:solidFill>
          <a:latin typeface="FrutigerNext LT Medium" pitchFamily="34" charset="0"/>
          <a:ea typeface="华文细黑" pitchFamily="2" charset="-122"/>
          <a:cs typeface="宋体" charset="-122"/>
        </a:defRPr>
      </a:lvl6pPr>
      <a:lvl7pPr marL="1631902" algn="l" rtl="0" eaLnBrk="1" fontAlgn="base" hangingPunct="1">
        <a:spcBef>
          <a:spcPct val="0"/>
        </a:spcBef>
        <a:spcAft>
          <a:spcPct val="0"/>
        </a:spcAft>
        <a:defRPr sz="5600" b="1">
          <a:solidFill>
            <a:srgbClr val="990000"/>
          </a:solidFill>
          <a:latin typeface="FrutigerNext LT Medium" pitchFamily="34" charset="0"/>
          <a:ea typeface="华文细黑" pitchFamily="2" charset="-122"/>
          <a:cs typeface="宋体" charset="-122"/>
        </a:defRPr>
      </a:lvl7pPr>
      <a:lvl8pPr marL="2447855" algn="l" rtl="0" eaLnBrk="1" fontAlgn="base" hangingPunct="1">
        <a:spcBef>
          <a:spcPct val="0"/>
        </a:spcBef>
        <a:spcAft>
          <a:spcPct val="0"/>
        </a:spcAft>
        <a:defRPr sz="5600" b="1">
          <a:solidFill>
            <a:srgbClr val="990000"/>
          </a:solidFill>
          <a:latin typeface="FrutigerNext LT Medium" pitchFamily="34" charset="0"/>
          <a:ea typeface="华文细黑" pitchFamily="2" charset="-122"/>
          <a:cs typeface="宋体" charset="-122"/>
        </a:defRPr>
      </a:lvl8pPr>
      <a:lvl9pPr marL="3263807" algn="l" rtl="0" eaLnBrk="1" fontAlgn="base" hangingPunct="1">
        <a:spcBef>
          <a:spcPct val="0"/>
        </a:spcBef>
        <a:spcAft>
          <a:spcPct val="0"/>
        </a:spcAft>
        <a:defRPr sz="5600" b="1">
          <a:solidFill>
            <a:srgbClr val="990000"/>
          </a:solidFill>
          <a:latin typeface="FrutigerNext LT Medium" pitchFamily="34" charset="0"/>
          <a:ea typeface="华文细黑" pitchFamily="2" charset="-122"/>
          <a:cs typeface="宋体" charset="-122"/>
        </a:defRPr>
      </a:lvl9pPr>
    </p:titleStyle>
    <p:bodyStyle>
      <a:lvl1pPr marL="611966" indent="-611966" algn="l" rtl="0" eaLnBrk="0" fontAlgn="base" hangingPunct="0">
        <a:lnSpc>
          <a:spcPct val="140000"/>
        </a:lnSpc>
        <a:spcBef>
          <a:spcPct val="0"/>
        </a:spcBef>
        <a:spcAft>
          <a:spcPct val="0"/>
        </a:spcAft>
        <a:buClr>
          <a:srgbClr val="808080"/>
        </a:buClr>
        <a:buSzPct val="60000"/>
        <a:buFont typeface="Wingdings" pitchFamily="2" charset="2"/>
        <a:buChar char="l"/>
        <a:defRPr sz="4200" b="1">
          <a:solidFill>
            <a:schemeClr val="tx1"/>
          </a:solidFill>
          <a:latin typeface="FrutigerNext LT Regular" pitchFamily="34" charset="0"/>
          <a:ea typeface="黑体" pitchFamily="49" charset="-122"/>
          <a:cs typeface="+mn-cs"/>
        </a:defRPr>
      </a:lvl1pPr>
      <a:lvl2pPr marL="1325919" indent="-509970"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2039880" indent="-407974" algn="l" rtl="0" eaLnBrk="0" fontAlgn="base" hangingPunct="0">
        <a:lnSpc>
          <a:spcPct val="140000"/>
        </a:lnSpc>
        <a:spcBef>
          <a:spcPct val="0"/>
        </a:spcBef>
        <a:spcAft>
          <a:spcPct val="0"/>
        </a:spcAft>
        <a:buSzPct val="50000"/>
        <a:buFont typeface="Wingdings" pitchFamily="2" charset="2"/>
        <a:buChar char="n"/>
        <a:defRPr sz="2800">
          <a:solidFill>
            <a:schemeClr val="tx1"/>
          </a:solidFill>
          <a:latin typeface="FrutigerNext LT Regular" pitchFamily="34" charset="0"/>
          <a:ea typeface="+mn-ea"/>
          <a:cs typeface="+mn-cs"/>
        </a:defRPr>
      </a:lvl3pPr>
      <a:lvl4pPr marL="2855829" indent="-407974" algn="l" rtl="0" eaLnBrk="0" fontAlgn="base" hangingPunct="0">
        <a:lnSpc>
          <a:spcPct val="140000"/>
        </a:lnSpc>
        <a:spcBef>
          <a:spcPct val="0"/>
        </a:spcBef>
        <a:spcAft>
          <a:spcPct val="0"/>
        </a:spcAft>
        <a:buChar char="–"/>
        <a:defRPr sz="2400">
          <a:solidFill>
            <a:schemeClr val="tx1"/>
          </a:solidFill>
          <a:latin typeface="FrutigerNext LT Regular" pitchFamily="34" charset="0"/>
          <a:ea typeface="+mn-ea"/>
          <a:cs typeface="+mn-cs"/>
        </a:defRPr>
      </a:lvl4pPr>
      <a:lvl5pPr marL="3671782" indent="-407974" algn="l" rtl="0" eaLnBrk="0" fontAlgn="base" hangingPunct="0">
        <a:lnSpc>
          <a:spcPct val="140000"/>
        </a:lnSpc>
        <a:spcBef>
          <a:spcPct val="0"/>
        </a:spcBef>
        <a:spcAft>
          <a:spcPct val="0"/>
        </a:spcAft>
        <a:buFont typeface="Arial" pitchFamily="34" charset="0"/>
        <a:buChar char="~"/>
        <a:defRPr sz="2000">
          <a:solidFill>
            <a:schemeClr val="tx1"/>
          </a:solidFill>
          <a:latin typeface="FrutigerNext LT Regular" pitchFamily="34" charset="0"/>
          <a:ea typeface="+mn-ea"/>
          <a:cs typeface="+mn-cs"/>
        </a:defRPr>
      </a:lvl5pPr>
      <a:lvl6pPr marL="4487733" indent="-407974" algn="l" rtl="0" eaLnBrk="1" fontAlgn="base" hangingPunct="1">
        <a:spcBef>
          <a:spcPct val="20000"/>
        </a:spcBef>
        <a:spcAft>
          <a:spcPct val="0"/>
        </a:spcAft>
        <a:buFont typeface="Arial" charset="0"/>
        <a:buChar char="~"/>
        <a:defRPr sz="2800">
          <a:solidFill>
            <a:schemeClr val="tx1"/>
          </a:solidFill>
          <a:latin typeface="+mn-lt"/>
          <a:ea typeface="+mn-ea"/>
          <a:cs typeface="+mn-cs"/>
        </a:defRPr>
      </a:lvl6pPr>
      <a:lvl7pPr marL="5303685" indent="-407974" algn="l" rtl="0" eaLnBrk="1" fontAlgn="base" hangingPunct="1">
        <a:spcBef>
          <a:spcPct val="20000"/>
        </a:spcBef>
        <a:spcAft>
          <a:spcPct val="0"/>
        </a:spcAft>
        <a:buFont typeface="Arial" charset="0"/>
        <a:buChar char="~"/>
        <a:defRPr sz="2800">
          <a:solidFill>
            <a:schemeClr val="tx1"/>
          </a:solidFill>
          <a:latin typeface="+mn-lt"/>
          <a:ea typeface="+mn-ea"/>
          <a:cs typeface="+mn-cs"/>
        </a:defRPr>
      </a:lvl7pPr>
      <a:lvl8pPr marL="6119638" indent="-407974" algn="l" rtl="0" eaLnBrk="1" fontAlgn="base" hangingPunct="1">
        <a:spcBef>
          <a:spcPct val="20000"/>
        </a:spcBef>
        <a:spcAft>
          <a:spcPct val="0"/>
        </a:spcAft>
        <a:buFont typeface="Arial" charset="0"/>
        <a:buChar char="~"/>
        <a:defRPr sz="2800">
          <a:solidFill>
            <a:schemeClr val="tx1"/>
          </a:solidFill>
          <a:latin typeface="+mn-lt"/>
          <a:ea typeface="+mn-ea"/>
          <a:cs typeface="+mn-cs"/>
        </a:defRPr>
      </a:lvl8pPr>
      <a:lvl9pPr marL="6935589" indent="-407974" algn="l" rtl="0" eaLnBrk="1" fontAlgn="base" hangingPunct="1">
        <a:spcBef>
          <a:spcPct val="20000"/>
        </a:spcBef>
        <a:spcAft>
          <a:spcPct val="0"/>
        </a:spcAft>
        <a:buFont typeface="Arial" charset="0"/>
        <a:buChar char="~"/>
        <a:defRPr sz="2800">
          <a:solidFill>
            <a:schemeClr val="tx1"/>
          </a:solidFill>
          <a:latin typeface="+mn-lt"/>
          <a:ea typeface="+mn-ea"/>
          <a:cs typeface="+mn-cs"/>
        </a:defRPr>
      </a:lvl9pPr>
    </p:bodyStyle>
    <p:otherStyle>
      <a:defPPr>
        <a:defRPr lang="zh-CN"/>
      </a:defPPr>
      <a:lvl1pPr marL="0" algn="l" defTabSz="1631902" rtl="0" eaLnBrk="1" latinLnBrk="0" hangingPunct="1">
        <a:defRPr sz="3200" kern="1200">
          <a:solidFill>
            <a:schemeClr val="tx1"/>
          </a:solidFill>
          <a:latin typeface="+mn-lt"/>
          <a:ea typeface="+mn-ea"/>
          <a:cs typeface="+mn-cs"/>
        </a:defRPr>
      </a:lvl1pPr>
      <a:lvl2pPr marL="815949" algn="l" defTabSz="1631902" rtl="0" eaLnBrk="1" latinLnBrk="0" hangingPunct="1">
        <a:defRPr sz="3200" kern="1200">
          <a:solidFill>
            <a:schemeClr val="tx1"/>
          </a:solidFill>
          <a:latin typeface="+mn-lt"/>
          <a:ea typeface="+mn-ea"/>
          <a:cs typeface="+mn-cs"/>
        </a:defRPr>
      </a:lvl2pPr>
      <a:lvl3pPr marL="1631902" algn="l" defTabSz="1631902" rtl="0" eaLnBrk="1" latinLnBrk="0" hangingPunct="1">
        <a:defRPr sz="3200" kern="1200">
          <a:solidFill>
            <a:schemeClr val="tx1"/>
          </a:solidFill>
          <a:latin typeface="+mn-lt"/>
          <a:ea typeface="+mn-ea"/>
          <a:cs typeface="+mn-cs"/>
        </a:defRPr>
      </a:lvl3pPr>
      <a:lvl4pPr marL="2447855" algn="l" defTabSz="1631902" rtl="0" eaLnBrk="1" latinLnBrk="0" hangingPunct="1">
        <a:defRPr sz="3200" kern="1200">
          <a:solidFill>
            <a:schemeClr val="tx1"/>
          </a:solidFill>
          <a:latin typeface="+mn-lt"/>
          <a:ea typeface="+mn-ea"/>
          <a:cs typeface="+mn-cs"/>
        </a:defRPr>
      </a:lvl4pPr>
      <a:lvl5pPr marL="3263807" algn="l" defTabSz="1631902" rtl="0" eaLnBrk="1" latinLnBrk="0" hangingPunct="1">
        <a:defRPr sz="3200" kern="1200">
          <a:solidFill>
            <a:schemeClr val="tx1"/>
          </a:solidFill>
          <a:latin typeface="+mn-lt"/>
          <a:ea typeface="+mn-ea"/>
          <a:cs typeface="+mn-cs"/>
        </a:defRPr>
      </a:lvl5pPr>
      <a:lvl6pPr marL="4079760" algn="l" defTabSz="1631902" rtl="0" eaLnBrk="1" latinLnBrk="0" hangingPunct="1">
        <a:defRPr sz="3200" kern="1200">
          <a:solidFill>
            <a:schemeClr val="tx1"/>
          </a:solidFill>
          <a:latin typeface="+mn-lt"/>
          <a:ea typeface="+mn-ea"/>
          <a:cs typeface="+mn-cs"/>
        </a:defRPr>
      </a:lvl6pPr>
      <a:lvl7pPr marL="4895709" algn="l" defTabSz="1631902" rtl="0" eaLnBrk="1" latinLnBrk="0" hangingPunct="1">
        <a:defRPr sz="3200" kern="1200">
          <a:solidFill>
            <a:schemeClr val="tx1"/>
          </a:solidFill>
          <a:latin typeface="+mn-lt"/>
          <a:ea typeface="+mn-ea"/>
          <a:cs typeface="+mn-cs"/>
        </a:defRPr>
      </a:lvl7pPr>
      <a:lvl8pPr marL="5711660" algn="l" defTabSz="1631902" rtl="0" eaLnBrk="1" latinLnBrk="0" hangingPunct="1">
        <a:defRPr sz="3200" kern="1200">
          <a:solidFill>
            <a:schemeClr val="tx1"/>
          </a:solidFill>
          <a:latin typeface="+mn-lt"/>
          <a:ea typeface="+mn-ea"/>
          <a:cs typeface="+mn-cs"/>
        </a:defRPr>
      </a:lvl8pPr>
      <a:lvl9pPr marL="6527613" algn="l" defTabSz="1631902" rtl="0" eaLnBrk="1" latinLnBrk="0" hangingPunct="1">
        <a:defRPr sz="320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8" name="Picture 2" descr="E:\01 日常工作\10 多媒体\PPT内部汇报用模板\PPT封面03副本.jpg"/>
          <p:cNvPicPr>
            <a:picLocks noChangeAspect="1" noChangeArrowheads="1"/>
          </p:cNvPicPr>
          <p:nvPr userDrawn="1"/>
        </p:nvPicPr>
        <p:blipFill>
          <a:blip r:embed="rId3" cstate="email"/>
          <a:srcRect/>
          <a:stretch>
            <a:fillRect/>
          </a:stretch>
        </p:blipFill>
        <p:spPr bwMode="auto">
          <a:xfrm>
            <a:off x="0" y="0"/>
            <a:ext cx="18291175" cy="10290175"/>
          </a:xfrm>
          <a:prstGeom prst="rect">
            <a:avLst/>
          </a:prstGeom>
          <a:noFill/>
        </p:spPr>
      </p:pic>
      <p:sp>
        <p:nvSpPr>
          <p:cNvPr id="9" name="Rectangle 86"/>
          <p:cNvSpPr>
            <a:spLocks noChangeArrowheads="1"/>
          </p:cNvSpPr>
          <p:nvPr userDrawn="1"/>
        </p:nvSpPr>
        <p:spPr bwMode="auto">
          <a:xfrm>
            <a:off x="15605361" y="8294073"/>
            <a:ext cx="1433389" cy="1498270"/>
          </a:xfrm>
          <a:prstGeom prst="rect">
            <a:avLst/>
          </a:prstGeom>
          <a:solidFill>
            <a:schemeClr val="bg1"/>
          </a:solidFill>
          <a:ln>
            <a:noFill/>
          </a:ln>
          <a:effectLst/>
          <a:extLst>
            <a:ext uri="{91240B29-F687-4F45-9708-019B960494DF}">
              <a14:hiddenLine xmlns="" xmlns:a14="http://schemas.microsoft.com/office/drawing/2010/main" w="9525" algn="ctr">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wrap="none" lIns="137039" tIns="68520" rIns="137039" bIns="68520" anchor="ctr"/>
          <a:lstStyle/>
          <a:p>
            <a:endParaRPr lang="zh-CN" altLang="en-US" dirty="0">
              <a:solidFill>
                <a:srgbClr val="000000"/>
              </a:solidFill>
              <a:latin typeface="FrutigerNext LT Medium" pitchFamily="34" charset="0"/>
            </a:endParaRPr>
          </a:p>
        </p:txBody>
      </p:sp>
      <p:sp>
        <p:nvSpPr>
          <p:cNvPr id="11" name="Rectangle 8"/>
          <p:cNvSpPr>
            <a:spLocks noGrp="1" noChangeArrowheads="1"/>
          </p:cNvSpPr>
          <p:nvPr>
            <p:ph type="title"/>
          </p:nvPr>
        </p:nvSpPr>
        <p:spPr bwMode="auto">
          <a:xfrm>
            <a:off x="1314339" y="3956482"/>
            <a:ext cx="11374244" cy="2108260"/>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lgn="ctr">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0" tIns="68520" rIns="137039" bIns="68520" numCol="1" anchor="t" anchorCtr="0" compatLnSpc="1">
            <a:prstTxWarp prst="textNoShape">
              <a:avLst/>
            </a:prstTxWarp>
            <a:spAutoFit/>
          </a:bodyPr>
          <a:lstStyle/>
          <a:p>
            <a:pPr lvl="0"/>
            <a:r>
              <a:rPr lang="en-US" altLang="zh-CN" dirty="0" smtClean="0"/>
              <a:t>Click to edit Master title style</a:t>
            </a:r>
            <a:endParaRPr lang="zh-CN" altLang="en-US" dirty="0" smtClean="0"/>
          </a:p>
        </p:txBody>
      </p:sp>
      <p:pic>
        <p:nvPicPr>
          <p:cNvPr id="13" name="Picture 77" descr="Logo"/>
          <p:cNvPicPr>
            <a:picLocks noChangeAspect="1" noChangeArrowheads="1"/>
          </p:cNvPicPr>
          <p:nvPr userDrawn="1"/>
        </p:nvPicPr>
        <p:blipFill>
          <a:blip r:embed="rId4" cstate="email">
            <a:extLst>
              <a:ext uri="{28A0092B-C50C-407E-A947-70E740481C1C}">
                <a14:useLocalDpi xmlns="" xmlns:a14="http://schemas.microsoft.com/office/drawing/2010/main" val="0"/>
              </a:ext>
            </a:extLst>
          </a:blip>
          <a:srcRect/>
          <a:stretch>
            <a:fillRect/>
          </a:stretch>
        </p:blipFill>
        <p:spPr bwMode="auto">
          <a:xfrm>
            <a:off x="15590988" y="8071460"/>
            <a:ext cx="1537935" cy="1535086"/>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16" name="Rectangle 21"/>
          <p:cNvSpPr>
            <a:spLocks noChangeArrowheads="1"/>
          </p:cNvSpPr>
          <p:nvPr userDrawn="1"/>
        </p:nvSpPr>
        <p:spPr bwMode="auto">
          <a:xfrm>
            <a:off x="1165020" y="555730"/>
            <a:ext cx="3003741" cy="307777"/>
          </a:xfrm>
          <a:prstGeom prst="rect">
            <a:avLst/>
          </a:prstGeom>
          <a:noFill/>
          <a:ln w="9525" algn="ctr">
            <a:noFill/>
            <a:miter lim="800000"/>
            <a:headEnd/>
            <a:tailEnd/>
          </a:ln>
          <a:effectLst/>
        </p:spPr>
        <p:txBody>
          <a:bodyPr wrap="none" lIns="160068" tIns="0" rIns="160068" bIns="0">
            <a:spAutoFit/>
          </a:bodyPr>
          <a:lstStyle/>
          <a:p>
            <a:pPr defTabSz="1602414" eaLnBrk="0" hangingPunct="0"/>
            <a:fld id="{8520E964-B8DE-4320-8AEF-101A290CFAF7}" type="datetime3">
              <a:rPr lang="zh-CN" altLang="en-US" sz="2000" smtClean="0">
                <a:solidFill>
                  <a:srgbClr val="000000"/>
                </a:solidFill>
                <a:latin typeface="华文细黑"/>
                <a:ea typeface="华文细黑"/>
              </a:rPr>
              <a:pPr defTabSz="1602414" eaLnBrk="0" hangingPunct="0"/>
              <a:t>2015年4月22日星期三</a:t>
            </a:fld>
            <a:endParaRPr lang="en-US" altLang="zh-CN" sz="2000" dirty="0">
              <a:solidFill>
                <a:srgbClr val="000000"/>
              </a:solidFill>
              <a:latin typeface="华文细黑"/>
              <a:ea typeface="华文细黑"/>
            </a:endParaRPr>
          </a:p>
        </p:txBody>
      </p:sp>
      <p:pic>
        <p:nvPicPr>
          <p:cNvPr id="1027" name="Picture 3" descr="C:\Users\z00124665\Desktop\Operational Guide for Background Panels of the Enterprise Business Group.WMF"/>
          <p:cNvPicPr>
            <a:picLocks noChangeAspect="1" noChangeArrowheads="1"/>
          </p:cNvPicPr>
          <p:nvPr userDrawn="1"/>
        </p:nvPicPr>
        <p:blipFill>
          <a:blip r:embed="rId5" cstate="email"/>
          <a:srcRect/>
          <a:stretch>
            <a:fillRect/>
          </a:stretch>
        </p:blipFill>
        <p:spPr bwMode="auto">
          <a:xfrm>
            <a:off x="1321029" y="1813450"/>
            <a:ext cx="6338400" cy="252524"/>
          </a:xfrm>
          <a:prstGeom prst="rect">
            <a:avLst/>
          </a:prstGeom>
          <a:noFill/>
        </p:spPr>
      </p:pic>
      <p:pic>
        <p:nvPicPr>
          <p:cNvPr id="10" name="Picture 2" descr="C:\Users\z00124665\Desktop\图形2.wmf"/>
          <p:cNvPicPr>
            <a:picLocks noChangeAspect="1" noChangeArrowheads="1"/>
          </p:cNvPicPr>
          <p:nvPr userDrawn="1"/>
        </p:nvPicPr>
        <p:blipFill>
          <a:blip r:embed="rId6" cstate="email"/>
          <a:srcRect/>
          <a:stretch>
            <a:fillRect/>
          </a:stretch>
        </p:blipFill>
        <p:spPr bwMode="auto">
          <a:xfrm>
            <a:off x="1333769" y="8884183"/>
            <a:ext cx="4233987" cy="734967"/>
          </a:xfrm>
          <a:prstGeom prst="rect">
            <a:avLst/>
          </a:prstGeom>
          <a:noFill/>
        </p:spPr>
      </p:pic>
    </p:spTree>
  </p:cSld>
  <p:clrMap bg1="lt1" tx1="dk1" bg2="lt2" tx2="dk2" accent1="accent1" accent2="accent2" accent3="accent3" accent4="accent4" accent5="accent5" accent6="accent6" hlink="hlink" folHlink="folHlink"/>
  <p:sldLayoutIdLst>
    <p:sldLayoutId id="2147485319"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mj-cs"/>
        </a:defRPr>
      </a:lvl1pPr>
      <a:lvl2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6400" b="1">
          <a:solidFill>
            <a:schemeClr val="bg1"/>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spcBef>
          <a:spcPct val="20000"/>
        </a:spcBef>
        <a:spcAft>
          <a:spcPct val="0"/>
        </a:spcAft>
        <a:buClr>
          <a:srgbClr val="990000"/>
        </a:buClr>
        <a:buChar char="•"/>
        <a:defRPr sz="4800" b="1">
          <a:solidFill>
            <a:schemeClr val="tx1"/>
          </a:solidFill>
          <a:latin typeface="+mn-lt"/>
          <a:ea typeface="+mn-ea"/>
          <a:cs typeface="+mn-cs"/>
        </a:defRPr>
      </a:lvl1pPr>
      <a:lvl2pPr marL="1485005" indent="-571158" algn="l" rtl="0" eaLnBrk="0" fontAlgn="base" hangingPunct="0">
        <a:spcBef>
          <a:spcPct val="20000"/>
        </a:spcBef>
        <a:spcAft>
          <a:spcPct val="0"/>
        </a:spcAft>
        <a:buFont typeface="Arial" pitchFamily="34" charset="0"/>
        <a:buChar char="›"/>
        <a:defRPr sz="4000">
          <a:solidFill>
            <a:schemeClr val="tx1"/>
          </a:solidFill>
          <a:latin typeface="+mn-lt"/>
          <a:ea typeface="+mn-ea"/>
          <a:cs typeface="+mn-cs"/>
        </a:defRPr>
      </a:lvl2pPr>
      <a:lvl3pPr marL="2284625" indent="-456923" algn="l" rtl="0" eaLnBrk="0" fontAlgn="base" hangingPunct="0">
        <a:spcBef>
          <a:spcPct val="20000"/>
        </a:spcBef>
        <a:spcAft>
          <a:spcPct val="0"/>
        </a:spcAft>
        <a:buFont typeface="FrutigerNext LT Medium" charset="0"/>
        <a:buChar char="»"/>
        <a:defRPr>
          <a:solidFill>
            <a:schemeClr val="tx1"/>
          </a:solidFill>
          <a:latin typeface="+mn-lt"/>
          <a:ea typeface="+mn-ea"/>
          <a:cs typeface="+mn-cs"/>
        </a:defRPr>
      </a:lvl3pPr>
      <a:lvl4pPr marL="3198480" indent="-456923" algn="l" rtl="0" eaLnBrk="0" fontAlgn="base" hangingPunct="0">
        <a:spcBef>
          <a:spcPct val="20000"/>
        </a:spcBef>
        <a:spcAft>
          <a:spcPct val="0"/>
        </a:spcAft>
        <a:buChar char="–"/>
        <a:defRPr sz="3200">
          <a:solidFill>
            <a:schemeClr val="tx1"/>
          </a:solidFill>
          <a:latin typeface="+mn-lt"/>
          <a:ea typeface="+mn-ea"/>
          <a:cs typeface="+mn-cs"/>
        </a:defRPr>
      </a:lvl4pPr>
      <a:lvl5pPr marL="4112330" indent="-456923" algn="l" rtl="0" eaLnBrk="0" fontAlgn="base" hangingPunct="0">
        <a:spcBef>
          <a:spcPct val="20000"/>
        </a:spcBef>
        <a:spcAft>
          <a:spcPct val="0"/>
        </a:spcAft>
        <a:buFont typeface="Arial" pitchFamily="34" charset="0"/>
        <a:buChar char="~"/>
        <a:defRPr sz="3200">
          <a:solidFill>
            <a:schemeClr val="tx1"/>
          </a:solidFill>
          <a:latin typeface="+mn-lt"/>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Masters/slideMaster1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3" name="矩形 2"/>
          <p:cNvSpPr/>
          <p:nvPr userDrawn="1"/>
        </p:nvSpPr>
        <p:spPr bwMode="auto">
          <a:xfrm>
            <a:off x="9526" y="0"/>
            <a:ext cx="18281649" cy="10290175"/>
          </a:xfrm>
          <a:prstGeom prst="rect">
            <a:avLst/>
          </a:prstGeom>
          <a:solidFill>
            <a:schemeClr val="bg1">
              <a:lumMod val="9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737" tIns="91368" rIns="182737" bIns="91368" numCol="1" rtlCol="0" anchor="t" anchorCtr="0" compatLnSpc="1">
            <a:prstTxWarp prst="textNoShape">
              <a:avLst/>
            </a:prstTxWarp>
          </a:bodyPr>
          <a:lstStyle/>
          <a:p>
            <a:pPr defTabSz="1827335">
              <a:buClr>
                <a:srgbClr val="CC9900"/>
              </a:buClr>
              <a:buFont typeface="Wingdings" pitchFamily="2" charset="2"/>
              <a:buChar char="n"/>
            </a:pPr>
            <a:endParaRPr lang="zh-CN" altLang="en-US" sz="3600" dirty="0" smtClean="0">
              <a:solidFill>
                <a:srgbClr val="000000"/>
              </a:solidFill>
              <a:latin typeface="Arial" charset="0"/>
              <a:ea typeface="宋体" charset="-122"/>
            </a:endParaRPr>
          </a:p>
        </p:txBody>
      </p:sp>
      <p:grpSp>
        <p:nvGrpSpPr>
          <p:cNvPr id="2" name="组合 3"/>
          <p:cNvGrpSpPr/>
          <p:nvPr userDrawn="1"/>
        </p:nvGrpSpPr>
        <p:grpSpPr>
          <a:xfrm>
            <a:off x="0" y="10179017"/>
            <a:ext cx="18291175" cy="111158"/>
            <a:chOff x="0" y="5087938"/>
            <a:chExt cx="9144000" cy="55562"/>
          </a:xfrm>
        </p:grpSpPr>
        <p:pic>
          <p:nvPicPr>
            <p:cNvPr id="5" name="Picture 2" descr="E:\01 日常工作\10 多媒体\PPT内部汇报用模板\红条.jpg"/>
            <p:cNvPicPr>
              <a:picLocks noChangeAspect="1" noChangeArrowheads="1"/>
            </p:cNvPicPr>
            <p:nvPr userDrawn="1"/>
          </p:nvPicPr>
          <p:blipFill>
            <a:blip r:embed="rId11" cstate="email"/>
            <a:srcRect/>
            <a:stretch>
              <a:fillRect/>
            </a:stretch>
          </p:blipFill>
          <p:spPr bwMode="auto">
            <a:xfrm>
              <a:off x="0" y="5087938"/>
              <a:ext cx="8616950" cy="55562"/>
            </a:xfrm>
            <a:prstGeom prst="rect">
              <a:avLst/>
            </a:prstGeom>
            <a:noFill/>
          </p:spPr>
        </p:pic>
        <p:pic>
          <p:nvPicPr>
            <p:cNvPr id="6" name="Picture 2" descr="E:\01 日常工作\10 多媒体\PPT内部汇报用模板\红条.jpg"/>
            <p:cNvPicPr>
              <a:picLocks noChangeAspect="1" noChangeArrowheads="1"/>
            </p:cNvPicPr>
            <p:nvPr userDrawn="1"/>
          </p:nvPicPr>
          <p:blipFill>
            <a:blip r:embed="rId11" cstate="email"/>
            <a:srcRect/>
            <a:stretch>
              <a:fillRect/>
            </a:stretch>
          </p:blipFill>
          <p:spPr bwMode="auto">
            <a:xfrm>
              <a:off x="527050" y="5087938"/>
              <a:ext cx="8616950" cy="55562"/>
            </a:xfrm>
            <a:prstGeom prst="rect">
              <a:avLst/>
            </a:prstGeom>
            <a:noFill/>
          </p:spPr>
        </p:pic>
      </p:grpSp>
      <p:pic>
        <p:nvPicPr>
          <p:cNvPr id="7" name="Picture 2" descr="C:\Users\z00124665\Desktop\Operational Guide for Background Panels of the Enterprise Business Group.WMF"/>
          <p:cNvPicPr>
            <a:picLocks noChangeAspect="1" noChangeArrowheads="1"/>
          </p:cNvPicPr>
          <p:nvPr userDrawn="1"/>
        </p:nvPicPr>
        <p:blipFill>
          <a:blip r:embed="rId12" cstate="email"/>
          <a:srcRect/>
          <a:stretch>
            <a:fillRect/>
          </a:stretch>
        </p:blipFill>
        <p:spPr bwMode="auto">
          <a:xfrm>
            <a:off x="13145526" y="347771"/>
            <a:ext cx="4477197" cy="203619"/>
          </a:xfrm>
          <a:prstGeom prst="rect">
            <a:avLst/>
          </a:prstGeom>
          <a:noFill/>
        </p:spPr>
      </p:pic>
      <p:pic>
        <p:nvPicPr>
          <p:cNvPr id="8" name="Picture 2" descr="C:\Users\z00124665\Desktop\HW LOGO(横版）.png"/>
          <p:cNvPicPr>
            <a:picLocks noChangeAspect="1" noChangeArrowheads="1"/>
          </p:cNvPicPr>
          <p:nvPr userDrawn="1"/>
        </p:nvPicPr>
        <p:blipFill>
          <a:blip r:embed="rId13" cstate="email"/>
          <a:srcRect/>
          <a:stretch>
            <a:fillRect/>
          </a:stretch>
        </p:blipFill>
        <p:spPr bwMode="auto">
          <a:xfrm>
            <a:off x="15135444" y="9378768"/>
            <a:ext cx="2500736" cy="609236"/>
          </a:xfrm>
          <a:prstGeom prst="rect">
            <a:avLst/>
          </a:prstGeom>
          <a:noFill/>
        </p:spPr>
      </p:pic>
      <p:sp>
        <p:nvSpPr>
          <p:cNvPr id="9" name="Rectangle 5"/>
          <p:cNvSpPr>
            <a:spLocks noChangeArrowheads="1"/>
          </p:cNvSpPr>
          <p:nvPr userDrawn="1"/>
        </p:nvSpPr>
        <p:spPr bwMode="auto">
          <a:xfrm>
            <a:off x="6082107" y="9754141"/>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0" name="Picture 2" descr="C:\Users\z00124665\Desktop\图形1.wmf"/>
          <p:cNvPicPr>
            <a:picLocks noChangeAspect="1" noChangeArrowheads="1"/>
          </p:cNvPicPr>
          <p:nvPr userDrawn="1"/>
        </p:nvPicPr>
        <p:blipFill>
          <a:blip r:embed="rId14" cstate="email"/>
          <a:srcRect/>
          <a:stretch>
            <a:fillRect/>
          </a:stretch>
        </p:blipFill>
        <p:spPr bwMode="auto">
          <a:xfrm>
            <a:off x="644649" y="9727404"/>
            <a:ext cx="5312696" cy="242009"/>
          </a:xfrm>
          <a:prstGeom prst="rect">
            <a:avLst/>
          </a:prstGeom>
          <a:noFill/>
        </p:spPr>
      </p:pic>
    </p:spTree>
  </p:cSld>
  <p:clrMap bg1="lt1" tx1="dk1" bg2="lt2" tx2="dk2" accent1="accent1" accent2="accent2" accent3="accent3" accent4="accent4" accent5="accent5" accent6="accent6" hlink="hlink" folHlink="folHlink"/>
  <p:sldLayoutIdLst>
    <p:sldLayoutId id="2147485321" r:id="rId1"/>
    <p:sldLayoutId id="2147485323" r:id="rId2"/>
    <p:sldLayoutId id="2147485326" r:id="rId3"/>
    <p:sldLayoutId id="2147485352" r:id="rId4"/>
    <p:sldLayoutId id="2147485369" r:id="rId5"/>
    <p:sldLayoutId id="2147485370" r:id="rId6"/>
    <p:sldLayoutId id="2147485374" r:id="rId7"/>
    <p:sldLayoutId id="2147485376" r:id="rId8"/>
    <p:sldLayoutId id="2147485377" r:id="rId9"/>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5pPr>
      <a:lvl6pPr marL="91367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33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006"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467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247" indent="-685247" algn="l" rtl="0" eaLnBrk="0" fontAlgn="base" hangingPunct="0">
        <a:lnSpc>
          <a:spcPct val="140000"/>
        </a:lnSpc>
        <a:spcBef>
          <a:spcPct val="0"/>
        </a:spcBef>
        <a:spcAft>
          <a:spcPct val="0"/>
        </a:spcAft>
        <a:buClr>
          <a:srgbClr val="808080"/>
        </a:buClr>
        <a:buSzPct val="60000"/>
        <a:buFont typeface="Wingdings" pitchFamily="2" charset="2"/>
        <a:buChar char="l"/>
        <a:defRPr sz="4800" b="1">
          <a:solidFill>
            <a:schemeClr val="bg1"/>
          </a:solidFill>
          <a:latin typeface="FrutigerNext LT Regular" pitchFamily="34" charset="0"/>
          <a:ea typeface="黑体" pitchFamily="49" charset="-122"/>
          <a:cs typeface="+mn-cs"/>
        </a:defRPr>
      </a:lvl1pPr>
      <a:lvl2pPr marL="1484707" indent="-571044" algn="l" rtl="0" eaLnBrk="0" fontAlgn="base" hangingPunct="0">
        <a:lnSpc>
          <a:spcPct val="140000"/>
        </a:lnSpc>
        <a:spcBef>
          <a:spcPct val="0"/>
        </a:spcBef>
        <a:spcAft>
          <a:spcPct val="0"/>
        </a:spcAft>
        <a:buSzPct val="50000"/>
        <a:buFont typeface="Wingdings" pitchFamily="2" charset="2"/>
        <a:buChar char="p"/>
        <a:defRPr>
          <a:solidFill>
            <a:schemeClr val="bg1"/>
          </a:solidFill>
          <a:latin typeface="+mn-lt"/>
          <a:ea typeface="+mn-ea"/>
          <a:cs typeface="+mn-cs"/>
        </a:defRPr>
      </a:lvl2pPr>
      <a:lvl3pPr marL="2284169" indent="-456831" algn="l" rtl="0" eaLnBrk="0" fontAlgn="base" hangingPunct="0">
        <a:lnSpc>
          <a:spcPct val="140000"/>
        </a:lnSpc>
        <a:spcBef>
          <a:spcPct val="0"/>
        </a:spcBef>
        <a:spcAft>
          <a:spcPct val="0"/>
        </a:spcAft>
        <a:buSzPct val="50000"/>
        <a:buFont typeface="Wingdings" pitchFamily="2" charset="2"/>
        <a:buChar char="n"/>
        <a:defRPr sz="3200">
          <a:solidFill>
            <a:schemeClr val="bg1"/>
          </a:solidFill>
          <a:latin typeface="FrutigerNext LT Regular" pitchFamily="34" charset="0"/>
          <a:ea typeface="+mn-ea"/>
          <a:cs typeface="+mn-cs"/>
        </a:defRPr>
      </a:lvl3pPr>
      <a:lvl4pPr marL="3197839" indent="-456831" algn="l" rtl="0" eaLnBrk="0" fontAlgn="base" hangingPunct="0">
        <a:lnSpc>
          <a:spcPct val="140000"/>
        </a:lnSpc>
        <a:spcBef>
          <a:spcPct val="0"/>
        </a:spcBef>
        <a:spcAft>
          <a:spcPct val="0"/>
        </a:spcAft>
        <a:buChar char="–"/>
        <a:defRPr sz="2800">
          <a:solidFill>
            <a:schemeClr val="bg1"/>
          </a:solidFill>
          <a:latin typeface="FrutigerNext LT Regular" pitchFamily="34" charset="0"/>
          <a:ea typeface="+mn-ea"/>
          <a:cs typeface="+mn-cs"/>
        </a:defRPr>
      </a:lvl4pPr>
      <a:lvl5pPr marL="4111508" indent="-456831" algn="l" rtl="0" eaLnBrk="0" fontAlgn="base" hangingPunct="0">
        <a:lnSpc>
          <a:spcPct val="140000"/>
        </a:lnSpc>
        <a:spcBef>
          <a:spcPct val="0"/>
        </a:spcBef>
        <a:spcAft>
          <a:spcPct val="0"/>
        </a:spcAft>
        <a:buFont typeface="Arial" pitchFamily="34" charset="0"/>
        <a:buChar char="~"/>
        <a:defRPr sz="2400">
          <a:solidFill>
            <a:schemeClr val="bg1"/>
          </a:solidFill>
          <a:latin typeface="FrutigerNext LT Regular" pitchFamily="34" charset="0"/>
          <a:ea typeface="+mn-ea"/>
          <a:cs typeface="+mn-cs"/>
        </a:defRPr>
      </a:lvl5pPr>
      <a:lvl6pPr marL="5025175" indent="-456831"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38846" indent="-456831"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2512" indent="-456831"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6181" indent="-456831"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335" rtl="0" eaLnBrk="1" latinLnBrk="0" hangingPunct="1">
        <a:defRPr sz="3600" kern="1200">
          <a:solidFill>
            <a:schemeClr val="tx1"/>
          </a:solidFill>
          <a:latin typeface="+mn-lt"/>
          <a:ea typeface="+mn-ea"/>
          <a:cs typeface="+mn-cs"/>
        </a:defRPr>
      </a:lvl1pPr>
      <a:lvl2pPr marL="913673" algn="l" defTabSz="1827335" rtl="0" eaLnBrk="1" latinLnBrk="0" hangingPunct="1">
        <a:defRPr sz="3600" kern="1200">
          <a:solidFill>
            <a:schemeClr val="tx1"/>
          </a:solidFill>
          <a:latin typeface="+mn-lt"/>
          <a:ea typeface="+mn-ea"/>
          <a:cs typeface="+mn-cs"/>
        </a:defRPr>
      </a:lvl2pPr>
      <a:lvl3pPr marL="1827335" algn="l" defTabSz="1827335" rtl="0" eaLnBrk="1" latinLnBrk="0" hangingPunct="1">
        <a:defRPr sz="3600" kern="1200">
          <a:solidFill>
            <a:schemeClr val="tx1"/>
          </a:solidFill>
          <a:latin typeface="+mn-lt"/>
          <a:ea typeface="+mn-ea"/>
          <a:cs typeface="+mn-cs"/>
        </a:defRPr>
      </a:lvl3pPr>
      <a:lvl4pPr marL="2741006" algn="l" defTabSz="1827335" rtl="0" eaLnBrk="1" latinLnBrk="0" hangingPunct="1">
        <a:defRPr sz="3600" kern="1200">
          <a:solidFill>
            <a:schemeClr val="tx1"/>
          </a:solidFill>
          <a:latin typeface="+mn-lt"/>
          <a:ea typeface="+mn-ea"/>
          <a:cs typeface="+mn-cs"/>
        </a:defRPr>
      </a:lvl4pPr>
      <a:lvl5pPr marL="3654671" algn="l" defTabSz="1827335" rtl="0" eaLnBrk="1" latinLnBrk="0" hangingPunct="1">
        <a:defRPr sz="3600" kern="1200">
          <a:solidFill>
            <a:schemeClr val="tx1"/>
          </a:solidFill>
          <a:latin typeface="+mn-lt"/>
          <a:ea typeface="+mn-ea"/>
          <a:cs typeface="+mn-cs"/>
        </a:defRPr>
      </a:lvl5pPr>
      <a:lvl6pPr marL="4568341" algn="l" defTabSz="1827335" rtl="0" eaLnBrk="1" latinLnBrk="0" hangingPunct="1">
        <a:defRPr sz="3600" kern="1200">
          <a:solidFill>
            <a:schemeClr val="tx1"/>
          </a:solidFill>
          <a:latin typeface="+mn-lt"/>
          <a:ea typeface="+mn-ea"/>
          <a:cs typeface="+mn-cs"/>
        </a:defRPr>
      </a:lvl6pPr>
      <a:lvl7pPr marL="5482008" algn="l" defTabSz="1827335" rtl="0" eaLnBrk="1" latinLnBrk="0" hangingPunct="1">
        <a:defRPr sz="3600" kern="1200">
          <a:solidFill>
            <a:schemeClr val="tx1"/>
          </a:solidFill>
          <a:latin typeface="+mn-lt"/>
          <a:ea typeface="+mn-ea"/>
          <a:cs typeface="+mn-cs"/>
        </a:defRPr>
      </a:lvl7pPr>
      <a:lvl8pPr marL="6395679" algn="l" defTabSz="1827335" rtl="0" eaLnBrk="1" latinLnBrk="0" hangingPunct="1">
        <a:defRPr sz="3600" kern="1200">
          <a:solidFill>
            <a:schemeClr val="tx1"/>
          </a:solidFill>
          <a:latin typeface="+mn-lt"/>
          <a:ea typeface="+mn-ea"/>
          <a:cs typeface="+mn-cs"/>
        </a:defRPr>
      </a:lvl8pPr>
      <a:lvl9pPr marL="7309346" algn="l" defTabSz="1827335" rtl="0" eaLnBrk="1" latinLnBrk="0" hangingPunct="1">
        <a:defRPr sz="3600" kern="1200">
          <a:solidFill>
            <a:schemeClr val="tx1"/>
          </a:solidFill>
          <a:latin typeface="+mn-lt"/>
          <a:ea typeface="+mn-ea"/>
          <a:cs typeface="+mn-cs"/>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5" name="矩形 74"/>
          <p:cNvSpPr/>
          <p:nvPr userDrawn="1"/>
        </p:nvSpPr>
        <p:spPr bwMode="auto">
          <a:xfrm>
            <a:off x="0" y="0"/>
            <a:ext cx="18291175" cy="10290175"/>
          </a:xfrm>
          <a:prstGeom prst="rect">
            <a:avLst/>
          </a:prstGeom>
          <a:solidFill>
            <a:schemeClr val="bg1">
              <a:lumMod val="95000"/>
            </a:schemeClr>
          </a:solid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773" tIns="91386" rIns="182773" bIns="91386" numCol="1" rtlCol="0" anchor="t" anchorCtr="0" compatLnSpc="1">
            <a:prstTxWarp prst="textNoShape">
              <a:avLst/>
            </a:prstTxWarp>
          </a:bodyPr>
          <a:lstStyle/>
          <a:p>
            <a:pPr defTabSz="1827701">
              <a:buClr>
                <a:srgbClr val="CC9900"/>
              </a:buClr>
              <a:buFont typeface="Wingdings" pitchFamily="2" charset="2"/>
              <a:buChar char="n"/>
            </a:pPr>
            <a:endParaRPr lang="zh-CN" altLang="en-US" sz="3600" dirty="0" smtClean="0">
              <a:solidFill>
                <a:srgbClr val="000000"/>
              </a:solidFill>
              <a:latin typeface="Arial" charset="0"/>
              <a:ea typeface="宋体" charset="-122"/>
            </a:endParaRPr>
          </a:p>
        </p:txBody>
      </p:sp>
      <p:grpSp>
        <p:nvGrpSpPr>
          <p:cNvPr id="2" name="组合 13"/>
          <p:cNvGrpSpPr/>
          <p:nvPr userDrawn="1"/>
        </p:nvGrpSpPr>
        <p:grpSpPr>
          <a:xfrm>
            <a:off x="0" y="10179017"/>
            <a:ext cx="18291175" cy="111158"/>
            <a:chOff x="0" y="5087938"/>
            <a:chExt cx="9144000" cy="55562"/>
          </a:xfrm>
        </p:grpSpPr>
        <p:pic>
          <p:nvPicPr>
            <p:cNvPr id="13" name="Picture 2" descr="E:\01 日常工作\10 多媒体\PPT内部汇报用模板\红条.jpg"/>
            <p:cNvPicPr>
              <a:picLocks noChangeAspect="1" noChangeArrowheads="1"/>
            </p:cNvPicPr>
            <p:nvPr userDrawn="1"/>
          </p:nvPicPr>
          <p:blipFill>
            <a:blip r:embed="rId12" cstate="email"/>
            <a:srcRect/>
            <a:stretch>
              <a:fillRect/>
            </a:stretch>
          </p:blipFill>
          <p:spPr bwMode="auto">
            <a:xfrm>
              <a:off x="0" y="5087938"/>
              <a:ext cx="8616950" cy="55562"/>
            </a:xfrm>
            <a:prstGeom prst="rect">
              <a:avLst/>
            </a:prstGeom>
            <a:noFill/>
          </p:spPr>
        </p:pic>
        <p:pic>
          <p:nvPicPr>
            <p:cNvPr id="86" name="Picture 2" descr="E:\01 日常工作\10 多媒体\PPT内部汇报用模板\红条.jpg"/>
            <p:cNvPicPr>
              <a:picLocks noChangeAspect="1" noChangeArrowheads="1"/>
            </p:cNvPicPr>
            <p:nvPr userDrawn="1"/>
          </p:nvPicPr>
          <p:blipFill>
            <a:blip r:embed="rId12" cstate="email"/>
            <a:srcRect/>
            <a:stretch>
              <a:fillRect/>
            </a:stretch>
          </p:blipFill>
          <p:spPr bwMode="auto">
            <a:xfrm>
              <a:off x="527050" y="5087938"/>
              <a:ext cx="8616950" cy="55562"/>
            </a:xfrm>
            <a:prstGeom prst="rect">
              <a:avLst/>
            </a:prstGeom>
            <a:noFill/>
          </p:spPr>
        </p:pic>
      </p:grpSp>
      <p:pic>
        <p:nvPicPr>
          <p:cNvPr id="8" name="Picture 2" descr="C:\Users\z00124665\Desktop\Operational Guide for Background Panels of the Enterprise Business Group.WMF"/>
          <p:cNvPicPr>
            <a:picLocks noChangeAspect="1" noChangeArrowheads="1"/>
          </p:cNvPicPr>
          <p:nvPr userDrawn="1"/>
        </p:nvPicPr>
        <p:blipFill>
          <a:blip r:embed="rId13" cstate="email"/>
          <a:srcRect/>
          <a:stretch>
            <a:fillRect/>
          </a:stretch>
        </p:blipFill>
        <p:spPr bwMode="auto">
          <a:xfrm>
            <a:off x="13145526" y="347771"/>
            <a:ext cx="4477197" cy="203619"/>
          </a:xfrm>
          <a:prstGeom prst="rect">
            <a:avLst/>
          </a:prstGeom>
          <a:noFill/>
        </p:spPr>
      </p:pic>
      <p:pic>
        <p:nvPicPr>
          <p:cNvPr id="9" name="Picture 2" descr="C:\Users\z00124665\Desktop\HW LOGO(横版）.png"/>
          <p:cNvPicPr>
            <a:picLocks noChangeAspect="1" noChangeArrowheads="1"/>
          </p:cNvPicPr>
          <p:nvPr userDrawn="1"/>
        </p:nvPicPr>
        <p:blipFill>
          <a:blip r:embed="rId14" cstate="email"/>
          <a:srcRect/>
          <a:stretch>
            <a:fillRect/>
          </a:stretch>
        </p:blipFill>
        <p:spPr bwMode="auto">
          <a:xfrm>
            <a:off x="15135444" y="9378768"/>
            <a:ext cx="2500736" cy="609236"/>
          </a:xfrm>
          <a:prstGeom prst="rect">
            <a:avLst/>
          </a:prstGeom>
          <a:noFill/>
        </p:spPr>
      </p:pic>
      <p:sp>
        <p:nvSpPr>
          <p:cNvPr id="12" name="Rectangle 5"/>
          <p:cNvSpPr>
            <a:spLocks noChangeArrowheads="1"/>
          </p:cNvSpPr>
          <p:nvPr userDrawn="1"/>
        </p:nvSpPr>
        <p:spPr bwMode="auto">
          <a:xfrm>
            <a:off x="6082105" y="9754139"/>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0" name="Picture 2" descr="C:\Users\z00124665\Desktop\图形1.wmf"/>
          <p:cNvPicPr>
            <a:picLocks noChangeAspect="1" noChangeArrowheads="1"/>
          </p:cNvPicPr>
          <p:nvPr userDrawn="1"/>
        </p:nvPicPr>
        <p:blipFill>
          <a:blip r:embed="rId15" cstate="email"/>
          <a:srcRect/>
          <a:stretch>
            <a:fillRect/>
          </a:stretch>
        </p:blipFill>
        <p:spPr bwMode="auto">
          <a:xfrm>
            <a:off x="644647" y="9727402"/>
            <a:ext cx="5312696" cy="242009"/>
          </a:xfrm>
          <a:prstGeom prst="rect">
            <a:avLst/>
          </a:prstGeom>
          <a:noFill/>
        </p:spPr>
      </p:pic>
    </p:spTree>
  </p:cSld>
  <p:clrMap bg1="lt1" tx1="dk1" bg2="lt2" tx2="dk2" accent1="accent1" accent2="accent2" accent3="accent3" accent4="accent4" accent5="accent5" accent6="accent6" hlink="hlink" folHlink="folHlink"/>
  <p:sldLayoutIdLst>
    <p:sldLayoutId id="2147485329" r:id="rId1"/>
    <p:sldLayoutId id="2147485330" r:id="rId2"/>
    <p:sldLayoutId id="2147485332" r:id="rId3"/>
    <p:sldLayoutId id="2147485333" r:id="rId4"/>
    <p:sldLayoutId id="2147485334" r:id="rId5"/>
    <p:sldLayoutId id="2147485335" r:id="rId6"/>
    <p:sldLayoutId id="2147485336" r:id="rId7"/>
    <p:sldLayoutId id="2147485337" r:id="rId8"/>
    <p:sldLayoutId id="2147485338" r:id="rId9"/>
    <p:sldLayoutId id="2147485339" r:id="rId10"/>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lnSpc>
          <a:spcPct val="140000"/>
        </a:lnSpc>
        <a:spcBef>
          <a:spcPct val="0"/>
        </a:spcBef>
        <a:spcAft>
          <a:spcPct val="0"/>
        </a:spcAft>
        <a:buClr>
          <a:srgbClr val="777777"/>
        </a:buClr>
        <a:buSzPct val="60000"/>
        <a:buFont typeface="Wingdings" pitchFamily="2" charset="2"/>
        <a:buChar char="l"/>
        <a:defRPr sz="4000" b="1">
          <a:solidFill>
            <a:schemeClr val="tx1"/>
          </a:solidFill>
          <a:latin typeface="FrutigerNext LT Regular" pitchFamily="34" charset="0"/>
          <a:ea typeface="黑体" pitchFamily="49" charset="-122"/>
          <a:cs typeface="+mn-cs"/>
        </a:defRPr>
      </a:lvl1pPr>
      <a:lvl2pPr marL="1485005" indent="-571158"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2284625" indent="-456923" algn="l" rtl="0" eaLnBrk="0" fontAlgn="base" hangingPunct="0">
        <a:lnSpc>
          <a:spcPct val="140000"/>
        </a:lnSpc>
        <a:spcBef>
          <a:spcPct val="0"/>
        </a:spcBef>
        <a:spcAft>
          <a:spcPct val="0"/>
        </a:spcAft>
        <a:buSzPct val="50000"/>
        <a:buFont typeface="Wingdings" pitchFamily="2" charset="2"/>
        <a:buChar char="n"/>
        <a:defRPr sz="3200">
          <a:solidFill>
            <a:schemeClr val="tx1"/>
          </a:solidFill>
          <a:latin typeface="FrutigerNext LT Regular" pitchFamily="34" charset="0"/>
          <a:ea typeface="+mn-ea"/>
          <a:cs typeface="+mn-cs"/>
        </a:defRPr>
      </a:lvl3pPr>
      <a:lvl4pPr marL="3198480" indent="-456923" algn="l" rtl="0" eaLnBrk="0" fontAlgn="base" hangingPunct="0">
        <a:lnSpc>
          <a:spcPct val="140000"/>
        </a:lnSpc>
        <a:spcBef>
          <a:spcPct val="0"/>
        </a:spcBef>
        <a:spcAft>
          <a:spcPct val="0"/>
        </a:spcAft>
        <a:buChar char="–"/>
        <a:defRPr sz="2800">
          <a:solidFill>
            <a:schemeClr val="tx1"/>
          </a:solidFill>
          <a:latin typeface="FrutigerNext LT Regular" pitchFamily="34" charset="0"/>
          <a:ea typeface="+mn-ea"/>
          <a:cs typeface="+mn-cs"/>
        </a:defRPr>
      </a:lvl4pPr>
      <a:lvl5pPr marL="4112330" indent="-456923" algn="l" rtl="0" eaLnBrk="0" fontAlgn="base" hangingPunct="0">
        <a:lnSpc>
          <a:spcPct val="140000"/>
        </a:lnSpc>
        <a:spcBef>
          <a:spcPct val="0"/>
        </a:spcBef>
        <a:spcAft>
          <a:spcPct val="0"/>
        </a:spcAft>
        <a:buFont typeface="Arial" pitchFamily="34" charset="0"/>
        <a:buChar char="~"/>
        <a:defRPr sz="2400">
          <a:solidFill>
            <a:schemeClr val="tx1"/>
          </a:solidFill>
          <a:latin typeface="FrutigerNext LT Regular" pitchFamily="34" charset="0"/>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Masters/slideMaster1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5" name="矩形 74"/>
          <p:cNvSpPr/>
          <p:nvPr userDrawn="1"/>
        </p:nvSpPr>
        <p:spPr bwMode="auto">
          <a:xfrm>
            <a:off x="0" y="0"/>
            <a:ext cx="18291175" cy="10290175"/>
          </a:xfrm>
          <a:prstGeom prst="rect">
            <a:avLst/>
          </a:prstGeom>
          <a:solidFill>
            <a:schemeClr val="bg1">
              <a:lumMod val="95000"/>
            </a:schemeClr>
          </a:solid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809" tIns="91404" rIns="182809" bIns="91404" numCol="1" rtlCol="0" anchor="t" anchorCtr="0" compatLnSpc="1">
            <a:prstTxWarp prst="textNoShape">
              <a:avLst/>
            </a:prstTxWarp>
          </a:bodyPr>
          <a:lstStyle/>
          <a:p>
            <a:pPr defTabSz="1828068">
              <a:buClr>
                <a:srgbClr val="CC9900"/>
              </a:buClr>
              <a:buFont typeface="Wingdings" pitchFamily="2" charset="2"/>
              <a:buChar char="n"/>
            </a:pPr>
            <a:endParaRPr lang="zh-CN" altLang="en-US" sz="3600" dirty="0" smtClean="0">
              <a:solidFill>
                <a:srgbClr val="000000"/>
              </a:solidFill>
              <a:latin typeface="Arial" charset="0"/>
              <a:ea typeface="宋体" charset="-122"/>
            </a:endParaRPr>
          </a:p>
        </p:txBody>
      </p:sp>
      <p:grpSp>
        <p:nvGrpSpPr>
          <p:cNvPr id="2" name="组合 13"/>
          <p:cNvGrpSpPr/>
          <p:nvPr userDrawn="1"/>
        </p:nvGrpSpPr>
        <p:grpSpPr>
          <a:xfrm>
            <a:off x="0" y="10179017"/>
            <a:ext cx="18291175" cy="111158"/>
            <a:chOff x="0" y="5087938"/>
            <a:chExt cx="9144000" cy="55562"/>
          </a:xfrm>
        </p:grpSpPr>
        <p:pic>
          <p:nvPicPr>
            <p:cNvPr id="13" name="Picture 2" descr="E:\01 日常工作\10 多媒体\PPT内部汇报用模板\红条.jpg"/>
            <p:cNvPicPr>
              <a:picLocks noChangeAspect="1" noChangeArrowheads="1"/>
            </p:cNvPicPr>
            <p:nvPr userDrawn="1"/>
          </p:nvPicPr>
          <p:blipFill>
            <a:blip r:embed="rId11" cstate="email"/>
            <a:srcRect/>
            <a:stretch>
              <a:fillRect/>
            </a:stretch>
          </p:blipFill>
          <p:spPr bwMode="auto">
            <a:xfrm>
              <a:off x="0" y="5087938"/>
              <a:ext cx="8616950" cy="55562"/>
            </a:xfrm>
            <a:prstGeom prst="rect">
              <a:avLst/>
            </a:prstGeom>
            <a:noFill/>
          </p:spPr>
        </p:pic>
        <p:pic>
          <p:nvPicPr>
            <p:cNvPr id="86" name="Picture 2" descr="E:\01 日常工作\10 多媒体\PPT内部汇报用模板\红条.jpg"/>
            <p:cNvPicPr>
              <a:picLocks noChangeAspect="1" noChangeArrowheads="1"/>
            </p:cNvPicPr>
            <p:nvPr userDrawn="1"/>
          </p:nvPicPr>
          <p:blipFill>
            <a:blip r:embed="rId11" cstate="email"/>
            <a:srcRect/>
            <a:stretch>
              <a:fillRect/>
            </a:stretch>
          </p:blipFill>
          <p:spPr bwMode="auto">
            <a:xfrm>
              <a:off x="527050" y="5087938"/>
              <a:ext cx="8616950" cy="55562"/>
            </a:xfrm>
            <a:prstGeom prst="rect">
              <a:avLst/>
            </a:prstGeom>
            <a:noFill/>
          </p:spPr>
        </p:pic>
      </p:grpSp>
      <p:pic>
        <p:nvPicPr>
          <p:cNvPr id="8" name="Picture 2" descr="C:\Users\z00124665\Desktop\Operational Guide for Background Panels of the Enterprise Business Group.WMF"/>
          <p:cNvPicPr>
            <a:picLocks noChangeAspect="1" noChangeArrowheads="1"/>
          </p:cNvPicPr>
          <p:nvPr userDrawn="1"/>
        </p:nvPicPr>
        <p:blipFill>
          <a:blip r:embed="rId12" cstate="email"/>
          <a:srcRect/>
          <a:stretch>
            <a:fillRect/>
          </a:stretch>
        </p:blipFill>
        <p:spPr bwMode="auto">
          <a:xfrm>
            <a:off x="13145526" y="347771"/>
            <a:ext cx="4477197" cy="203619"/>
          </a:xfrm>
          <a:prstGeom prst="rect">
            <a:avLst/>
          </a:prstGeom>
          <a:noFill/>
        </p:spPr>
      </p:pic>
      <p:pic>
        <p:nvPicPr>
          <p:cNvPr id="9" name="Picture 2" descr="C:\Users\z00124665\Desktop\HW LOGO(横版）.png"/>
          <p:cNvPicPr>
            <a:picLocks noChangeAspect="1" noChangeArrowheads="1"/>
          </p:cNvPicPr>
          <p:nvPr userDrawn="1"/>
        </p:nvPicPr>
        <p:blipFill>
          <a:blip r:embed="rId13" cstate="email"/>
          <a:srcRect/>
          <a:stretch>
            <a:fillRect/>
          </a:stretch>
        </p:blipFill>
        <p:spPr bwMode="auto">
          <a:xfrm>
            <a:off x="15135444" y="9378768"/>
            <a:ext cx="2500736" cy="609236"/>
          </a:xfrm>
          <a:prstGeom prst="rect">
            <a:avLst/>
          </a:prstGeom>
          <a:noFill/>
        </p:spPr>
      </p:pic>
      <p:sp>
        <p:nvSpPr>
          <p:cNvPr id="12" name="Rectangle 5"/>
          <p:cNvSpPr>
            <a:spLocks noChangeArrowheads="1"/>
          </p:cNvSpPr>
          <p:nvPr userDrawn="1"/>
        </p:nvSpPr>
        <p:spPr bwMode="auto">
          <a:xfrm>
            <a:off x="6082103" y="9754137"/>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0" name="Picture 2" descr="C:\Users\z00124665\Desktop\图形1.wmf"/>
          <p:cNvPicPr>
            <a:picLocks noChangeAspect="1" noChangeArrowheads="1"/>
          </p:cNvPicPr>
          <p:nvPr userDrawn="1"/>
        </p:nvPicPr>
        <p:blipFill>
          <a:blip r:embed="rId14" cstate="email"/>
          <a:srcRect/>
          <a:stretch>
            <a:fillRect/>
          </a:stretch>
        </p:blipFill>
        <p:spPr bwMode="auto">
          <a:xfrm>
            <a:off x="644645" y="9727400"/>
            <a:ext cx="5312696" cy="242009"/>
          </a:xfrm>
          <a:prstGeom prst="rect">
            <a:avLst/>
          </a:prstGeom>
          <a:noFill/>
        </p:spPr>
      </p:pic>
    </p:spTree>
  </p:cSld>
  <p:clrMap bg1="lt1" tx1="dk1" bg2="lt2" tx2="dk2" accent1="accent1" accent2="accent2" accent3="accent3" accent4="accent4" accent5="accent5" accent6="accent6" hlink="hlink" folHlink="folHlink"/>
  <p:sldLayoutIdLst>
    <p:sldLayoutId id="2147485341" r:id="rId1"/>
    <p:sldLayoutId id="2147485342" r:id="rId2"/>
    <p:sldLayoutId id="2147485344" r:id="rId3"/>
    <p:sldLayoutId id="2147485346" r:id="rId4"/>
    <p:sldLayoutId id="2147485347" r:id="rId5"/>
    <p:sldLayoutId id="2147485348" r:id="rId6"/>
    <p:sldLayoutId id="2147485349" r:id="rId7"/>
    <p:sldLayoutId id="2147485350" r:id="rId8"/>
    <p:sldLayoutId id="2147485351" r:id="rId9"/>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5pPr>
      <a:lvl6pPr marL="914037"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8068"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2102"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613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523" indent="-685523" algn="l" rtl="0" eaLnBrk="0" fontAlgn="base" hangingPunct="0">
        <a:lnSpc>
          <a:spcPct val="140000"/>
        </a:lnSpc>
        <a:spcBef>
          <a:spcPct val="0"/>
        </a:spcBef>
        <a:spcAft>
          <a:spcPct val="0"/>
        </a:spcAft>
        <a:buClr>
          <a:srgbClr val="777777"/>
        </a:buClr>
        <a:buSzPct val="60000"/>
        <a:buFont typeface="Wingdings" pitchFamily="2" charset="2"/>
        <a:buChar char="l"/>
        <a:defRPr sz="4000" b="1">
          <a:solidFill>
            <a:schemeClr val="tx1"/>
          </a:solidFill>
          <a:latin typeface="FrutigerNext LT Regular" pitchFamily="34" charset="0"/>
          <a:ea typeface="黑体" pitchFamily="49" charset="-122"/>
          <a:cs typeface="+mn-cs"/>
        </a:defRPr>
      </a:lvl1pPr>
      <a:lvl2pPr marL="1485303" indent="-571272"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2285083" indent="-457015" algn="l" rtl="0" eaLnBrk="0" fontAlgn="base" hangingPunct="0">
        <a:lnSpc>
          <a:spcPct val="140000"/>
        </a:lnSpc>
        <a:spcBef>
          <a:spcPct val="0"/>
        </a:spcBef>
        <a:spcAft>
          <a:spcPct val="0"/>
        </a:spcAft>
        <a:buSzPct val="50000"/>
        <a:buFont typeface="Wingdings" pitchFamily="2" charset="2"/>
        <a:buChar char="n"/>
        <a:defRPr sz="3200">
          <a:solidFill>
            <a:schemeClr val="tx1"/>
          </a:solidFill>
          <a:latin typeface="FrutigerNext LT Regular" pitchFamily="34" charset="0"/>
          <a:ea typeface="+mn-ea"/>
          <a:cs typeface="+mn-cs"/>
        </a:defRPr>
      </a:lvl3pPr>
      <a:lvl4pPr marL="3199120" indent="-457015" algn="l" rtl="0" eaLnBrk="0" fontAlgn="base" hangingPunct="0">
        <a:lnSpc>
          <a:spcPct val="140000"/>
        </a:lnSpc>
        <a:spcBef>
          <a:spcPct val="0"/>
        </a:spcBef>
        <a:spcAft>
          <a:spcPct val="0"/>
        </a:spcAft>
        <a:buChar char="–"/>
        <a:defRPr sz="2800">
          <a:solidFill>
            <a:schemeClr val="tx1"/>
          </a:solidFill>
          <a:latin typeface="FrutigerNext LT Regular" pitchFamily="34" charset="0"/>
          <a:ea typeface="+mn-ea"/>
          <a:cs typeface="+mn-cs"/>
        </a:defRPr>
      </a:lvl4pPr>
      <a:lvl5pPr marL="4113154" indent="-457015" algn="l" rtl="0" eaLnBrk="0" fontAlgn="base" hangingPunct="0">
        <a:lnSpc>
          <a:spcPct val="140000"/>
        </a:lnSpc>
        <a:spcBef>
          <a:spcPct val="0"/>
        </a:spcBef>
        <a:spcAft>
          <a:spcPct val="0"/>
        </a:spcAft>
        <a:buFont typeface="Arial" pitchFamily="34" charset="0"/>
        <a:buChar char="~"/>
        <a:defRPr sz="2400">
          <a:solidFill>
            <a:schemeClr val="tx1"/>
          </a:solidFill>
          <a:latin typeface="FrutigerNext LT Regular" pitchFamily="34" charset="0"/>
          <a:ea typeface="+mn-ea"/>
          <a:cs typeface="+mn-cs"/>
        </a:defRPr>
      </a:lvl5pPr>
      <a:lvl6pPr marL="5027187" indent="-457015"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1222" indent="-457015"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5255" indent="-457015"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9290" indent="-457015"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8068" rtl="0" eaLnBrk="1" latinLnBrk="0" hangingPunct="1">
        <a:defRPr sz="3600" kern="1200">
          <a:solidFill>
            <a:schemeClr val="tx1"/>
          </a:solidFill>
          <a:latin typeface="+mn-lt"/>
          <a:ea typeface="+mn-ea"/>
          <a:cs typeface="+mn-cs"/>
        </a:defRPr>
      </a:lvl1pPr>
      <a:lvl2pPr marL="914037" algn="l" defTabSz="1828068" rtl="0" eaLnBrk="1" latinLnBrk="0" hangingPunct="1">
        <a:defRPr sz="3600" kern="1200">
          <a:solidFill>
            <a:schemeClr val="tx1"/>
          </a:solidFill>
          <a:latin typeface="+mn-lt"/>
          <a:ea typeface="+mn-ea"/>
          <a:cs typeface="+mn-cs"/>
        </a:defRPr>
      </a:lvl2pPr>
      <a:lvl3pPr marL="1828068" algn="l" defTabSz="1828068" rtl="0" eaLnBrk="1" latinLnBrk="0" hangingPunct="1">
        <a:defRPr sz="3600" kern="1200">
          <a:solidFill>
            <a:schemeClr val="tx1"/>
          </a:solidFill>
          <a:latin typeface="+mn-lt"/>
          <a:ea typeface="+mn-ea"/>
          <a:cs typeface="+mn-cs"/>
        </a:defRPr>
      </a:lvl3pPr>
      <a:lvl4pPr marL="2742102" algn="l" defTabSz="1828068" rtl="0" eaLnBrk="1" latinLnBrk="0" hangingPunct="1">
        <a:defRPr sz="3600" kern="1200">
          <a:solidFill>
            <a:schemeClr val="tx1"/>
          </a:solidFill>
          <a:latin typeface="+mn-lt"/>
          <a:ea typeface="+mn-ea"/>
          <a:cs typeface="+mn-cs"/>
        </a:defRPr>
      </a:lvl4pPr>
      <a:lvl5pPr marL="3656135" algn="l" defTabSz="1828068" rtl="0" eaLnBrk="1" latinLnBrk="0" hangingPunct="1">
        <a:defRPr sz="3600" kern="1200">
          <a:solidFill>
            <a:schemeClr val="tx1"/>
          </a:solidFill>
          <a:latin typeface="+mn-lt"/>
          <a:ea typeface="+mn-ea"/>
          <a:cs typeface="+mn-cs"/>
        </a:defRPr>
      </a:lvl5pPr>
      <a:lvl6pPr marL="4570170" algn="l" defTabSz="1828068" rtl="0" eaLnBrk="1" latinLnBrk="0" hangingPunct="1">
        <a:defRPr sz="3600" kern="1200">
          <a:solidFill>
            <a:schemeClr val="tx1"/>
          </a:solidFill>
          <a:latin typeface="+mn-lt"/>
          <a:ea typeface="+mn-ea"/>
          <a:cs typeface="+mn-cs"/>
        </a:defRPr>
      </a:lvl6pPr>
      <a:lvl7pPr marL="5484203" algn="l" defTabSz="1828068" rtl="0" eaLnBrk="1" latinLnBrk="0" hangingPunct="1">
        <a:defRPr sz="3600" kern="1200">
          <a:solidFill>
            <a:schemeClr val="tx1"/>
          </a:solidFill>
          <a:latin typeface="+mn-lt"/>
          <a:ea typeface="+mn-ea"/>
          <a:cs typeface="+mn-cs"/>
        </a:defRPr>
      </a:lvl7pPr>
      <a:lvl8pPr marL="6398239" algn="l" defTabSz="1828068" rtl="0" eaLnBrk="1" latinLnBrk="0" hangingPunct="1">
        <a:defRPr sz="3600" kern="1200">
          <a:solidFill>
            <a:schemeClr val="tx1"/>
          </a:solidFill>
          <a:latin typeface="+mn-lt"/>
          <a:ea typeface="+mn-ea"/>
          <a:cs typeface="+mn-cs"/>
        </a:defRPr>
      </a:lvl8pPr>
      <a:lvl9pPr marL="7312270" algn="l" defTabSz="1828068" rtl="0" eaLnBrk="1" latinLnBrk="0" hangingPunct="1">
        <a:defRPr sz="3600" kern="1200">
          <a:solidFill>
            <a:schemeClr val="tx1"/>
          </a:solidFill>
          <a:latin typeface="+mn-lt"/>
          <a:ea typeface="+mn-ea"/>
          <a:cs typeface="+mn-cs"/>
        </a:defRPr>
      </a:lvl9pPr>
    </p:otherStyle>
  </p:txStyles>
</p:sldMaster>
</file>

<file path=ppt/slideMasters/slideMaster1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5" name="矩形 74"/>
          <p:cNvSpPr/>
          <p:nvPr userDrawn="1"/>
        </p:nvSpPr>
        <p:spPr bwMode="auto">
          <a:xfrm>
            <a:off x="0" y="0"/>
            <a:ext cx="18291175" cy="10290175"/>
          </a:xfrm>
          <a:prstGeom prst="rect">
            <a:avLst/>
          </a:prstGeom>
          <a:solidFill>
            <a:schemeClr val="bg1">
              <a:lumMod val="95000"/>
            </a:schemeClr>
          </a:solid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881" tIns="91440" rIns="182881" bIns="91440" numCol="1" rtlCol="0" anchor="t" anchorCtr="0" compatLnSpc="1">
            <a:prstTxWarp prst="textNoShape">
              <a:avLst/>
            </a:prstTxWarp>
          </a:bodyPr>
          <a:lstStyle/>
          <a:p>
            <a:pPr defTabSz="1828800">
              <a:buClr>
                <a:srgbClr val="CC9900"/>
              </a:buClr>
              <a:buFont typeface="Wingdings" pitchFamily="2" charset="2"/>
              <a:buChar char="n"/>
            </a:pPr>
            <a:endParaRPr lang="zh-CN" altLang="en-US" sz="3600" dirty="0" smtClean="0">
              <a:solidFill>
                <a:srgbClr val="000000"/>
              </a:solidFill>
              <a:latin typeface="Arial" charset="0"/>
              <a:ea typeface="宋体" charset="-122"/>
            </a:endParaRPr>
          </a:p>
        </p:txBody>
      </p:sp>
      <p:grpSp>
        <p:nvGrpSpPr>
          <p:cNvPr id="2" name="组合 13"/>
          <p:cNvGrpSpPr/>
          <p:nvPr userDrawn="1"/>
        </p:nvGrpSpPr>
        <p:grpSpPr>
          <a:xfrm>
            <a:off x="0" y="10179017"/>
            <a:ext cx="18291175" cy="111158"/>
            <a:chOff x="0" y="5087938"/>
            <a:chExt cx="9144000" cy="55562"/>
          </a:xfrm>
        </p:grpSpPr>
        <p:pic>
          <p:nvPicPr>
            <p:cNvPr id="13" name="Picture 2" descr="E:\01 日常工作\10 多媒体\PPT内部汇报用模板\红条.jpg"/>
            <p:cNvPicPr>
              <a:picLocks noChangeAspect="1" noChangeArrowheads="1"/>
            </p:cNvPicPr>
            <p:nvPr userDrawn="1"/>
          </p:nvPicPr>
          <p:blipFill>
            <a:blip r:embed="rId6" cstate="email"/>
            <a:srcRect/>
            <a:stretch>
              <a:fillRect/>
            </a:stretch>
          </p:blipFill>
          <p:spPr bwMode="auto">
            <a:xfrm>
              <a:off x="0" y="5087938"/>
              <a:ext cx="8616950" cy="55562"/>
            </a:xfrm>
            <a:prstGeom prst="rect">
              <a:avLst/>
            </a:prstGeom>
            <a:noFill/>
          </p:spPr>
        </p:pic>
        <p:pic>
          <p:nvPicPr>
            <p:cNvPr id="86" name="Picture 2" descr="E:\01 日常工作\10 多媒体\PPT内部汇报用模板\红条.jpg"/>
            <p:cNvPicPr>
              <a:picLocks noChangeAspect="1" noChangeArrowheads="1"/>
            </p:cNvPicPr>
            <p:nvPr userDrawn="1"/>
          </p:nvPicPr>
          <p:blipFill>
            <a:blip r:embed="rId6" cstate="email"/>
            <a:srcRect/>
            <a:stretch>
              <a:fillRect/>
            </a:stretch>
          </p:blipFill>
          <p:spPr bwMode="auto">
            <a:xfrm>
              <a:off x="527050" y="5087938"/>
              <a:ext cx="8616950" cy="55562"/>
            </a:xfrm>
            <a:prstGeom prst="rect">
              <a:avLst/>
            </a:prstGeom>
            <a:noFill/>
          </p:spPr>
        </p:pic>
      </p:grpSp>
      <p:pic>
        <p:nvPicPr>
          <p:cNvPr id="8" name="Picture 2" descr="C:\Users\z00124665\Desktop\Operational Guide for Background Panels of the Enterprise Business Group.WMF"/>
          <p:cNvPicPr>
            <a:picLocks noChangeAspect="1" noChangeArrowheads="1"/>
          </p:cNvPicPr>
          <p:nvPr userDrawn="1"/>
        </p:nvPicPr>
        <p:blipFill>
          <a:blip r:embed="rId7" cstate="email"/>
          <a:srcRect/>
          <a:stretch>
            <a:fillRect/>
          </a:stretch>
        </p:blipFill>
        <p:spPr bwMode="auto">
          <a:xfrm>
            <a:off x="13145526" y="347771"/>
            <a:ext cx="4477197" cy="203619"/>
          </a:xfrm>
          <a:prstGeom prst="rect">
            <a:avLst/>
          </a:prstGeom>
          <a:noFill/>
        </p:spPr>
      </p:pic>
      <p:pic>
        <p:nvPicPr>
          <p:cNvPr id="9" name="Picture 2" descr="C:\Users\z00124665\Desktop\HW LOGO(横版）.png"/>
          <p:cNvPicPr>
            <a:picLocks noChangeAspect="1" noChangeArrowheads="1"/>
          </p:cNvPicPr>
          <p:nvPr userDrawn="1"/>
        </p:nvPicPr>
        <p:blipFill>
          <a:blip r:embed="rId8" cstate="email"/>
          <a:srcRect/>
          <a:stretch>
            <a:fillRect/>
          </a:stretch>
        </p:blipFill>
        <p:spPr bwMode="auto">
          <a:xfrm>
            <a:off x="15135444" y="9378768"/>
            <a:ext cx="2500736" cy="609236"/>
          </a:xfrm>
          <a:prstGeom prst="rect">
            <a:avLst/>
          </a:prstGeom>
          <a:noFill/>
        </p:spPr>
      </p:pic>
      <p:sp>
        <p:nvSpPr>
          <p:cNvPr id="12" name="Rectangle 5"/>
          <p:cNvSpPr>
            <a:spLocks noChangeArrowheads="1"/>
          </p:cNvSpPr>
          <p:nvPr userDrawn="1"/>
        </p:nvSpPr>
        <p:spPr bwMode="auto">
          <a:xfrm>
            <a:off x="6082099" y="9754133"/>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0" name="Picture 2" descr="C:\Users\z00124665\Desktop\图形1.wmf"/>
          <p:cNvPicPr>
            <a:picLocks noChangeAspect="1" noChangeArrowheads="1"/>
          </p:cNvPicPr>
          <p:nvPr userDrawn="1"/>
        </p:nvPicPr>
        <p:blipFill>
          <a:blip r:embed="rId9" cstate="email"/>
          <a:srcRect/>
          <a:stretch>
            <a:fillRect/>
          </a:stretch>
        </p:blipFill>
        <p:spPr bwMode="auto">
          <a:xfrm>
            <a:off x="644641" y="9727396"/>
            <a:ext cx="5312696" cy="242009"/>
          </a:xfrm>
          <a:prstGeom prst="rect">
            <a:avLst/>
          </a:prstGeom>
          <a:noFill/>
        </p:spPr>
      </p:pic>
    </p:spTree>
  </p:cSld>
  <p:clrMap bg1="lt1" tx1="dk1" bg2="lt2" tx2="dk2" accent1="accent1" accent2="accent2" accent3="accent3" accent4="accent4" accent5="accent5" accent6="accent6" hlink="hlink" folHlink="folHlink"/>
  <p:sldLayoutIdLst>
    <p:sldLayoutId id="2147485354" r:id="rId1"/>
    <p:sldLayoutId id="2147485355" r:id="rId2"/>
    <p:sldLayoutId id="2147485358" r:id="rId3"/>
    <p:sldLayoutId id="2147485361" r:id="rId4"/>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5pPr>
      <a:lvl6pPr marL="9144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8800"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32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7599"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799" indent="-685799" algn="l" rtl="0" eaLnBrk="0" fontAlgn="base" hangingPunct="0">
        <a:lnSpc>
          <a:spcPct val="140000"/>
        </a:lnSpc>
        <a:spcBef>
          <a:spcPct val="0"/>
        </a:spcBef>
        <a:spcAft>
          <a:spcPct val="0"/>
        </a:spcAft>
        <a:buClr>
          <a:srgbClr val="777777"/>
        </a:buClr>
        <a:buSzPct val="60000"/>
        <a:buFont typeface="Wingdings" pitchFamily="2" charset="2"/>
        <a:buChar char="l"/>
        <a:defRPr sz="4000" b="1">
          <a:solidFill>
            <a:schemeClr val="tx1"/>
          </a:solidFill>
          <a:latin typeface="FrutigerNext LT Regular" pitchFamily="34" charset="0"/>
          <a:ea typeface="黑体" pitchFamily="49" charset="-122"/>
          <a:cs typeface="+mn-cs"/>
        </a:defRPr>
      </a:lvl1pPr>
      <a:lvl2pPr marL="1485899" indent="-571500"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2285999" indent="-457199" algn="l" rtl="0" eaLnBrk="0" fontAlgn="base" hangingPunct="0">
        <a:lnSpc>
          <a:spcPct val="140000"/>
        </a:lnSpc>
        <a:spcBef>
          <a:spcPct val="0"/>
        </a:spcBef>
        <a:spcAft>
          <a:spcPct val="0"/>
        </a:spcAft>
        <a:buSzPct val="50000"/>
        <a:buFont typeface="Wingdings" pitchFamily="2" charset="2"/>
        <a:buChar char="n"/>
        <a:defRPr sz="3200">
          <a:solidFill>
            <a:schemeClr val="tx1"/>
          </a:solidFill>
          <a:latin typeface="FrutigerNext LT Regular" pitchFamily="34" charset="0"/>
          <a:ea typeface="+mn-ea"/>
          <a:cs typeface="+mn-cs"/>
        </a:defRPr>
      </a:lvl3pPr>
      <a:lvl4pPr marL="3200400" indent="-457199" algn="l" rtl="0" eaLnBrk="0" fontAlgn="base" hangingPunct="0">
        <a:lnSpc>
          <a:spcPct val="140000"/>
        </a:lnSpc>
        <a:spcBef>
          <a:spcPct val="0"/>
        </a:spcBef>
        <a:spcAft>
          <a:spcPct val="0"/>
        </a:spcAft>
        <a:buChar char="–"/>
        <a:defRPr sz="2800">
          <a:solidFill>
            <a:schemeClr val="tx1"/>
          </a:solidFill>
          <a:latin typeface="FrutigerNext LT Regular" pitchFamily="34" charset="0"/>
          <a:ea typeface="+mn-ea"/>
          <a:cs typeface="+mn-cs"/>
        </a:defRPr>
      </a:lvl4pPr>
      <a:lvl5pPr marL="4114799" indent="-457199" algn="l" rtl="0" eaLnBrk="0" fontAlgn="base" hangingPunct="0">
        <a:lnSpc>
          <a:spcPct val="140000"/>
        </a:lnSpc>
        <a:spcBef>
          <a:spcPct val="0"/>
        </a:spcBef>
        <a:spcAft>
          <a:spcPct val="0"/>
        </a:spcAft>
        <a:buFont typeface="Arial" pitchFamily="34" charset="0"/>
        <a:buChar char="~"/>
        <a:defRPr sz="2400">
          <a:solidFill>
            <a:schemeClr val="tx1"/>
          </a:solidFill>
          <a:latin typeface="FrutigerNext LT Regular" pitchFamily="34" charset="0"/>
          <a:ea typeface="+mn-ea"/>
          <a:cs typeface="+mn-cs"/>
        </a:defRPr>
      </a:lvl5pPr>
      <a:lvl6pPr marL="5029200" indent="-457199"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3600" indent="-457199"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7999" indent="-457199"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72398" indent="-457199"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8800" rtl="0" eaLnBrk="1" latinLnBrk="0" hangingPunct="1">
        <a:defRPr sz="3600" kern="1200">
          <a:solidFill>
            <a:schemeClr val="tx1"/>
          </a:solidFill>
          <a:latin typeface="+mn-lt"/>
          <a:ea typeface="+mn-ea"/>
          <a:cs typeface="+mn-cs"/>
        </a:defRPr>
      </a:lvl1pPr>
      <a:lvl2pPr marL="914401" algn="l" defTabSz="1828800" rtl="0" eaLnBrk="1" latinLnBrk="0" hangingPunct="1">
        <a:defRPr sz="3600" kern="1200">
          <a:solidFill>
            <a:schemeClr val="tx1"/>
          </a:solidFill>
          <a:latin typeface="+mn-lt"/>
          <a:ea typeface="+mn-ea"/>
          <a:cs typeface="+mn-cs"/>
        </a:defRPr>
      </a:lvl2pPr>
      <a:lvl3pPr marL="1828800" algn="l" defTabSz="1828800" rtl="0" eaLnBrk="1" latinLnBrk="0" hangingPunct="1">
        <a:defRPr sz="3600" kern="1200">
          <a:solidFill>
            <a:schemeClr val="tx1"/>
          </a:solidFill>
          <a:latin typeface="+mn-lt"/>
          <a:ea typeface="+mn-ea"/>
          <a:cs typeface="+mn-cs"/>
        </a:defRPr>
      </a:lvl3pPr>
      <a:lvl4pPr marL="2743201" algn="l" defTabSz="1828800" rtl="0" eaLnBrk="1" latinLnBrk="0" hangingPunct="1">
        <a:defRPr sz="3600" kern="1200">
          <a:solidFill>
            <a:schemeClr val="tx1"/>
          </a:solidFill>
          <a:latin typeface="+mn-lt"/>
          <a:ea typeface="+mn-ea"/>
          <a:cs typeface="+mn-cs"/>
        </a:defRPr>
      </a:lvl4pPr>
      <a:lvl5pPr marL="3657599" algn="l" defTabSz="1828800" rtl="0" eaLnBrk="1" latinLnBrk="0" hangingPunct="1">
        <a:defRPr sz="3600" kern="1200">
          <a:solidFill>
            <a:schemeClr val="tx1"/>
          </a:solidFill>
          <a:latin typeface="+mn-lt"/>
          <a:ea typeface="+mn-ea"/>
          <a:cs typeface="+mn-cs"/>
        </a:defRPr>
      </a:lvl5pPr>
      <a:lvl6pPr marL="4571998" algn="l" defTabSz="1828800" rtl="0" eaLnBrk="1" latinLnBrk="0" hangingPunct="1">
        <a:defRPr sz="3600" kern="1200">
          <a:solidFill>
            <a:schemeClr val="tx1"/>
          </a:solidFill>
          <a:latin typeface="+mn-lt"/>
          <a:ea typeface="+mn-ea"/>
          <a:cs typeface="+mn-cs"/>
        </a:defRPr>
      </a:lvl6pPr>
      <a:lvl7pPr marL="5486399" algn="l" defTabSz="1828800" rtl="0" eaLnBrk="1" latinLnBrk="0" hangingPunct="1">
        <a:defRPr sz="3600" kern="1200">
          <a:solidFill>
            <a:schemeClr val="tx1"/>
          </a:solidFill>
          <a:latin typeface="+mn-lt"/>
          <a:ea typeface="+mn-ea"/>
          <a:cs typeface="+mn-cs"/>
        </a:defRPr>
      </a:lvl7pPr>
      <a:lvl8pPr marL="6400800" algn="l" defTabSz="1828800" rtl="0" eaLnBrk="1" latinLnBrk="0" hangingPunct="1">
        <a:defRPr sz="3600" kern="1200">
          <a:solidFill>
            <a:schemeClr val="tx1"/>
          </a:solidFill>
          <a:latin typeface="+mn-lt"/>
          <a:ea typeface="+mn-ea"/>
          <a:cs typeface="+mn-cs"/>
        </a:defRPr>
      </a:lvl8pPr>
      <a:lvl9pPr marL="7315199" algn="l" defTabSz="1828800" rtl="0" eaLnBrk="1" latinLnBrk="0" hangingPunct="1">
        <a:defRPr sz="3600" kern="1200">
          <a:solidFill>
            <a:schemeClr val="tx1"/>
          </a:solidFill>
          <a:latin typeface="+mn-lt"/>
          <a:ea typeface="+mn-ea"/>
          <a:cs typeface="+mn-cs"/>
        </a:defRPr>
      </a:lvl9pPr>
    </p:otherStyle>
  </p:txStyles>
</p:sldMaster>
</file>

<file path=ppt/slideMasters/slideMaster1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6" name="矩形 5"/>
          <p:cNvSpPr/>
          <p:nvPr userDrawn="1"/>
        </p:nvSpPr>
        <p:spPr bwMode="auto">
          <a:xfrm>
            <a:off x="0" y="0"/>
            <a:ext cx="18291175" cy="10290175"/>
          </a:xfrm>
          <a:prstGeom prst="rect">
            <a:avLst/>
          </a:prstGeom>
          <a:solidFill>
            <a:schemeClr val="bg1">
              <a:lumMod val="95000"/>
            </a:schemeClr>
          </a:solid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881" tIns="91440" rIns="182881" bIns="91440" numCol="1" rtlCol="0" anchor="t" anchorCtr="0" compatLnSpc="1">
            <a:prstTxWarp prst="textNoShape">
              <a:avLst/>
            </a:prstTxWarp>
          </a:bodyPr>
          <a:lstStyle/>
          <a:p>
            <a:pPr defTabSz="1828800">
              <a:buClr>
                <a:srgbClr val="CC9900"/>
              </a:buClr>
              <a:buFont typeface="Wingdings" pitchFamily="2" charset="2"/>
              <a:buChar char="n"/>
            </a:pPr>
            <a:endParaRPr lang="zh-CN" altLang="en-US" sz="3600" smtClean="0">
              <a:solidFill>
                <a:srgbClr val="000000"/>
              </a:solidFill>
              <a:latin typeface="Arial" charset="0"/>
              <a:ea typeface="宋体" charset="-122"/>
            </a:endParaRPr>
          </a:p>
        </p:txBody>
      </p:sp>
      <p:sp>
        <p:nvSpPr>
          <p:cNvPr id="11" name="TextBox 10"/>
          <p:cNvSpPr txBox="1"/>
          <p:nvPr userDrawn="1"/>
        </p:nvSpPr>
        <p:spPr>
          <a:xfrm>
            <a:off x="958748" y="8352989"/>
            <a:ext cx="16533090" cy="1415772"/>
          </a:xfrm>
          <a:prstGeom prst="rect">
            <a:avLst/>
          </a:prstGeom>
          <a:noFill/>
        </p:spPr>
        <p:txBody>
          <a:bodyPr wrap="square" lIns="182881" tIns="91440" rIns="182881" bIns="91440" rtlCol="0">
            <a:spAutoFit/>
          </a:bodyPr>
          <a:lstStyle/>
          <a:p>
            <a:pPr algn="just" defTabSz="1828800" fontAlgn="auto">
              <a:spcBef>
                <a:spcPts val="0"/>
              </a:spcBef>
              <a:spcAft>
                <a:spcPts val="0"/>
              </a:spcAft>
              <a:defRPr/>
            </a:pPr>
            <a:r>
              <a:rPr lang="en-US" altLang="zh-CN" sz="1600" b="1" dirty="0" smtClean="0">
                <a:solidFill>
                  <a:srgbClr val="FFFFFF">
                    <a:lumMod val="65000"/>
                  </a:srgbClr>
                </a:solidFill>
                <a:latin typeface="Arial"/>
                <a:ea typeface="宋体" charset="-122"/>
                <a:cs typeface="Calibri" pitchFamily="34" charset="0"/>
              </a:rPr>
              <a:t>Copyright©2012 Huawei Technologies Co., Ltd. All Rights Reserved.</a:t>
            </a:r>
            <a:endParaRPr lang="zh-CN" altLang="zh-CN" sz="1600" dirty="0" smtClean="0">
              <a:solidFill>
                <a:srgbClr val="FFFFFF">
                  <a:lumMod val="65000"/>
                </a:srgbClr>
              </a:solidFill>
              <a:latin typeface="Arial"/>
              <a:ea typeface="宋体" charset="-122"/>
              <a:cs typeface="Calibri" pitchFamily="34" charset="0"/>
            </a:endParaRPr>
          </a:p>
          <a:p>
            <a:pPr algn="just" defTabSz="1828800" fontAlgn="auto">
              <a:spcBef>
                <a:spcPts val="0"/>
              </a:spcBef>
              <a:spcAft>
                <a:spcPts val="0"/>
              </a:spcAft>
              <a:defRPr/>
            </a:pPr>
            <a:r>
              <a:rPr lang="en-US" altLang="zh-CN" sz="1600" dirty="0" smtClean="0">
                <a:solidFill>
                  <a:srgbClr val="FFFFFF">
                    <a:lumMod val="65000"/>
                  </a:srgbClr>
                </a:solidFill>
                <a:latin typeface="Arial"/>
                <a:ea typeface="宋体" charset="-122"/>
                <a:cs typeface="Calibri" pitchFamily="34" charset="0"/>
              </a:rPr>
              <a:t>The information in this document may contain predictive statements including, without limitation, statements regarding the future financial and operating results, future product portfolio, new technology, etc. There are a number of factors that could cause actual results and developments to differ materially from those expressed or implied in the predictive statements. Therefore, such information is provided for reference purpose only and constitutes neither an offer nor an acceptance. Huawei may change the information at any time without notice. </a:t>
            </a:r>
            <a:endParaRPr lang="zh-CN" altLang="zh-CN" sz="1600" dirty="0">
              <a:solidFill>
                <a:srgbClr val="FFFFFF">
                  <a:lumMod val="65000"/>
                </a:srgbClr>
              </a:solidFill>
              <a:latin typeface="Arial"/>
              <a:ea typeface="宋体" charset="-122"/>
              <a:cs typeface="Calibri" pitchFamily="34" charset="0"/>
            </a:endParaRPr>
          </a:p>
        </p:txBody>
      </p:sp>
      <p:pic>
        <p:nvPicPr>
          <p:cNvPr id="8" name="Picture 2" descr="E:\01 日常工作\03 品牌规范设计\企业业务视觉规范\投标标书规范\设计文档\大平台相关资料整理\Template A\源文件\HW LOGO副本.png"/>
          <p:cNvPicPr>
            <a:picLocks noChangeAspect="1" noChangeArrowheads="1"/>
          </p:cNvPicPr>
          <p:nvPr userDrawn="1"/>
        </p:nvPicPr>
        <p:blipFill>
          <a:blip r:embed="rId3" cstate="email"/>
          <a:srcRect/>
          <a:stretch>
            <a:fillRect/>
          </a:stretch>
        </p:blipFill>
        <p:spPr bwMode="auto">
          <a:xfrm>
            <a:off x="7567656" y="1902189"/>
            <a:ext cx="3315275" cy="3201612"/>
          </a:xfrm>
          <a:prstGeom prst="rect">
            <a:avLst/>
          </a:prstGeom>
          <a:noFill/>
        </p:spPr>
      </p:pic>
      <p:sp>
        <p:nvSpPr>
          <p:cNvPr id="12" name="Rectangle 3"/>
          <p:cNvSpPr>
            <a:spLocks noChangeArrowheads="1"/>
          </p:cNvSpPr>
          <p:nvPr userDrawn="1"/>
        </p:nvSpPr>
        <p:spPr bwMode="auto">
          <a:xfrm>
            <a:off x="3336052" y="5543910"/>
            <a:ext cx="11778483" cy="915096"/>
          </a:xfrm>
          <a:prstGeom prst="rect">
            <a:avLst/>
          </a:prstGeom>
          <a:noFill/>
          <a:ln w="9525" algn="ctr">
            <a:noFill/>
            <a:miter lim="800000"/>
            <a:headEnd/>
            <a:tailEnd/>
          </a:ln>
        </p:spPr>
        <p:txBody>
          <a:bodyPr wrap="none" lIns="174721" tIns="87363" rIns="174721" bIns="87363">
            <a:spAutoFit/>
          </a:bodyPr>
          <a:lstStyle/>
          <a:p>
            <a:pPr algn="ctr" defTabSz="1749426">
              <a:defRPr/>
            </a:pPr>
            <a:r>
              <a:rPr lang="en-US" altLang="zh-CN" sz="4800" b="1" dirty="0" smtClean="0">
                <a:solidFill>
                  <a:srgbClr val="000000">
                    <a:lumMod val="85000"/>
                    <a:lumOff val="15000"/>
                  </a:srgbClr>
                </a:solidFill>
                <a:latin typeface="FrutigerNext LT Medium" pitchFamily="34" charset="0"/>
                <a:ea typeface="ＭＳ Ｐゴシック" pitchFamily="34" charset="-128"/>
              </a:rPr>
              <a:t>HUAWEI ENTERPRISE </a:t>
            </a:r>
            <a:r>
              <a:rPr lang="en-US" altLang="zh-CN" sz="4800" b="1" dirty="0" smtClean="0">
                <a:solidFill>
                  <a:srgbClr val="C00000"/>
                </a:solidFill>
                <a:latin typeface="FrutigerNext LT Medium" pitchFamily="34" charset="0"/>
                <a:ea typeface="ＭＳ Ｐゴシック" pitchFamily="34" charset="-128"/>
              </a:rPr>
              <a:t>A BETTER WAY</a:t>
            </a:r>
            <a:endParaRPr lang="zh-CN" altLang="en-US" sz="4800" b="1" dirty="0">
              <a:solidFill>
                <a:srgbClr val="C00000"/>
              </a:solidFill>
              <a:latin typeface="FrutigerNext LT Medium" pitchFamily="34" charset="0"/>
              <a:ea typeface="ＭＳ Ｐゴシック" pitchFamily="34" charset="-128"/>
            </a:endParaRPr>
          </a:p>
        </p:txBody>
      </p:sp>
    </p:spTree>
  </p:cSld>
  <p:clrMap bg1="lt1" tx1="dk1" bg2="lt2" tx2="dk2" accent1="accent1" accent2="accent2" accent3="accent3" accent4="accent4" accent5="accent5" accent6="accent6" hlink="hlink" folHlink="folHlink"/>
  <p:sldLayoutIdLst>
    <p:sldLayoutId id="2147485366" r:id="rId1"/>
  </p:sldLayoutIdLst>
  <p:transition>
    <p:fad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 presetClass="emph" presetSubtype="10" repeatCount="indefinite" accel="50000" decel="50000" fill="hold" grpId="0" nodeType="afterEffect">
                                  <p:stCondLst>
                                    <p:cond delay="0"/>
                                  </p:stCondLst>
                                  <p:iterate type="lt">
                                    <p:tmPct val="10000"/>
                                  </p:iterate>
                                  <p:childTnLst>
                                    <p:animClr clrSpc="hsl" dir="ccw">
                                      <p:cBhvr override="childStyle">
                                        <p:cTn id="6" dur="1000" fill="hold"/>
                                        <p:tgtEl>
                                          <p:spTgt spid="12"/>
                                        </p:tgtEl>
                                        <p:attrNameLst>
                                          <p:attrName>style.color</p:attrName>
                                        </p:attrNameLst>
                                      </p:cBhvr>
                                      <p:to>
                                        <a:srgbClr val="FF6600"/>
                                      </p:to>
                                    </p:animClr>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txStyles>
    <p:titleStyle>
      <a:lvl1pPr algn="ctr" defTabSz="1603377" rtl="0" eaLnBrk="0" fontAlgn="base" hangingPunct="0">
        <a:spcBef>
          <a:spcPct val="0"/>
        </a:spcBef>
        <a:spcAft>
          <a:spcPct val="0"/>
        </a:spcAft>
        <a:defRPr sz="7600">
          <a:solidFill>
            <a:schemeClr val="tx2"/>
          </a:solidFill>
          <a:latin typeface="+mj-lt"/>
          <a:ea typeface="+mj-ea"/>
          <a:cs typeface="+mj-cs"/>
        </a:defRPr>
      </a:lvl1pPr>
      <a:lvl2pPr algn="ctr" defTabSz="1603377" rtl="0" eaLnBrk="0" fontAlgn="base" hangingPunct="0">
        <a:spcBef>
          <a:spcPct val="0"/>
        </a:spcBef>
        <a:spcAft>
          <a:spcPct val="0"/>
        </a:spcAft>
        <a:defRPr sz="7600">
          <a:solidFill>
            <a:schemeClr val="tx2"/>
          </a:solidFill>
          <a:latin typeface="Arial" charset="0"/>
          <a:ea typeface="宋体" pitchFamily="2" charset="-122"/>
        </a:defRPr>
      </a:lvl2pPr>
      <a:lvl3pPr algn="ctr" defTabSz="1603377" rtl="0" eaLnBrk="0" fontAlgn="base" hangingPunct="0">
        <a:spcBef>
          <a:spcPct val="0"/>
        </a:spcBef>
        <a:spcAft>
          <a:spcPct val="0"/>
        </a:spcAft>
        <a:defRPr sz="7600">
          <a:solidFill>
            <a:schemeClr val="tx2"/>
          </a:solidFill>
          <a:latin typeface="Arial" charset="0"/>
          <a:ea typeface="宋体" pitchFamily="2" charset="-122"/>
        </a:defRPr>
      </a:lvl3pPr>
      <a:lvl4pPr algn="ctr" defTabSz="1603377" rtl="0" eaLnBrk="0" fontAlgn="base" hangingPunct="0">
        <a:spcBef>
          <a:spcPct val="0"/>
        </a:spcBef>
        <a:spcAft>
          <a:spcPct val="0"/>
        </a:spcAft>
        <a:defRPr sz="7600">
          <a:solidFill>
            <a:schemeClr val="tx2"/>
          </a:solidFill>
          <a:latin typeface="Arial" charset="0"/>
          <a:ea typeface="宋体" pitchFamily="2" charset="-122"/>
        </a:defRPr>
      </a:lvl4pPr>
      <a:lvl5pPr algn="ctr" defTabSz="1603377" rtl="0" eaLnBrk="0" fontAlgn="base" hangingPunct="0">
        <a:spcBef>
          <a:spcPct val="0"/>
        </a:spcBef>
        <a:spcAft>
          <a:spcPct val="0"/>
        </a:spcAft>
        <a:defRPr sz="7600">
          <a:solidFill>
            <a:schemeClr val="tx2"/>
          </a:solidFill>
          <a:latin typeface="Arial" charset="0"/>
          <a:ea typeface="宋体" pitchFamily="2" charset="-122"/>
        </a:defRPr>
      </a:lvl5pPr>
      <a:lvl6pPr marL="914401" algn="ctr" defTabSz="1603377" rtl="0" fontAlgn="base">
        <a:spcBef>
          <a:spcPct val="0"/>
        </a:spcBef>
        <a:spcAft>
          <a:spcPct val="0"/>
        </a:spcAft>
        <a:defRPr sz="7600">
          <a:solidFill>
            <a:schemeClr val="tx2"/>
          </a:solidFill>
          <a:latin typeface="Arial" charset="0"/>
          <a:ea typeface="宋体" pitchFamily="2" charset="-122"/>
        </a:defRPr>
      </a:lvl6pPr>
      <a:lvl7pPr marL="1828800" algn="ctr" defTabSz="1603377" rtl="0" fontAlgn="base">
        <a:spcBef>
          <a:spcPct val="0"/>
        </a:spcBef>
        <a:spcAft>
          <a:spcPct val="0"/>
        </a:spcAft>
        <a:defRPr sz="7600">
          <a:solidFill>
            <a:schemeClr val="tx2"/>
          </a:solidFill>
          <a:latin typeface="Arial" charset="0"/>
          <a:ea typeface="宋体" pitchFamily="2" charset="-122"/>
        </a:defRPr>
      </a:lvl7pPr>
      <a:lvl8pPr marL="2743201" algn="ctr" defTabSz="1603377" rtl="0" fontAlgn="base">
        <a:spcBef>
          <a:spcPct val="0"/>
        </a:spcBef>
        <a:spcAft>
          <a:spcPct val="0"/>
        </a:spcAft>
        <a:defRPr sz="7600">
          <a:solidFill>
            <a:schemeClr val="tx2"/>
          </a:solidFill>
          <a:latin typeface="Arial" charset="0"/>
          <a:ea typeface="宋体" pitchFamily="2" charset="-122"/>
        </a:defRPr>
      </a:lvl8pPr>
      <a:lvl9pPr marL="3657599" algn="ctr" defTabSz="1603377" rtl="0" fontAlgn="base">
        <a:spcBef>
          <a:spcPct val="0"/>
        </a:spcBef>
        <a:spcAft>
          <a:spcPct val="0"/>
        </a:spcAft>
        <a:defRPr sz="7600">
          <a:solidFill>
            <a:schemeClr val="tx2"/>
          </a:solidFill>
          <a:latin typeface="Arial" charset="0"/>
          <a:ea typeface="宋体" pitchFamily="2" charset="-122"/>
        </a:defRPr>
      </a:lvl9pPr>
    </p:titleStyle>
    <p:bodyStyle>
      <a:lvl1pPr marL="600076" indent="-600076" algn="l" defTabSz="1603377" rtl="0" eaLnBrk="0" fontAlgn="base" hangingPunct="0">
        <a:spcBef>
          <a:spcPct val="20000"/>
        </a:spcBef>
        <a:spcAft>
          <a:spcPct val="0"/>
        </a:spcAft>
        <a:buChar char="•"/>
        <a:defRPr sz="5600">
          <a:solidFill>
            <a:schemeClr val="tx1"/>
          </a:solidFill>
          <a:latin typeface="+mn-lt"/>
          <a:ea typeface="+mn-ea"/>
          <a:cs typeface="+mn-cs"/>
        </a:defRPr>
      </a:lvl1pPr>
      <a:lvl2pPr marL="1304925" indent="-501650" algn="l" defTabSz="1603377" rtl="0" eaLnBrk="0" fontAlgn="base" hangingPunct="0">
        <a:spcBef>
          <a:spcPct val="20000"/>
        </a:spcBef>
        <a:spcAft>
          <a:spcPct val="0"/>
        </a:spcAft>
        <a:buChar char="–"/>
        <a:defRPr sz="5000">
          <a:solidFill>
            <a:schemeClr val="tx1"/>
          </a:solidFill>
          <a:latin typeface="+mn-lt"/>
          <a:ea typeface="+mn-ea"/>
        </a:defRPr>
      </a:lvl2pPr>
      <a:lvl3pPr marL="2006599" indent="-403227" algn="l" defTabSz="1603377" rtl="0" eaLnBrk="0" fontAlgn="base" hangingPunct="0">
        <a:spcBef>
          <a:spcPct val="20000"/>
        </a:spcBef>
        <a:spcAft>
          <a:spcPct val="0"/>
        </a:spcAft>
        <a:buChar char="•"/>
        <a:defRPr sz="4400">
          <a:solidFill>
            <a:schemeClr val="tx1"/>
          </a:solidFill>
          <a:latin typeface="+mn-lt"/>
          <a:ea typeface="+mn-ea"/>
        </a:defRPr>
      </a:lvl3pPr>
      <a:lvl4pPr marL="2803527" indent="-400050" algn="l" defTabSz="1603377" rtl="0" eaLnBrk="0" fontAlgn="base" hangingPunct="0">
        <a:spcBef>
          <a:spcPct val="20000"/>
        </a:spcBef>
        <a:spcAft>
          <a:spcPct val="0"/>
        </a:spcAft>
        <a:buChar char="–"/>
        <a:defRPr sz="3400">
          <a:solidFill>
            <a:schemeClr val="tx1"/>
          </a:solidFill>
          <a:latin typeface="+mn-lt"/>
          <a:ea typeface="+mn-ea"/>
        </a:defRPr>
      </a:lvl4pPr>
      <a:lvl5pPr marL="3606799" indent="-403227" algn="l" defTabSz="1603377" rtl="0" eaLnBrk="0" fontAlgn="base" hangingPunct="0">
        <a:spcBef>
          <a:spcPct val="20000"/>
        </a:spcBef>
        <a:spcAft>
          <a:spcPct val="0"/>
        </a:spcAft>
        <a:buChar char="»"/>
        <a:defRPr sz="3400">
          <a:solidFill>
            <a:schemeClr val="tx1"/>
          </a:solidFill>
          <a:latin typeface="+mn-lt"/>
          <a:ea typeface="+mn-ea"/>
        </a:defRPr>
      </a:lvl5pPr>
      <a:lvl6pPr marL="4521200" indent="-403227" algn="l" defTabSz="1603377" rtl="0" fontAlgn="base">
        <a:spcBef>
          <a:spcPct val="20000"/>
        </a:spcBef>
        <a:spcAft>
          <a:spcPct val="0"/>
        </a:spcAft>
        <a:buChar char="»"/>
        <a:defRPr sz="3400">
          <a:solidFill>
            <a:schemeClr val="tx1"/>
          </a:solidFill>
          <a:latin typeface="+mn-lt"/>
          <a:ea typeface="+mn-ea"/>
        </a:defRPr>
      </a:lvl6pPr>
      <a:lvl7pPr marL="5435599" indent="-403227" algn="l" defTabSz="1603377" rtl="0" fontAlgn="base">
        <a:spcBef>
          <a:spcPct val="20000"/>
        </a:spcBef>
        <a:spcAft>
          <a:spcPct val="0"/>
        </a:spcAft>
        <a:buChar char="»"/>
        <a:defRPr sz="3400">
          <a:solidFill>
            <a:schemeClr val="tx1"/>
          </a:solidFill>
          <a:latin typeface="+mn-lt"/>
          <a:ea typeface="+mn-ea"/>
        </a:defRPr>
      </a:lvl7pPr>
      <a:lvl8pPr marL="6350000" indent="-403227" algn="l" defTabSz="1603377" rtl="0" fontAlgn="base">
        <a:spcBef>
          <a:spcPct val="20000"/>
        </a:spcBef>
        <a:spcAft>
          <a:spcPct val="0"/>
        </a:spcAft>
        <a:buChar char="»"/>
        <a:defRPr sz="3400">
          <a:solidFill>
            <a:schemeClr val="tx1"/>
          </a:solidFill>
          <a:latin typeface="+mn-lt"/>
          <a:ea typeface="+mn-ea"/>
        </a:defRPr>
      </a:lvl8pPr>
      <a:lvl9pPr marL="7264399" indent="-403227" algn="l" defTabSz="1603377" rtl="0" fontAlgn="base">
        <a:spcBef>
          <a:spcPct val="20000"/>
        </a:spcBef>
        <a:spcAft>
          <a:spcPct val="0"/>
        </a:spcAft>
        <a:buChar char="»"/>
        <a:defRPr sz="3400">
          <a:solidFill>
            <a:schemeClr val="tx1"/>
          </a:solidFill>
          <a:latin typeface="+mn-lt"/>
          <a:ea typeface="+mn-ea"/>
        </a:defRPr>
      </a:lvl9pPr>
    </p:bodyStyle>
    <p:otherStyle>
      <a:defPPr>
        <a:defRPr lang="zh-CN"/>
      </a:defPPr>
      <a:lvl1pPr marL="0" algn="l" defTabSz="1828800" rtl="0" eaLnBrk="1" latinLnBrk="0" hangingPunct="1">
        <a:defRPr sz="3600" kern="1200">
          <a:solidFill>
            <a:schemeClr val="tx1"/>
          </a:solidFill>
          <a:latin typeface="+mn-lt"/>
          <a:ea typeface="+mn-ea"/>
          <a:cs typeface="+mn-cs"/>
        </a:defRPr>
      </a:lvl1pPr>
      <a:lvl2pPr marL="914401" algn="l" defTabSz="1828800" rtl="0" eaLnBrk="1" latinLnBrk="0" hangingPunct="1">
        <a:defRPr sz="3600" kern="1200">
          <a:solidFill>
            <a:schemeClr val="tx1"/>
          </a:solidFill>
          <a:latin typeface="+mn-lt"/>
          <a:ea typeface="+mn-ea"/>
          <a:cs typeface="+mn-cs"/>
        </a:defRPr>
      </a:lvl2pPr>
      <a:lvl3pPr marL="1828800" algn="l" defTabSz="1828800" rtl="0" eaLnBrk="1" latinLnBrk="0" hangingPunct="1">
        <a:defRPr sz="3600" kern="1200">
          <a:solidFill>
            <a:schemeClr val="tx1"/>
          </a:solidFill>
          <a:latin typeface="+mn-lt"/>
          <a:ea typeface="+mn-ea"/>
          <a:cs typeface="+mn-cs"/>
        </a:defRPr>
      </a:lvl3pPr>
      <a:lvl4pPr marL="2743201" algn="l" defTabSz="1828800" rtl="0" eaLnBrk="1" latinLnBrk="0" hangingPunct="1">
        <a:defRPr sz="3600" kern="1200">
          <a:solidFill>
            <a:schemeClr val="tx1"/>
          </a:solidFill>
          <a:latin typeface="+mn-lt"/>
          <a:ea typeface="+mn-ea"/>
          <a:cs typeface="+mn-cs"/>
        </a:defRPr>
      </a:lvl4pPr>
      <a:lvl5pPr marL="3657599" algn="l" defTabSz="1828800" rtl="0" eaLnBrk="1" latinLnBrk="0" hangingPunct="1">
        <a:defRPr sz="3600" kern="1200">
          <a:solidFill>
            <a:schemeClr val="tx1"/>
          </a:solidFill>
          <a:latin typeface="+mn-lt"/>
          <a:ea typeface="+mn-ea"/>
          <a:cs typeface="+mn-cs"/>
        </a:defRPr>
      </a:lvl5pPr>
      <a:lvl6pPr marL="4571998" algn="l" defTabSz="1828800" rtl="0" eaLnBrk="1" latinLnBrk="0" hangingPunct="1">
        <a:defRPr sz="3600" kern="1200">
          <a:solidFill>
            <a:schemeClr val="tx1"/>
          </a:solidFill>
          <a:latin typeface="+mn-lt"/>
          <a:ea typeface="+mn-ea"/>
          <a:cs typeface="+mn-cs"/>
        </a:defRPr>
      </a:lvl6pPr>
      <a:lvl7pPr marL="5486399" algn="l" defTabSz="1828800" rtl="0" eaLnBrk="1" latinLnBrk="0" hangingPunct="1">
        <a:defRPr sz="3600" kern="1200">
          <a:solidFill>
            <a:schemeClr val="tx1"/>
          </a:solidFill>
          <a:latin typeface="+mn-lt"/>
          <a:ea typeface="+mn-ea"/>
          <a:cs typeface="+mn-cs"/>
        </a:defRPr>
      </a:lvl7pPr>
      <a:lvl8pPr marL="6400800" algn="l" defTabSz="1828800" rtl="0" eaLnBrk="1" latinLnBrk="0" hangingPunct="1">
        <a:defRPr sz="3600" kern="1200">
          <a:solidFill>
            <a:schemeClr val="tx1"/>
          </a:solidFill>
          <a:latin typeface="+mn-lt"/>
          <a:ea typeface="+mn-ea"/>
          <a:cs typeface="+mn-cs"/>
        </a:defRPr>
      </a:lvl8pPr>
      <a:lvl9pPr marL="7315199" algn="l" defTabSz="1828800" rtl="0" eaLnBrk="1" latinLnBrk="0" hangingPunct="1">
        <a:defRPr sz="36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3" name="矩形 2"/>
          <p:cNvSpPr/>
          <p:nvPr userDrawn="1"/>
        </p:nvSpPr>
        <p:spPr bwMode="auto">
          <a:xfrm>
            <a:off x="9526" y="0"/>
            <a:ext cx="18281649" cy="10290175"/>
          </a:xfrm>
          <a:prstGeom prst="rect">
            <a:avLst/>
          </a:prstGeom>
          <a:solidFill>
            <a:schemeClr val="bg1">
              <a:lumMod val="95000"/>
            </a:schemeClr>
          </a:solidFill>
          <a:ln>
            <a:noFill/>
          </a:ln>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773" tIns="91386" rIns="182773" bIns="91386" numCol="1" rtlCol="0" anchor="t" anchorCtr="0" compatLnSpc="1">
            <a:prstTxWarp prst="textNoShape">
              <a:avLst/>
            </a:prstTxWarp>
          </a:bodyPr>
          <a:lstStyle/>
          <a:p>
            <a:pPr defTabSz="1827701">
              <a:buClr>
                <a:srgbClr val="CC9900"/>
              </a:buClr>
              <a:buFont typeface="Wingdings" pitchFamily="2" charset="2"/>
              <a:buChar char="n"/>
            </a:pPr>
            <a:endParaRPr lang="zh-CN" altLang="en-US" sz="3600" dirty="0" smtClean="0">
              <a:solidFill>
                <a:srgbClr val="000000"/>
              </a:solidFill>
              <a:latin typeface="Arial" charset="0"/>
              <a:ea typeface="宋体" charset="-122"/>
            </a:endParaRPr>
          </a:p>
        </p:txBody>
      </p:sp>
      <p:grpSp>
        <p:nvGrpSpPr>
          <p:cNvPr id="2" name="组合 3"/>
          <p:cNvGrpSpPr/>
          <p:nvPr userDrawn="1"/>
        </p:nvGrpSpPr>
        <p:grpSpPr>
          <a:xfrm>
            <a:off x="0" y="10179017"/>
            <a:ext cx="18291175" cy="111158"/>
            <a:chOff x="0" y="5087938"/>
            <a:chExt cx="9144000" cy="55562"/>
          </a:xfrm>
        </p:grpSpPr>
        <p:pic>
          <p:nvPicPr>
            <p:cNvPr id="5" name="Picture 2" descr="E:\01 日常工作\10 多媒体\PPT内部汇报用模板\红条.jpg"/>
            <p:cNvPicPr>
              <a:picLocks noChangeAspect="1" noChangeArrowheads="1"/>
            </p:cNvPicPr>
            <p:nvPr userDrawn="1"/>
          </p:nvPicPr>
          <p:blipFill>
            <a:blip r:embed="rId3" cstate="screen"/>
            <a:srcRect/>
            <a:stretch>
              <a:fillRect/>
            </a:stretch>
          </p:blipFill>
          <p:spPr bwMode="auto">
            <a:xfrm>
              <a:off x="0" y="5087938"/>
              <a:ext cx="8616950" cy="55562"/>
            </a:xfrm>
            <a:prstGeom prst="rect">
              <a:avLst/>
            </a:prstGeom>
            <a:noFill/>
          </p:spPr>
        </p:pic>
        <p:pic>
          <p:nvPicPr>
            <p:cNvPr id="6" name="Picture 2" descr="E:\01 日常工作\10 多媒体\PPT内部汇报用模板\红条.jpg"/>
            <p:cNvPicPr>
              <a:picLocks noChangeAspect="1" noChangeArrowheads="1"/>
            </p:cNvPicPr>
            <p:nvPr userDrawn="1"/>
          </p:nvPicPr>
          <p:blipFill>
            <a:blip r:embed="rId3" cstate="screen"/>
            <a:srcRect/>
            <a:stretch>
              <a:fillRect/>
            </a:stretch>
          </p:blipFill>
          <p:spPr bwMode="auto">
            <a:xfrm>
              <a:off x="527050" y="5087938"/>
              <a:ext cx="8616950" cy="55562"/>
            </a:xfrm>
            <a:prstGeom prst="rect">
              <a:avLst/>
            </a:prstGeom>
            <a:noFill/>
          </p:spPr>
        </p:pic>
      </p:grpSp>
      <p:pic>
        <p:nvPicPr>
          <p:cNvPr id="8" name="Picture 2" descr="C:\Users\z00124665\Desktop\HW LOGO(横版）.png"/>
          <p:cNvPicPr>
            <a:picLocks noChangeAspect="1" noChangeArrowheads="1"/>
          </p:cNvPicPr>
          <p:nvPr userDrawn="1"/>
        </p:nvPicPr>
        <p:blipFill>
          <a:blip r:embed="rId4" cstate="screen"/>
          <a:srcRect/>
          <a:stretch>
            <a:fillRect/>
          </a:stretch>
        </p:blipFill>
        <p:spPr bwMode="auto">
          <a:xfrm>
            <a:off x="15135444" y="9378768"/>
            <a:ext cx="2500736" cy="609236"/>
          </a:xfrm>
          <a:prstGeom prst="rect">
            <a:avLst/>
          </a:prstGeom>
          <a:noFill/>
        </p:spPr>
      </p:pic>
      <p:sp>
        <p:nvSpPr>
          <p:cNvPr id="9" name="Rectangle 5"/>
          <p:cNvSpPr>
            <a:spLocks noChangeArrowheads="1"/>
          </p:cNvSpPr>
          <p:nvPr userDrawn="1"/>
        </p:nvSpPr>
        <p:spPr bwMode="auto">
          <a:xfrm>
            <a:off x="6082105" y="9754139"/>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mn-ea"/>
              </a:rPr>
              <a:pPr eaLnBrk="0" hangingPunct="0">
                <a:lnSpc>
                  <a:spcPct val="85000"/>
                </a:lnSpc>
                <a:defRPr/>
              </a:pPr>
              <a:t>‹#›</a:t>
            </a:fld>
            <a:endParaRPr lang="en-GB" altLang="zh-CN" dirty="0">
              <a:solidFill>
                <a:srgbClr val="FFFFFF">
                  <a:lumMod val="65000"/>
                </a:srgbClr>
              </a:solidFill>
              <a:latin typeface="FrutigerNext LT Medium"/>
              <a:ea typeface="+mn-ea"/>
            </a:endParaRPr>
          </a:p>
        </p:txBody>
      </p:sp>
      <p:pic>
        <p:nvPicPr>
          <p:cNvPr id="10" name="Picture 2" descr="C:\Users\z00124665\Desktop\图形1.wmf"/>
          <p:cNvPicPr>
            <a:picLocks noChangeAspect="1" noChangeArrowheads="1"/>
          </p:cNvPicPr>
          <p:nvPr userDrawn="1"/>
        </p:nvPicPr>
        <p:blipFill>
          <a:blip r:embed="rId5" cstate="screen"/>
          <a:srcRect/>
          <a:stretch>
            <a:fillRect/>
          </a:stretch>
        </p:blipFill>
        <p:spPr bwMode="auto">
          <a:xfrm>
            <a:off x="644647" y="9727402"/>
            <a:ext cx="5312696" cy="242009"/>
          </a:xfrm>
          <a:prstGeom prst="rect">
            <a:avLst/>
          </a:prstGeom>
          <a:noFill/>
        </p:spPr>
      </p:pic>
      <p:pic>
        <p:nvPicPr>
          <p:cNvPr id="11" name="Picture 2" descr="C:\Users\z00124665\Desktop\A BETTER WAY SOLUTIONS.wmf"/>
          <p:cNvPicPr>
            <a:picLocks noChangeAspect="1" noChangeArrowheads="1"/>
          </p:cNvPicPr>
          <p:nvPr userDrawn="1"/>
        </p:nvPicPr>
        <p:blipFill>
          <a:blip r:embed="rId6" cstate="screen"/>
          <a:srcRect/>
          <a:stretch>
            <a:fillRect/>
          </a:stretch>
        </p:blipFill>
        <p:spPr bwMode="auto">
          <a:xfrm>
            <a:off x="11136659" y="354550"/>
            <a:ext cx="6541636" cy="182192"/>
          </a:xfrm>
          <a:prstGeom prst="rect">
            <a:avLst/>
          </a:prstGeom>
          <a:noFill/>
        </p:spPr>
      </p:pic>
    </p:spTree>
  </p:cSld>
  <p:clrMap bg1="lt1" tx1="dk1" bg2="lt2" tx2="dk2" accent1="accent1" accent2="accent2" accent3="accent3" accent4="accent4" accent5="accent5" accent6="accent6" hlink="hlink" folHlink="folHlink"/>
  <p:sldLayoutIdLst>
    <p:sldLayoutId id="2147485179"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lnSpc>
          <a:spcPct val="140000"/>
        </a:lnSpc>
        <a:spcBef>
          <a:spcPct val="0"/>
        </a:spcBef>
        <a:spcAft>
          <a:spcPct val="0"/>
        </a:spcAft>
        <a:buClr>
          <a:srgbClr val="808080"/>
        </a:buClr>
        <a:buSzPct val="60000"/>
        <a:buFont typeface="Wingdings" pitchFamily="2" charset="2"/>
        <a:buChar char="l"/>
        <a:defRPr sz="4800" b="1">
          <a:solidFill>
            <a:schemeClr val="bg1"/>
          </a:solidFill>
          <a:latin typeface="FrutigerNext LT Regular" pitchFamily="34" charset="0"/>
          <a:ea typeface="黑体" pitchFamily="49" charset="-122"/>
          <a:cs typeface="+mn-cs"/>
        </a:defRPr>
      </a:lvl1pPr>
      <a:lvl2pPr marL="1485005" indent="-571158" algn="l" rtl="0" eaLnBrk="0" fontAlgn="base" hangingPunct="0">
        <a:lnSpc>
          <a:spcPct val="140000"/>
        </a:lnSpc>
        <a:spcBef>
          <a:spcPct val="0"/>
        </a:spcBef>
        <a:spcAft>
          <a:spcPct val="0"/>
        </a:spcAft>
        <a:buSzPct val="50000"/>
        <a:buFont typeface="Wingdings" pitchFamily="2" charset="2"/>
        <a:buChar char="p"/>
        <a:defRPr>
          <a:solidFill>
            <a:schemeClr val="bg1"/>
          </a:solidFill>
          <a:latin typeface="+mn-lt"/>
          <a:ea typeface="+mn-ea"/>
          <a:cs typeface="+mn-cs"/>
        </a:defRPr>
      </a:lvl2pPr>
      <a:lvl3pPr marL="2284625" indent="-456923" algn="l" rtl="0" eaLnBrk="0" fontAlgn="base" hangingPunct="0">
        <a:lnSpc>
          <a:spcPct val="140000"/>
        </a:lnSpc>
        <a:spcBef>
          <a:spcPct val="0"/>
        </a:spcBef>
        <a:spcAft>
          <a:spcPct val="0"/>
        </a:spcAft>
        <a:buSzPct val="50000"/>
        <a:buFont typeface="Wingdings" pitchFamily="2" charset="2"/>
        <a:buChar char="n"/>
        <a:defRPr sz="3200">
          <a:solidFill>
            <a:schemeClr val="bg1"/>
          </a:solidFill>
          <a:latin typeface="FrutigerNext LT Regular" pitchFamily="34" charset="0"/>
          <a:ea typeface="+mn-ea"/>
          <a:cs typeface="+mn-cs"/>
        </a:defRPr>
      </a:lvl3pPr>
      <a:lvl4pPr marL="3198480" indent="-456923" algn="l" rtl="0" eaLnBrk="0" fontAlgn="base" hangingPunct="0">
        <a:lnSpc>
          <a:spcPct val="140000"/>
        </a:lnSpc>
        <a:spcBef>
          <a:spcPct val="0"/>
        </a:spcBef>
        <a:spcAft>
          <a:spcPct val="0"/>
        </a:spcAft>
        <a:buChar char="–"/>
        <a:defRPr sz="2800">
          <a:solidFill>
            <a:schemeClr val="bg1"/>
          </a:solidFill>
          <a:latin typeface="FrutigerNext LT Regular" pitchFamily="34" charset="0"/>
          <a:ea typeface="+mn-ea"/>
          <a:cs typeface="+mn-cs"/>
        </a:defRPr>
      </a:lvl4pPr>
      <a:lvl5pPr marL="4112330" indent="-456923" algn="l" rtl="0" eaLnBrk="0" fontAlgn="base" hangingPunct="0">
        <a:lnSpc>
          <a:spcPct val="140000"/>
        </a:lnSpc>
        <a:spcBef>
          <a:spcPct val="0"/>
        </a:spcBef>
        <a:spcAft>
          <a:spcPct val="0"/>
        </a:spcAft>
        <a:buFont typeface="Arial" pitchFamily="34" charset="0"/>
        <a:buChar char="~"/>
        <a:defRPr sz="2400">
          <a:solidFill>
            <a:schemeClr val="bg1"/>
          </a:solidFill>
          <a:latin typeface="FrutigerNext LT Regular" pitchFamily="34" charset="0"/>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5" name="矩形 74"/>
          <p:cNvSpPr/>
          <p:nvPr userDrawn="1"/>
        </p:nvSpPr>
        <p:spPr bwMode="auto">
          <a:xfrm>
            <a:off x="0" y="0"/>
            <a:ext cx="18291175" cy="10290175"/>
          </a:xfrm>
          <a:prstGeom prst="rect">
            <a:avLst/>
          </a:prstGeom>
          <a:solidFill>
            <a:schemeClr val="bg1">
              <a:lumMod val="9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773" tIns="91386" rIns="182773" bIns="91386"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a typeface="宋体" charset="-122"/>
            </a:endParaRPr>
          </a:p>
        </p:txBody>
      </p:sp>
      <p:pic>
        <p:nvPicPr>
          <p:cNvPr id="9" name="Picture 2" descr="C:\Users\z00124665\Desktop\HW LOGO(横版）.png"/>
          <p:cNvPicPr>
            <a:picLocks noChangeAspect="1" noChangeArrowheads="1"/>
          </p:cNvPicPr>
          <p:nvPr userDrawn="1"/>
        </p:nvPicPr>
        <p:blipFill>
          <a:blip r:embed="rId5" cstate="screen"/>
          <a:srcRect/>
          <a:stretch>
            <a:fillRect/>
          </a:stretch>
        </p:blipFill>
        <p:spPr bwMode="auto">
          <a:xfrm>
            <a:off x="15135448" y="9378768"/>
            <a:ext cx="2500736" cy="609236"/>
          </a:xfrm>
          <a:prstGeom prst="rect">
            <a:avLst/>
          </a:prstGeom>
          <a:noFill/>
        </p:spPr>
      </p:pic>
      <p:sp>
        <p:nvSpPr>
          <p:cNvPr id="12" name="Rectangle 5"/>
          <p:cNvSpPr>
            <a:spLocks noChangeArrowheads="1"/>
          </p:cNvSpPr>
          <p:nvPr userDrawn="1"/>
        </p:nvSpPr>
        <p:spPr bwMode="auto">
          <a:xfrm>
            <a:off x="6082109" y="9754141"/>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0" name="Picture 2" descr="C:\Users\z00124665\Desktop\图形1.wmf"/>
          <p:cNvPicPr>
            <a:picLocks noChangeAspect="1" noChangeArrowheads="1"/>
          </p:cNvPicPr>
          <p:nvPr userDrawn="1"/>
        </p:nvPicPr>
        <p:blipFill>
          <a:blip r:embed="rId6" cstate="screen"/>
          <a:srcRect/>
          <a:stretch>
            <a:fillRect/>
          </a:stretch>
        </p:blipFill>
        <p:spPr bwMode="auto">
          <a:xfrm>
            <a:off x="644647" y="9727404"/>
            <a:ext cx="5312696" cy="242009"/>
          </a:xfrm>
          <a:prstGeom prst="rect">
            <a:avLst/>
          </a:prstGeom>
          <a:noFill/>
        </p:spPr>
      </p:pic>
      <p:pic>
        <p:nvPicPr>
          <p:cNvPr id="15" name="Picture 14" descr="C:\Users\z00124665\Desktop\color bar [转换].wmf"/>
          <p:cNvPicPr>
            <a:picLocks noChangeAspect="1" noChangeArrowheads="1"/>
          </p:cNvPicPr>
          <p:nvPr userDrawn="1"/>
        </p:nvPicPr>
        <p:blipFill>
          <a:blip r:embed="rId7" cstate="screen"/>
          <a:srcRect/>
          <a:stretch>
            <a:fillRect/>
          </a:stretch>
        </p:blipFill>
        <p:spPr bwMode="auto">
          <a:xfrm>
            <a:off x="11" y="10160439"/>
            <a:ext cx="18291177" cy="148794"/>
          </a:xfrm>
          <a:prstGeom prst="rect">
            <a:avLst/>
          </a:prstGeom>
          <a:noFill/>
        </p:spPr>
      </p:pic>
      <p:pic>
        <p:nvPicPr>
          <p:cNvPr id="11" name="Picture 2" descr="C:\Users\z00124665\Desktop\A BETTER WAY SOLUTIONS.wmf"/>
          <p:cNvPicPr>
            <a:picLocks noChangeAspect="1" noChangeArrowheads="1"/>
          </p:cNvPicPr>
          <p:nvPr userDrawn="1"/>
        </p:nvPicPr>
        <p:blipFill>
          <a:blip r:embed="rId8" cstate="screen"/>
          <a:srcRect/>
          <a:stretch>
            <a:fillRect/>
          </a:stretch>
        </p:blipFill>
        <p:spPr bwMode="auto">
          <a:xfrm>
            <a:off x="11136659" y="354550"/>
            <a:ext cx="6541636" cy="182192"/>
          </a:xfrm>
          <a:prstGeom prst="rect">
            <a:avLst/>
          </a:prstGeom>
          <a:noFill/>
        </p:spPr>
      </p:pic>
    </p:spTree>
  </p:cSld>
  <p:clrMap bg1="lt1" tx1="dk1" bg2="lt2" tx2="dk2" accent1="accent1" accent2="accent2" accent3="accent3" accent4="accent4" accent5="accent5" accent6="accent6" hlink="hlink" folHlink="folHlink"/>
  <p:sldLayoutIdLst>
    <p:sldLayoutId id="2147485182" r:id="rId1"/>
    <p:sldLayoutId id="2147485183" r:id="rId2"/>
    <p:sldLayoutId id="2147485309" r:id="rId3"/>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lnSpc>
          <a:spcPct val="140000"/>
        </a:lnSpc>
        <a:spcBef>
          <a:spcPct val="0"/>
        </a:spcBef>
        <a:spcAft>
          <a:spcPct val="0"/>
        </a:spcAft>
        <a:buClr>
          <a:srgbClr val="777777"/>
        </a:buClr>
        <a:buSzPct val="60000"/>
        <a:buFont typeface="Wingdings" pitchFamily="2" charset="2"/>
        <a:buChar char="l"/>
        <a:defRPr sz="4000" b="1">
          <a:solidFill>
            <a:schemeClr val="tx1"/>
          </a:solidFill>
          <a:latin typeface="FrutigerNext LT Regular" pitchFamily="34" charset="0"/>
          <a:ea typeface="黑体" pitchFamily="49" charset="-122"/>
          <a:cs typeface="+mn-cs"/>
        </a:defRPr>
      </a:lvl1pPr>
      <a:lvl2pPr marL="1485005" indent="-571158"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2284625" indent="-456923" algn="l" rtl="0" eaLnBrk="0" fontAlgn="base" hangingPunct="0">
        <a:lnSpc>
          <a:spcPct val="140000"/>
        </a:lnSpc>
        <a:spcBef>
          <a:spcPct val="0"/>
        </a:spcBef>
        <a:spcAft>
          <a:spcPct val="0"/>
        </a:spcAft>
        <a:buSzPct val="50000"/>
        <a:buFont typeface="Wingdings" pitchFamily="2" charset="2"/>
        <a:buChar char="n"/>
        <a:defRPr sz="3200">
          <a:solidFill>
            <a:schemeClr val="tx1"/>
          </a:solidFill>
          <a:latin typeface="FrutigerNext LT Regular" pitchFamily="34" charset="0"/>
          <a:ea typeface="+mn-ea"/>
          <a:cs typeface="+mn-cs"/>
        </a:defRPr>
      </a:lvl3pPr>
      <a:lvl4pPr marL="3198480" indent="-456923" algn="l" rtl="0" eaLnBrk="0" fontAlgn="base" hangingPunct="0">
        <a:lnSpc>
          <a:spcPct val="140000"/>
        </a:lnSpc>
        <a:spcBef>
          <a:spcPct val="0"/>
        </a:spcBef>
        <a:spcAft>
          <a:spcPct val="0"/>
        </a:spcAft>
        <a:buChar char="–"/>
        <a:defRPr sz="2800">
          <a:solidFill>
            <a:schemeClr val="tx1"/>
          </a:solidFill>
          <a:latin typeface="FrutigerNext LT Regular" pitchFamily="34" charset="0"/>
          <a:ea typeface="+mn-ea"/>
          <a:cs typeface="+mn-cs"/>
        </a:defRPr>
      </a:lvl4pPr>
      <a:lvl5pPr marL="4112330" indent="-456923" algn="l" rtl="0" eaLnBrk="0" fontAlgn="base" hangingPunct="0">
        <a:lnSpc>
          <a:spcPct val="140000"/>
        </a:lnSpc>
        <a:spcBef>
          <a:spcPct val="0"/>
        </a:spcBef>
        <a:spcAft>
          <a:spcPct val="0"/>
        </a:spcAft>
        <a:buFont typeface="Arial" pitchFamily="34" charset="0"/>
        <a:buChar char="~"/>
        <a:defRPr sz="2400">
          <a:solidFill>
            <a:schemeClr val="tx1"/>
          </a:solidFill>
          <a:latin typeface="FrutigerNext LT Regular" pitchFamily="34" charset="0"/>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3" name="矩形 2"/>
          <p:cNvSpPr/>
          <p:nvPr userDrawn="1"/>
        </p:nvSpPr>
        <p:spPr bwMode="auto">
          <a:xfrm>
            <a:off x="9526" y="0"/>
            <a:ext cx="18281649" cy="10290175"/>
          </a:xfrm>
          <a:prstGeom prst="rect">
            <a:avLst/>
          </a:prstGeom>
          <a:solidFill>
            <a:schemeClr val="bg1">
              <a:lumMod val="95000"/>
            </a:schemeClr>
          </a:solid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773" tIns="91386" rIns="182773" bIns="91386"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a typeface="宋体" charset="-122"/>
            </a:endParaRPr>
          </a:p>
        </p:txBody>
      </p:sp>
      <p:grpSp>
        <p:nvGrpSpPr>
          <p:cNvPr id="2" name="组合 3"/>
          <p:cNvGrpSpPr/>
          <p:nvPr userDrawn="1"/>
        </p:nvGrpSpPr>
        <p:grpSpPr>
          <a:xfrm>
            <a:off x="0" y="10179017"/>
            <a:ext cx="18291175" cy="111158"/>
            <a:chOff x="0" y="5087938"/>
            <a:chExt cx="9144000" cy="55562"/>
          </a:xfrm>
        </p:grpSpPr>
        <p:pic>
          <p:nvPicPr>
            <p:cNvPr id="5" name="Picture 2" descr="E:\01 日常工作\10 多媒体\PPT内部汇报用模板\红条.jpg"/>
            <p:cNvPicPr>
              <a:picLocks noChangeAspect="1" noChangeArrowheads="1"/>
            </p:cNvPicPr>
            <p:nvPr userDrawn="1"/>
          </p:nvPicPr>
          <p:blipFill>
            <a:blip r:embed="rId24" cstate="screen"/>
            <a:srcRect/>
            <a:stretch>
              <a:fillRect/>
            </a:stretch>
          </p:blipFill>
          <p:spPr bwMode="auto">
            <a:xfrm>
              <a:off x="0" y="5087938"/>
              <a:ext cx="8616950" cy="55562"/>
            </a:xfrm>
            <a:prstGeom prst="rect">
              <a:avLst/>
            </a:prstGeom>
            <a:noFill/>
          </p:spPr>
        </p:pic>
        <p:pic>
          <p:nvPicPr>
            <p:cNvPr id="6" name="Picture 2" descr="E:\01 日常工作\10 多媒体\PPT内部汇报用模板\红条.jpg"/>
            <p:cNvPicPr>
              <a:picLocks noChangeAspect="1" noChangeArrowheads="1"/>
            </p:cNvPicPr>
            <p:nvPr userDrawn="1"/>
          </p:nvPicPr>
          <p:blipFill>
            <a:blip r:embed="rId24" cstate="screen"/>
            <a:srcRect/>
            <a:stretch>
              <a:fillRect/>
            </a:stretch>
          </p:blipFill>
          <p:spPr bwMode="auto">
            <a:xfrm>
              <a:off x="527050" y="5087938"/>
              <a:ext cx="8616950" cy="55562"/>
            </a:xfrm>
            <a:prstGeom prst="rect">
              <a:avLst/>
            </a:prstGeom>
            <a:noFill/>
          </p:spPr>
        </p:pic>
      </p:grpSp>
      <p:pic>
        <p:nvPicPr>
          <p:cNvPr id="8" name="Picture 2" descr="C:\Users\z00124665\Desktop\HW LOGO(横版）.png"/>
          <p:cNvPicPr>
            <a:picLocks noChangeAspect="1" noChangeArrowheads="1"/>
          </p:cNvPicPr>
          <p:nvPr userDrawn="1"/>
        </p:nvPicPr>
        <p:blipFill>
          <a:blip r:embed="rId25" cstate="screen"/>
          <a:srcRect/>
          <a:stretch>
            <a:fillRect/>
          </a:stretch>
        </p:blipFill>
        <p:spPr bwMode="auto">
          <a:xfrm>
            <a:off x="15135444" y="9378768"/>
            <a:ext cx="2500736" cy="609236"/>
          </a:xfrm>
          <a:prstGeom prst="rect">
            <a:avLst/>
          </a:prstGeom>
          <a:noFill/>
        </p:spPr>
      </p:pic>
      <p:sp>
        <p:nvSpPr>
          <p:cNvPr id="9" name="Rectangle 5"/>
          <p:cNvSpPr>
            <a:spLocks noChangeArrowheads="1"/>
          </p:cNvSpPr>
          <p:nvPr userDrawn="1"/>
        </p:nvSpPr>
        <p:spPr bwMode="auto">
          <a:xfrm>
            <a:off x="6082105" y="9754139"/>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0" name="Picture 2" descr="C:\Users\z00124665\Desktop\图形1.wmf"/>
          <p:cNvPicPr>
            <a:picLocks noChangeAspect="1" noChangeArrowheads="1"/>
          </p:cNvPicPr>
          <p:nvPr userDrawn="1"/>
        </p:nvPicPr>
        <p:blipFill>
          <a:blip r:embed="rId26" cstate="screen"/>
          <a:srcRect/>
          <a:stretch>
            <a:fillRect/>
          </a:stretch>
        </p:blipFill>
        <p:spPr bwMode="auto">
          <a:xfrm>
            <a:off x="644647" y="9727402"/>
            <a:ext cx="5312696" cy="242009"/>
          </a:xfrm>
          <a:prstGeom prst="rect">
            <a:avLst/>
          </a:prstGeom>
          <a:noFill/>
        </p:spPr>
      </p:pic>
      <p:pic>
        <p:nvPicPr>
          <p:cNvPr id="11" name="Picture 2" descr="C:\Users\z00124665\Desktop\A BETTER WAY SOLUTIONS.wmf"/>
          <p:cNvPicPr>
            <a:picLocks noChangeAspect="1" noChangeArrowheads="1"/>
          </p:cNvPicPr>
          <p:nvPr userDrawn="1"/>
        </p:nvPicPr>
        <p:blipFill>
          <a:blip r:embed="rId27" cstate="screen"/>
          <a:srcRect/>
          <a:stretch>
            <a:fillRect/>
          </a:stretch>
        </p:blipFill>
        <p:spPr bwMode="auto">
          <a:xfrm>
            <a:off x="11136659" y="354550"/>
            <a:ext cx="6541636" cy="182192"/>
          </a:xfrm>
          <a:prstGeom prst="rect">
            <a:avLst/>
          </a:prstGeom>
          <a:noFill/>
        </p:spPr>
      </p:pic>
    </p:spTree>
  </p:cSld>
  <p:clrMap bg1="lt1" tx1="dk1" bg2="lt2" tx2="dk2" accent1="accent1" accent2="accent2" accent3="accent3" accent4="accent4" accent5="accent5" accent6="accent6" hlink="hlink" folHlink="folHlink"/>
  <p:sldLayoutIdLst>
    <p:sldLayoutId id="2147485219" r:id="rId1"/>
    <p:sldLayoutId id="2147485220" r:id="rId2"/>
    <p:sldLayoutId id="2147485221" r:id="rId3"/>
    <p:sldLayoutId id="2147485224" r:id="rId4"/>
    <p:sldLayoutId id="2147485225" r:id="rId5"/>
    <p:sldLayoutId id="2147485226" r:id="rId6"/>
    <p:sldLayoutId id="2147485227" r:id="rId7"/>
    <p:sldLayoutId id="2147485229" r:id="rId8"/>
    <p:sldLayoutId id="2147485230" r:id="rId9"/>
    <p:sldLayoutId id="2147485231" r:id="rId10"/>
    <p:sldLayoutId id="2147485232" r:id="rId11"/>
    <p:sldLayoutId id="2147485233" r:id="rId12"/>
    <p:sldLayoutId id="2147485234" r:id="rId13"/>
    <p:sldLayoutId id="2147485235" r:id="rId14"/>
    <p:sldLayoutId id="2147485236" r:id="rId15"/>
    <p:sldLayoutId id="2147485237" r:id="rId16"/>
    <p:sldLayoutId id="2147485238" r:id="rId17"/>
    <p:sldLayoutId id="2147485239" r:id="rId18"/>
    <p:sldLayoutId id="2147485240" r:id="rId19"/>
    <p:sldLayoutId id="2147485241" r:id="rId20"/>
    <p:sldLayoutId id="2147485242" r:id="rId21"/>
    <p:sldLayoutId id="2147485253" r:id="rId22"/>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lnSpc>
          <a:spcPct val="140000"/>
        </a:lnSpc>
        <a:spcBef>
          <a:spcPct val="0"/>
        </a:spcBef>
        <a:spcAft>
          <a:spcPct val="0"/>
        </a:spcAft>
        <a:buClr>
          <a:srgbClr val="808080"/>
        </a:buClr>
        <a:buSzPct val="60000"/>
        <a:buFont typeface="Wingdings" pitchFamily="2" charset="2"/>
        <a:buChar char="l"/>
        <a:defRPr sz="4800" b="1">
          <a:solidFill>
            <a:schemeClr val="bg1"/>
          </a:solidFill>
          <a:latin typeface="FrutigerNext LT Regular" pitchFamily="34" charset="0"/>
          <a:ea typeface="黑体" pitchFamily="49" charset="-122"/>
          <a:cs typeface="+mn-cs"/>
        </a:defRPr>
      </a:lvl1pPr>
      <a:lvl2pPr marL="1485005" indent="-571158" algn="l" rtl="0" eaLnBrk="0" fontAlgn="base" hangingPunct="0">
        <a:lnSpc>
          <a:spcPct val="140000"/>
        </a:lnSpc>
        <a:spcBef>
          <a:spcPct val="0"/>
        </a:spcBef>
        <a:spcAft>
          <a:spcPct val="0"/>
        </a:spcAft>
        <a:buSzPct val="50000"/>
        <a:buFont typeface="Wingdings" pitchFamily="2" charset="2"/>
        <a:buChar char="p"/>
        <a:defRPr>
          <a:solidFill>
            <a:schemeClr val="bg1"/>
          </a:solidFill>
          <a:latin typeface="+mn-lt"/>
          <a:ea typeface="+mn-ea"/>
          <a:cs typeface="+mn-cs"/>
        </a:defRPr>
      </a:lvl2pPr>
      <a:lvl3pPr marL="2284625" indent="-456923" algn="l" rtl="0" eaLnBrk="0" fontAlgn="base" hangingPunct="0">
        <a:lnSpc>
          <a:spcPct val="140000"/>
        </a:lnSpc>
        <a:spcBef>
          <a:spcPct val="0"/>
        </a:spcBef>
        <a:spcAft>
          <a:spcPct val="0"/>
        </a:spcAft>
        <a:buSzPct val="50000"/>
        <a:buFont typeface="Wingdings" pitchFamily="2" charset="2"/>
        <a:buChar char="n"/>
        <a:defRPr sz="3200">
          <a:solidFill>
            <a:schemeClr val="bg1"/>
          </a:solidFill>
          <a:latin typeface="FrutigerNext LT Regular" pitchFamily="34" charset="0"/>
          <a:ea typeface="+mn-ea"/>
          <a:cs typeface="+mn-cs"/>
        </a:defRPr>
      </a:lvl3pPr>
      <a:lvl4pPr marL="3198480" indent="-456923" algn="l" rtl="0" eaLnBrk="0" fontAlgn="base" hangingPunct="0">
        <a:lnSpc>
          <a:spcPct val="140000"/>
        </a:lnSpc>
        <a:spcBef>
          <a:spcPct val="0"/>
        </a:spcBef>
        <a:spcAft>
          <a:spcPct val="0"/>
        </a:spcAft>
        <a:buChar char="–"/>
        <a:defRPr sz="2800">
          <a:solidFill>
            <a:schemeClr val="bg1"/>
          </a:solidFill>
          <a:latin typeface="FrutigerNext LT Regular" pitchFamily="34" charset="0"/>
          <a:ea typeface="+mn-ea"/>
          <a:cs typeface="+mn-cs"/>
        </a:defRPr>
      </a:lvl4pPr>
      <a:lvl5pPr marL="4112330" indent="-456923" algn="l" rtl="0" eaLnBrk="0" fontAlgn="base" hangingPunct="0">
        <a:lnSpc>
          <a:spcPct val="140000"/>
        </a:lnSpc>
        <a:spcBef>
          <a:spcPct val="0"/>
        </a:spcBef>
        <a:spcAft>
          <a:spcPct val="0"/>
        </a:spcAft>
        <a:buFont typeface="Arial" pitchFamily="34" charset="0"/>
        <a:buChar char="~"/>
        <a:defRPr sz="2400">
          <a:solidFill>
            <a:schemeClr val="bg1"/>
          </a:solidFill>
          <a:latin typeface="FrutigerNext LT Regular" pitchFamily="34" charset="0"/>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3" name="矩形 2"/>
          <p:cNvSpPr/>
          <p:nvPr userDrawn="1"/>
        </p:nvSpPr>
        <p:spPr bwMode="auto">
          <a:xfrm>
            <a:off x="9526" y="0"/>
            <a:ext cx="18281649" cy="10290175"/>
          </a:xfrm>
          <a:prstGeom prst="rect">
            <a:avLst/>
          </a:prstGeom>
          <a:solidFill>
            <a:schemeClr val="bg1">
              <a:lumMod val="95000"/>
            </a:schemeClr>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773" tIns="91386" rIns="182773" bIns="91386" numCol="1" rtlCol="0" anchor="t" anchorCtr="0" compatLnSpc="1">
            <a:prstTxWarp prst="textNoShape">
              <a:avLst/>
            </a:prstTxWarp>
          </a:bodyPr>
          <a:lstStyle/>
          <a:p>
            <a:pPr defTabSz="1827701">
              <a:buClr>
                <a:srgbClr val="CC9900"/>
              </a:buClr>
              <a:buFont typeface="Wingdings" pitchFamily="2" charset="2"/>
              <a:buChar char="n"/>
            </a:pPr>
            <a:endParaRPr lang="zh-CN" altLang="en-US" sz="3600" dirty="0" smtClean="0">
              <a:solidFill>
                <a:srgbClr val="000000"/>
              </a:solidFill>
              <a:latin typeface="Arial" charset="0"/>
              <a:ea typeface="宋体" charset="-122"/>
            </a:endParaRPr>
          </a:p>
        </p:txBody>
      </p:sp>
      <p:grpSp>
        <p:nvGrpSpPr>
          <p:cNvPr id="2" name="组合 3"/>
          <p:cNvGrpSpPr/>
          <p:nvPr userDrawn="1"/>
        </p:nvGrpSpPr>
        <p:grpSpPr>
          <a:xfrm>
            <a:off x="0" y="10179017"/>
            <a:ext cx="18291175" cy="111158"/>
            <a:chOff x="0" y="5087938"/>
            <a:chExt cx="9144000" cy="55562"/>
          </a:xfrm>
        </p:grpSpPr>
        <p:pic>
          <p:nvPicPr>
            <p:cNvPr id="5" name="Picture 2" descr="E:\01 日常工作\10 多媒体\PPT内部汇报用模板\红条.jpg"/>
            <p:cNvPicPr>
              <a:picLocks noChangeAspect="1" noChangeArrowheads="1"/>
            </p:cNvPicPr>
            <p:nvPr userDrawn="1"/>
          </p:nvPicPr>
          <p:blipFill>
            <a:blip r:embed="rId3" cstate="screen"/>
            <a:srcRect/>
            <a:stretch>
              <a:fillRect/>
            </a:stretch>
          </p:blipFill>
          <p:spPr bwMode="auto">
            <a:xfrm>
              <a:off x="0" y="5087938"/>
              <a:ext cx="8616950" cy="55562"/>
            </a:xfrm>
            <a:prstGeom prst="rect">
              <a:avLst/>
            </a:prstGeom>
            <a:noFill/>
          </p:spPr>
        </p:pic>
        <p:pic>
          <p:nvPicPr>
            <p:cNvPr id="6" name="Picture 2" descr="E:\01 日常工作\10 多媒体\PPT内部汇报用模板\红条.jpg"/>
            <p:cNvPicPr>
              <a:picLocks noChangeAspect="1" noChangeArrowheads="1"/>
            </p:cNvPicPr>
            <p:nvPr userDrawn="1"/>
          </p:nvPicPr>
          <p:blipFill>
            <a:blip r:embed="rId3" cstate="screen"/>
            <a:srcRect/>
            <a:stretch>
              <a:fillRect/>
            </a:stretch>
          </p:blipFill>
          <p:spPr bwMode="auto">
            <a:xfrm>
              <a:off x="527050" y="5087938"/>
              <a:ext cx="8616950" cy="55562"/>
            </a:xfrm>
            <a:prstGeom prst="rect">
              <a:avLst/>
            </a:prstGeom>
            <a:noFill/>
          </p:spPr>
        </p:pic>
      </p:grpSp>
      <p:pic>
        <p:nvPicPr>
          <p:cNvPr id="8" name="Picture 2" descr="C:\Users\z00124665\Desktop\HW LOGO(横版）.png"/>
          <p:cNvPicPr>
            <a:picLocks noChangeAspect="1" noChangeArrowheads="1"/>
          </p:cNvPicPr>
          <p:nvPr userDrawn="1"/>
        </p:nvPicPr>
        <p:blipFill>
          <a:blip r:embed="rId4" cstate="screen"/>
          <a:srcRect/>
          <a:stretch>
            <a:fillRect/>
          </a:stretch>
        </p:blipFill>
        <p:spPr bwMode="auto">
          <a:xfrm>
            <a:off x="15135444" y="9378768"/>
            <a:ext cx="2500736" cy="609236"/>
          </a:xfrm>
          <a:prstGeom prst="rect">
            <a:avLst/>
          </a:prstGeom>
          <a:noFill/>
        </p:spPr>
      </p:pic>
      <p:sp>
        <p:nvSpPr>
          <p:cNvPr id="9" name="Rectangle 5"/>
          <p:cNvSpPr>
            <a:spLocks noChangeArrowheads="1"/>
          </p:cNvSpPr>
          <p:nvPr userDrawn="1"/>
        </p:nvSpPr>
        <p:spPr bwMode="auto">
          <a:xfrm>
            <a:off x="6082105" y="9754139"/>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mn-ea"/>
              </a:rPr>
              <a:pPr eaLnBrk="0" hangingPunct="0">
                <a:lnSpc>
                  <a:spcPct val="85000"/>
                </a:lnSpc>
                <a:defRPr/>
              </a:pPr>
              <a:t>‹#›</a:t>
            </a:fld>
            <a:endParaRPr lang="en-GB" altLang="zh-CN" dirty="0">
              <a:solidFill>
                <a:srgbClr val="FFFFFF">
                  <a:lumMod val="65000"/>
                </a:srgbClr>
              </a:solidFill>
              <a:latin typeface="FrutigerNext LT Medium"/>
              <a:ea typeface="+mn-ea"/>
            </a:endParaRPr>
          </a:p>
        </p:txBody>
      </p:sp>
      <p:pic>
        <p:nvPicPr>
          <p:cNvPr id="10" name="Picture 2" descr="C:\Users\z00124665\Desktop\图形1.wmf"/>
          <p:cNvPicPr>
            <a:picLocks noChangeAspect="1" noChangeArrowheads="1"/>
          </p:cNvPicPr>
          <p:nvPr userDrawn="1"/>
        </p:nvPicPr>
        <p:blipFill>
          <a:blip r:embed="rId5" cstate="screen"/>
          <a:srcRect/>
          <a:stretch>
            <a:fillRect/>
          </a:stretch>
        </p:blipFill>
        <p:spPr bwMode="auto">
          <a:xfrm>
            <a:off x="644647" y="9727402"/>
            <a:ext cx="5312696" cy="242009"/>
          </a:xfrm>
          <a:prstGeom prst="rect">
            <a:avLst/>
          </a:prstGeom>
          <a:noFill/>
        </p:spPr>
      </p:pic>
      <p:pic>
        <p:nvPicPr>
          <p:cNvPr id="11" name="Picture 2" descr="C:\Users\z00124665\Desktop\A BETTER WAY SOLUTIONS.wmf"/>
          <p:cNvPicPr>
            <a:picLocks noChangeAspect="1" noChangeArrowheads="1"/>
          </p:cNvPicPr>
          <p:nvPr userDrawn="1"/>
        </p:nvPicPr>
        <p:blipFill>
          <a:blip r:embed="rId6" cstate="screen"/>
          <a:srcRect/>
          <a:stretch>
            <a:fillRect/>
          </a:stretch>
        </p:blipFill>
        <p:spPr bwMode="auto">
          <a:xfrm>
            <a:off x="11136659" y="354550"/>
            <a:ext cx="6541636" cy="182192"/>
          </a:xfrm>
          <a:prstGeom prst="rect">
            <a:avLst/>
          </a:prstGeom>
          <a:noFill/>
        </p:spPr>
      </p:pic>
    </p:spTree>
  </p:cSld>
  <p:clrMap bg1="lt1" tx1="dk1" bg2="lt2" tx2="dk2" accent1="accent1" accent2="accent2" accent3="accent3" accent4="accent4" accent5="accent5" accent6="accent6" hlink="hlink" folHlink="folHlink"/>
  <p:sldLayoutIdLst>
    <p:sldLayoutId id="2147485244" r:id="rId1"/>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lnSpc>
          <a:spcPct val="140000"/>
        </a:lnSpc>
        <a:spcBef>
          <a:spcPct val="0"/>
        </a:spcBef>
        <a:spcAft>
          <a:spcPct val="0"/>
        </a:spcAft>
        <a:buClr>
          <a:srgbClr val="808080"/>
        </a:buClr>
        <a:buSzPct val="60000"/>
        <a:buFont typeface="Wingdings" pitchFamily="2" charset="2"/>
        <a:buChar char="l"/>
        <a:defRPr sz="4800" b="1">
          <a:solidFill>
            <a:schemeClr val="bg1"/>
          </a:solidFill>
          <a:latin typeface="FrutigerNext LT Regular" pitchFamily="34" charset="0"/>
          <a:ea typeface="黑体" pitchFamily="49" charset="-122"/>
          <a:cs typeface="+mn-cs"/>
        </a:defRPr>
      </a:lvl1pPr>
      <a:lvl2pPr marL="1485005" indent="-571158" algn="l" rtl="0" eaLnBrk="0" fontAlgn="base" hangingPunct="0">
        <a:lnSpc>
          <a:spcPct val="140000"/>
        </a:lnSpc>
        <a:spcBef>
          <a:spcPct val="0"/>
        </a:spcBef>
        <a:spcAft>
          <a:spcPct val="0"/>
        </a:spcAft>
        <a:buSzPct val="50000"/>
        <a:buFont typeface="Wingdings" pitchFamily="2" charset="2"/>
        <a:buChar char="p"/>
        <a:defRPr>
          <a:solidFill>
            <a:schemeClr val="bg1"/>
          </a:solidFill>
          <a:latin typeface="+mn-lt"/>
          <a:ea typeface="+mn-ea"/>
          <a:cs typeface="+mn-cs"/>
        </a:defRPr>
      </a:lvl2pPr>
      <a:lvl3pPr marL="2284625" indent="-456923" algn="l" rtl="0" eaLnBrk="0" fontAlgn="base" hangingPunct="0">
        <a:lnSpc>
          <a:spcPct val="140000"/>
        </a:lnSpc>
        <a:spcBef>
          <a:spcPct val="0"/>
        </a:spcBef>
        <a:spcAft>
          <a:spcPct val="0"/>
        </a:spcAft>
        <a:buSzPct val="50000"/>
        <a:buFont typeface="Wingdings" pitchFamily="2" charset="2"/>
        <a:buChar char="n"/>
        <a:defRPr sz="3200">
          <a:solidFill>
            <a:schemeClr val="bg1"/>
          </a:solidFill>
          <a:latin typeface="FrutigerNext LT Regular" pitchFamily="34" charset="0"/>
          <a:ea typeface="+mn-ea"/>
          <a:cs typeface="+mn-cs"/>
        </a:defRPr>
      </a:lvl3pPr>
      <a:lvl4pPr marL="3198480" indent="-456923" algn="l" rtl="0" eaLnBrk="0" fontAlgn="base" hangingPunct="0">
        <a:lnSpc>
          <a:spcPct val="140000"/>
        </a:lnSpc>
        <a:spcBef>
          <a:spcPct val="0"/>
        </a:spcBef>
        <a:spcAft>
          <a:spcPct val="0"/>
        </a:spcAft>
        <a:buChar char="–"/>
        <a:defRPr sz="2800">
          <a:solidFill>
            <a:schemeClr val="bg1"/>
          </a:solidFill>
          <a:latin typeface="FrutigerNext LT Regular" pitchFamily="34" charset="0"/>
          <a:ea typeface="+mn-ea"/>
          <a:cs typeface="+mn-cs"/>
        </a:defRPr>
      </a:lvl4pPr>
      <a:lvl5pPr marL="4112330" indent="-456923" algn="l" rtl="0" eaLnBrk="0" fontAlgn="base" hangingPunct="0">
        <a:lnSpc>
          <a:spcPct val="140000"/>
        </a:lnSpc>
        <a:spcBef>
          <a:spcPct val="0"/>
        </a:spcBef>
        <a:spcAft>
          <a:spcPct val="0"/>
        </a:spcAft>
        <a:buFont typeface="Arial" pitchFamily="34" charset="0"/>
        <a:buChar char="~"/>
        <a:defRPr sz="2400">
          <a:solidFill>
            <a:schemeClr val="bg1"/>
          </a:solidFill>
          <a:latin typeface="FrutigerNext LT Regular" pitchFamily="34" charset="0"/>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5" name="矩形 74"/>
          <p:cNvSpPr/>
          <p:nvPr userDrawn="1"/>
        </p:nvSpPr>
        <p:spPr bwMode="auto">
          <a:xfrm>
            <a:off x="0" y="0"/>
            <a:ext cx="18291175" cy="10290175"/>
          </a:xfrm>
          <a:prstGeom prst="rect">
            <a:avLst/>
          </a:prstGeom>
          <a:solidFill>
            <a:schemeClr val="bg1">
              <a:lumMod val="9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773" tIns="91386" rIns="182773" bIns="91386"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a typeface="宋体" charset="-122"/>
            </a:endParaRPr>
          </a:p>
        </p:txBody>
      </p:sp>
      <p:pic>
        <p:nvPicPr>
          <p:cNvPr id="9" name="Picture 2" descr="C:\Users\z00124665\Desktop\HW LOGO(横版）.png"/>
          <p:cNvPicPr>
            <a:picLocks noChangeAspect="1" noChangeArrowheads="1"/>
          </p:cNvPicPr>
          <p:nvPr userDrawn="1"/>
        </p:nvPicPr>
        <p:blipFill>
          <a:blip r:embed="rId7" cstate="screen"/>
          <a:srcRect/>
          <a:stretch>
            <a:fillRect/>
          </a:stretch>
        </p:blipFill>
        <p:spPr bwMode="auto">
          <a:xfrm>
            <a:off x="15135448" y="9378768"/>
            <a:ext cx="2500736" cy="609236"/>
          </a:xfrm>
          <a:prstGeom prst="rect">
            <a:avLst/>
          </a:prstGeom>
          <a:noFill/>
        </p:spPr>
      </p:pic>
      <p:sp>
        <p:nvSpPr>
          <p:cNvPr id="12" name="Rectangle 5"/>
          <p:cNvSpPr>
            <a:spLocks noChangeArrowheads="1"/>
          </p:cNvSpPr>
          <p:nvPr userDrawn="1"/>
        </p:nvSpPr>
        <p:spPr bwMode="auto">
          <a:xfrm>
            <a:off x="6082109" y="9754141"/>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mn-ea"/>
              </a:rPr>
              <a:pPr eaLnBrk="0" hangingPunct="0">
                <a:lnSpc>
                  <a:spcPct val="85000"/>
                </a:lnSpc>
                <a:defRPr/>
              </a:pPr>
              <a:t>‹#›</a:t>
            </a:fld>
            <a:endParaRPr lang="en-GB" altLang="zh-CN" dirty="0">
              <a:solidFill>
                <a:srgbClr val="FFFFFF">
                  <a:lumMod val="65000"/>
                </a:srgbClr>
              </a:solidFill>
              <a:latin typeface="FrutigerNext LT Medium"/>
              <a:ea typeface="+mn-ea"/>
            </a:endParaRPr>
          </a:p>
        </p:txBody>
      </p:sp>
      <p:pic>
        <p:nvPicPr>
          <p:cNvPr id="10" name="Picture 2" descr="C:\Users\z00124665\Desktop\图形1.wmf"/>
          <p:cNvPicPr>
            <a:picLocks noChangeAspect="1" noChangeArrowheads="1"/>
          </p:cNvPicPr>
          <p:nvPr userDrawn="1"/>
        </p:nvPicPr>
        <p:blipFill>
          <a:blip r:embed="rId8" cstate="screen"/>
          <a:srcRect/>
          <a:stretch>
            <a:fillRect/>
          </a:stretch>
        </p:blipFill>
        <p:spPr bwMode="auto">
          <a:xfrm>
            <a:off x="644647" y="9727404"/>
            <a:ext cx="5312696" cy="242009"/>
          </a:xfrm>
          <a:prstGeom prst="rect">
            <a:avLst/>
          </a:prstGeom>
          <a:noFill/>
        </p:spPr>
      </p:pic>
      <p:pic>
        <p:nvPicPr>
          <p:cNvPr id="15" name="Picture 14" descr="C:\Users\z00124665\Desktop\color bar [转换].wmf"/>
          <p:cNvPicPr>
            <a:picLocks noChangeAspect="1" noChangeArrowheads="1"/>
          </p:cNvPicPr>
          <p:nvPr userDrawn="1"/>
        </p:nvPicPr>
        <p:blipFill>
          <a:blip r:embed="rId9" cstate="screen"/>
          <a:srcRect/>
          <a:stretch>
            <a:fillRect/>
          </a:stretch>
        </p:blipFill>
        <p:spPr bwMode="auto">
          <a:xfrm>
            <a:off x="11" y="10160439"/>
            <a:ext cx="18291177" cy="148794"/>
          </a:xfrm>
          <a:prstGeom prst="rect">
            <a:avLst/>
          </a:prstGeom>
          <a:noFill/>
        </p:spPr>
      </p:pic>
      <p:pic>
        <p:nvPicPr>
          <p:cNvPr id="11" name="Picture 2" descr="C:\Users\z00124665\Desktop\A BETTER WAY SOLUTIONS.wmf"/>
          <p:cNvPicPr>
            <a:picLocks noChangeAspect="1" noChangeArrowheads="1"/>
          </p:cNvPicPr>
          <p:nvPr userDrawn="1"/>
        </p:nvPicPr>
        <p:blipFill>
          <a:blip r:embed="rId10" cstate="screen"/>
          <a:srcRect/>
          <a:stretch>
            <a:fillRect/>
          </a:stretch>
        </p:blipFill>
        <p:spPr bwMode="auto">
          <a:xfrm>
            <a:off x="11136659" y="354550"/>
            <a:ext cx="6541636" cy="182192"/>
          </a:xfrm>
          <a:prstGeom prst="rect">
            <a:avLst/>
          </a:prstGeom>
          <a:noFill/>
        </p:spPr>
      </p:pic>
    </p:spTree>
  </p:cSld>
  <p:clrMap bg1="lt1" tx1="dk1" bg2="lt2" tx2="dk2" accent1="accent1" accent2="accent2" accent3="accent3" accent4="accent4" accent5="accent5" accent6="accent6" hlink="hlink" folHlink="folHlink"/>
  <p:sldLayoutIdLst>
    <p:sldLayoutId id="2147485247" r:id="rId1"/>
    <p:sldLayoutId id="2147485248" r:id="rId2"/>
    <p:sldLayoutId id="2147485249" r:id="rId3"/>
    <p:sldLayoutId id="2147485250" r:id="rId4"/>
    <p:sldLayoutId id="2147485251" r:id="rId5"/>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lnSpc>
          <a:spcPct val="140000"/>
        </a:lnSpc>
        <a:spcBef>
          <a:spcPct val="0"/>
        </a:spcBef>
        <a:spcAft>
          <a:spcPct val="0"/>
        </a:spcAft>
        <a:buClr>
          <a:srgbClr val="777777"/>
        </a:buClr>
        <a:buSzPct val="60000"/>
        <a:buFont typeface="Wingdings" pitchFamily="2" charset="2"/>
        <a:buChar char="l"/>
        <a:defRPr sz="4000" b="1">
          <a:solidFill>
            <a:schemeClr val="tx1"/>
          </a:solidFill>
          <a:latin typeface="FrutigerNext LT Regular" pitchFamily="34" charset="0"/>
          <a:ea typeface="黑体" pitchFamily="49" charset="-122"/>
          <a:cs typeface="+mn-cs"/>
        </a:defRPr>
      </a:lvl1pPr>
      <a:lvl2pPr marL="1485005" indent="-571158"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2284625" indent="-456923" algn="l" rtl="0" eaLnBrk="0" fontAlgn="base" hangingPunct="0">
        <a:lnSpc>
          <a:spcPct val="140000"/>
        </a:lnSpc>
        <a:spcBef>
          <a:spcPct val="0"/>
        </a:spcBef>
        <a:spcAft>
          <a:spcPct val="0"/>
        </a:spcAft>
        <a:buSzPct val="50000"/>
        <a:buFont typeface="Wingdings" pitchFamily="2" charset="2"/>
        <a:buChar char="n"/>
        <a:defRPr sz="3200">
          <a:solidFill>
            <a:schemeClr val="tx1"/>
          </a:solidFill>
          <a:latin typeface="FrutigerNext LT Regular" pitchFamily="34" charset="0"/>
          <a:ea typeface="+mn-ea"/>
          <a:cs typeface="+mn-cs"/>
        </a:defRPr>
      </a:lvl3pPr>
      <a:lvl4pPr marL="3198480" indent="-456923" algn="l" rtl="0" eaLnBrk="0" fontAlgn="base" hangingPunct="0">
        <a:lnSpc>
          <a:spcPct val="140000"/>
        </a:lnSpc>
        <a:spcBef>
          <a:spcPct val="0"/>
        </a:spcBef>
        <a:spcAft>
          <a:spcPct val="0"/>
        </a:spcAft>
        <a:buChar char="–"/>
        <a:defRPr sz="2800">
          <a:solidFill>
            <a:schemeClr val="tx1"/>
          </a:solidFill>
          <a:latin typeface="FrutigerNext LT Regular" pitchFamily="34" charset="0"/>
          <a:ea typeface="+mn-ea"/>
          <a:cs typeface="+mn-cs"/>
        </a:defRPr>
      </a:lvl4pPr>
      <a:lvl5pPr marL="4112330" indent="-456923" algn="l" rtl="0" eaLnBrk="0" fontAlgn="base" hangingPunct="0">
        <a:lnSpc>
          <a:spcPct val="140000"/>
        </a:lnSpc>
        <a:spcBef>
          <a:spcPct val="0"/>
        </a:spcBef>
        <a:spcAft>
          <a:spcPct val="0"/>
        </a:spcAft>
        <a:buFont typeface="Arial" pitchFamily="34" charset="0"/>
        <a:buChar char="~"/>
        <a:defRPr sz="2400">
          <a:solidFill>
            <a:schemeClr val="tx1"/>
          </a:solidFill>
          <a:latin typeface="FrutigerNext LT Regular" pitchFamily="34" charset="0"/>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5" name="矩形 74"/>
          <p:cNvSpPr/>
          <p:nvPr userDrawn="1"/>
        </p:nvSpPr>
        <p:spPr bwMode="auto">
          <a:xfrm>
            <a:off x="0" y="0"/>
            <a:ext cx="18291175" cy="10290175"/>
          </a:xfrm>
          <a:prstGeom prst="rect">
            <a:avLst/>
          </a:prstGeom>
          <a:solidFill>
            <a:schemeClr val="bg1">
              <a:lumMod val="95000"/>
            </a:schemeClr>
          </a:solid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773" tIns="91386" rIns="182773" bIns="91386"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a typeface="宋体" charset="-122"/>
            </a:endParaRPr>
          </a:p>
        </p:txBody>
      </p:sp>
      <p:pic>
        <p:nvPicPr>
          <p:cNvPr id="9" name="Picture 2" descr="C:\Users\z00124665\Desktop\HW LOGO(横版）.png"/>
          <p:cNvPicPr>
            <a:picLocks noChangeAspect="1" noChangeArrowheads="1"/>
          </p:cNvPicPr>
          <p:nvPr userDrawn="1"/>
        </p:nvPicPr>
        <p:blipFill>
          <a:blip r:embed="rId8" cstate="screen"/>
          <a:srcRect/>
          <a:stretch>
            <a:fillRect/>
          </a:stretch>
        </p:blipFill>
        <p:spPr bwMode="auto">
          <a:xfrm>
            <a:off x="15135448" y="9378768"/>
            <a:ext cx="2500736" cy="609236"/>
          </a:xfrm>
          <a:prstGeom prst="rect">
            <a:avLst/>
          </a:prstGeom>
          <a:noFill/>
        </p:spPr>
      </p:pic>
      <p:sp>
        <p:nvSpPr>
          <p:cNvPr id="12" name="Rectangle 5"/>
          <p:cNvSpPr>
            <a:spLocks noChangeArrowheads="1"/>
          </p:cNvSpPr>
          <p:nvPr userDrawn="1"/>
        </p:nvSpPr>
        <p:spPr bwMode="auto">
          <a:xfrm>
            <a:off x="6082109" y="9754141"/>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0" name="Picture 2" descr="C:\Users\z00124665\Desktop\图形1.wmf"/>
          <p:cNvPicPr>
            <a:picLocks noChangeAspect="1" noChangeArrowheads="1"/>
          </p:cNvPicPr>
          <p:nvPr userDrawn="1"/>
        </p:nvPicPr>
        <p:blipFill>
          <a:blip r:embed="rId9" cstate="screen"/>
          <a:srcRect/>
          <a:stretch>
            <a:fillRect/>
          </a:stretch>
        </p:blipFill>
        <p:spPr bwMode="auto">
          <a:xfrm>
            <a:off x="644647" y="9727404"/>
            <a:ext cx="5312696" cy="242009"/>
          </a:xfrm>
          <a:prstGeom prst="rect">
            <a:avLst/>
          </a:prstGeom>
          <a:noFill/>
        </p:spPr>
      </p:pic>
      <p:pic>
        <p:nvPicPr>
          <p:cNvPr id="15" name="Picture 14" descr="C:\Users\z00124665\Desktop\color bar [转换].wmf"/>
          <p:cNvPicPr>
            <a:picLocks noChangeAspect="1" noChangeArrowheads="1"/>
          </p:cNvPicPr>
          <p:nvPr userDrawn="1"/>
        </p:nvPicPr>
        <p:blipFill>
          <a:blip r:embed="rId10" cstate="screen"/>
          <a:srcRect/>
          <a:stretch>
            <a:fillRect/>
          </a:stretch>
        </p:blipFill>
        <p:spPr bwMode="auto">
          <a:xfrm>
            <a:off x="11" y="10160439"/>
            <a:ext cx="18291177" cy="148794"/>
          </a:xfrm>
          <a:prstGeom prst="rect">
            <a:avLst/>
          </a:prstGeom>
          <a:noFill/>
        </p:spPr>
      </p:pic>
      <p:pic>
        <p:nvPicPr>
          <p:cNvPr id="11" name="Picture 2" descr="C:\Users\z00124665\Desktop\A BETTER WAY SOLUTIONS.wmf"/>
          <p:cNvPicPr>
            <a:picLocks noChangeAspect="1" noChangeArrowheads="1"/>
          </p:cNvPicPr>
          <p:nvPr userDrawn="1"/>
        </p:nvPicPr>
        <p:blipFill>
          <a:blip r:embed="rId11" cstate="screen"/>
          <a:srcRect/>
          <a:stretch>
            <a:fillRect/>
          </a:stretch>
        </p:blipFill>
        <p:spPr bwMode="auto">
          <a:xfrm>
            <a:off x="11136659" y="354550"/>
            <a:ext cx="6541636" cy="182192"/>
          </a:xfrm>
          <a:prstGeom prst="rect">
            <a:avLst/>
          </a:prstGeom>
          <a:noFill/>
        </p:spPr>
      </p:pic>
    </p:spTree>
  </p:cSld>
  <p:clrMap bg1="lt1" tx1="dk1" bg2="lt2" tx2="dk2" accent1="accent1" accent2="accent2" accent3="accent3" accent4="accent4" accent5="accent5" accent6="accent6" hlink="hlink" folHlink="folHlink"/>
  <p:sldLayoutIdLst>
    <p:sldLayoutId id="2147485286" r:id="rId1"/>
    <p:sldLayoutId id="2147485287" r:id="rId2"/>
    <p:sldLayoutId id="2147485288" r:id="rId3"/>
    <p:sldLayoutId id="2147485289" r:id="rId4"/>
    <p:sldLayoutId id="2147485290" r:id="rId5"/>
    <p:sldLayoutId id="2147485291" r:id="rId6"/>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5600" b="1">
          <a:solidFill>
            <a:srgbClr val="990000"/>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lnSpc>
          <a:spcPct val="140000"/>
        </a:lnSpc>
        <a:spcBef>
          <a:spcPct val="0"/>
        </a:spcBef>
        <a:spcAft>
          <a:spcPct val="0"/>
        </a:spcAft>
        <a:buClr>
          <a:srgbClr val="777777"/>
        </a:buClr>
        <a:buSzPct val="60000"/>
        <a:buFont typeface="Wingdings" pitchFamily="2" charset="2"/>
        <a:buChar char="l"/>
        <a:defRPr sz="4000" b="1">
          <a:solidFill>
            <a:schemeClr val="tx1"/>
          </a:solidFill>
          <a:latin typeface="FrutigerNext LT Regular" pitchFamily="34" charset="0"/>
          <a:ea typeface="黑体" pitchFamily="49" charset="-122"/>
          <a:cs typeface="+mn-cs"/>
        </a:defRPr>
      </a:lvl1pPr>
      <a:lvl2pPr marL="1485005" indent="-571158" algn="l" rtl="0" eaLnBrk="0" fontAlgn="base" hangingPunct="0">
        <a:lnSpc>
          <a:spcPct val="140000"/>
        </a:lnSpc>
        <a:spcBef>
          <a:spcPct val="0"/>
        </a:spcBef>
        <a:spcAft>
          <a:spcPct val="0"/>
        </a:spcAft>
        <a:buSzPct val="50000"/>
        <a:buFont typeface="Wingdings" pitchFamily="2" charset="2"/>
        <a:buChar char="p"/>
        <a:defRPr>
          <a:solidFill>
            <a:schemeClr val="tx1"/>
          </a:solidFill>
          <a:latin typeface="+mn-lt"/>
          <a:ea typeface="+mn-ea"/>
          <a:cs typeface="+mn-cs"/>
        </a:defRPr>
      </a:lvl2pPr>
      <a:lvl3pPr marL="2284625" indent="-456923" algn="l" rtl="0" eaLnBrk="0" fontAlgn="base" hangingPunct="0">
        <a:lnSpc>
          <a:spcPct val="140000"/>
        </a:lnSpc>
        <a:spcBef>
          <a:spcPct val="0"/>
        </a:spcBef>
        <a:spcAft>
          <a:spcPct val="0"/>
        </a:spcAft>
        <a:buSzPct val="50000"/>
        <a:buFont typeface="Wingdings" pitchFamily="2" charset="2"/>
        <a:buChar char="n"/>
        <a:defRPr sz="3200">
          <a:solidFill>
            <a:schemeClr val="tx1"/>
          </a:solidFill>
          <a:latin typeface="FrutigerNext LT Regular" pitchFamily="34" charset="0"/>
          <a:ea typeface="+mn-ea"/>
          <a:cs typeface="+mn-cs"/>
        </a:defRPr>
      </a:lvl3pPr>
      <a:lvl4pPr marL="3198480" indent="-456923" algn="l" rtl="0" eaLnBrk="0" fontAlgn="base" hangingPunct="0">
        <a:lnSpc>
          <a:spcPct val="140000"/>
        </a:lnSpc>
        <a:spcBef>
          <a:spcPct val="0"/>
        </a:spcBef>
        <a:spcAft>
          <a:spcPct val="0"/>
        </a:spcAft>
        <a:buChar char="–"/>
        <a:defRPr sz="2800">
          <a:solidFill>
            <a:schemeClr val="tx1"/>
          </a:solidFill>
          <a:latin typeface="FrutigerNext LT Regular" pitchFamily="34" charset="0"/>
          <a:ea typeface="+mn-ea"/>
          <a:cs typeface="+mn-cs"/>
        </a:defRPr>
      </a:lvl4pPr>
      <a:lvl5pPr marL="4112330" indent="-456923" algn="l" rtl="0" eaLnBrk="0" fontAlgn="base" hangingPunct="0">
        <a:lnSpc>
          <a:spcPct val="140000"/>
        </a:lnSpc>
        <a:spcBef>
          <a:spcPct val="0"/>
        </a:spcBef>
        <a:spcAft>
          <a:spcPct val="0"/>
        </a:spcAft>
        <a:buFont typeface="Arial" pitchFamily="34" charset="0"/>
        <a:buChar char="~"/>
        <a:defRPr sz="2400">
          <a:solidFill>
            <a:schemeClr val="tx1"/>
          </a:solidFill>
          <a:latin typeface="FrutigerNext LT Regular" pitchFamily="34" charset="0"/>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1" name="矩形 10"/>
          <p:cNvSpPr/>
          <p:nvPr userDrawn="1"/>
        </p:nvSpPr>
        <p:spPr bwMode="auto">
          <a:xfrm>
            <a:off x="0" y="0"/>
            <a:ext cx="18291175" cy="10290175"/>
          </a:xfrm>
          <a:prstGeom prst="rect">
            <a:avLst/>
          </a:prstGeom>
          <a:solidFill>
            <a:schemeClr val="bg1">
              <a:lumMod val="95000"/>
            </a:schemeClr>
          </a:solidFill>
          <a:ln>
            <a:noFill/>
          </a:ln>
          <a:effectLst/>
          <a:extLst/>
        </p:spPr>
        <p:txBody>
          <a:bodyPr lIns="182172" tIns="91104" rIns="182172" bIns="91104"/>
          <a:lstStyle/>
          <a:p>
            <a:pPr>
              <a:buClr>
                <a:srgbClr val="CC9900"/>
              </a:buClr>
              <a:buFont typeface="Wingdings" pitchFamily="2" charset="2"/>
              <a:buChar char="n"/>
              <a:defRPr/>
            </a:pPr>
            <a:endParaRPr lang="zh-CN" altLang="en-US">
              <a:solidFill>
                <a:srgbClr val="000000"/>
              </a:solidFill>
              <a:latin typeface="Arial" charset="0"/>
              <a:ea typeface="宋体" charset="-122"/>
            </a:endParaRPr>
          </a:p>
        </p:txBody>
      </p:sp>
      <p:pic>
        <p:nvPicPr>
          <p:cNvPr id="8196" name="Picture 2" descr="E:\01 日常工作\03 品牌规范设计\企业业务视觉规范\投标标书规范\设计文档\大平台相关资料整理\Template A\源文件\HW LOGO副本.png"/>
          <p:cNvPicPr>
            <a:picLocks noChangeAspect="1" noChangeArrowheads="1"/>
          </p:cNvPicPr>
          <p:nvPr userDrawn="1"/>
        </p:nvPicPr>
        <p:blipFill>
          <a:blip r:embed="rId3" cstate="email">
            <a:extLst>
              <a:ext uri="{28A0092B-C50C-407E-A947-70E740481C1C}">
                <a14:useLocalDpi xmlns="" xmlns:a14="http://schemas.microsoft.com/office/drawing/2010/main" val="0"/>
              </a:ext>
            </a:extLst>
          </a:blip>
          <a:srcRect/>
          <a:stretch>
            <a:fillRect/>
          </a:stretch>
        </p:blipFill>
        <p:spPr bwMode="auto">
          <a:xfrm>
            <a:off x="7487950" y="1902413"/>
            <a:ext cx="3315275" cy="3201388"/>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6" name="Rectangle 3"/>
          <p:cNvSpPr>
            <a:spLocks noChangeArrowheads="1"/>
          </p:cNvSpPr>
          <p:nvPr userDrawn="1"/>
        </p:nvSpPr>
        <p:spPr bwMode="auto">
          <a:xfrm>
            <a:off x="1916576" y="5589289"/>
            <a:ext cx="14458048" cy="1565430"/>
          </a:xfrm>
          <a:prstGeom prst="rect">
            <a:avLst/>
          </a:prstGeom>
          <a:noFill/>
          <a:ln w="9525" algn="ctr">
            <a:noFill/>
            <a:miter lim="800000"/>
            <a:headEnd/>
            <a:tailEnd/>
          </a:ln>
        </p:spPr>
        <p:txBody>
          <a:bodyPr wrap="square" lIns="87235" tIns="43625" rIns="87235" bIns="43625">
            <a:spAutoFit/>
          </a:bodyPr>
          <a:lstStyle/>
          <a:p>
            <a:pPr algn="ctr" defTabSz="873495">
              <a:defRPr/>
            </a:pPr>
            <a:r>
              <a:rPr lang="en-US" altLang="zh-CN" sz="4800" b="1" dirty="0" smtClean="0">
                <a:solidFill>
                  <a:srgbClr val="000000">
                    <a:lumMod val="85000"/>
                    <a:lumOff val="15000"/>
                  </a:srgbClr>
                </a:solidFill>
                <a:latin typeface="FrutigerNext LT Medium" pitchFamily="34" charset="0"/>
                <a:ea typeface="ＭＳ Ｐゴシック" pitchFamily="34" charset="-128"/>
              </a:rPr>
              <a:t>HUAWEI ENTERPRISE ICT SOLUTIONS </a:t>
            </a:r>
            <a:r>
              <a:rPr lang="en-US" altLang="zh-CN" sz="4800" b="1" dirty="0" smtClean="0">
                <a:solidFill>
                  <a:srgbClr val="C00000"/>
                </a:solidFill>
                <a:latin typeface="FrutigerNext LT Medium" pitchFamily="34" charset="0"/>
                <a:ea typeface="ＭＳ Ｐゴシック" pitchFamily="34" charset="-128"/>
              </a:rPr>
              <a:t>A BETTER WAY</a:t>
            </a:r>
            <a:endParaRPr lang="zh-CN" altLang="en-US" sz="4800" b="1" dirty="0">
              <a:solidFill>
                <a:srgbClr val="C00000"/>
              </a:solidFill>
              <a:latin typeface="FrutigerNext LT Medium" pitchFamily="34" charset="0"/>
              <a:ea typeface="ＭＳ Ｐゴシック" pitchFamily="34" charset="-128"/>
            </a:endParaRPr>
          </a:p>
        </p:txBody>
      </p:sp>
      <p:sp>
        <p:nvSpPr>
          <p:cNvPr id="7" name="TextBox 6"/>
          <p:cNvSpPr txBox="1"/>
          <p:nvPr userDrawn="1"/>
        </p:nvSpPr>
        <p:spPr>
          <a:xfrm>
            <a:off x="980661" y="8398999"/>
            <a:ext cx="16313150" cy="1323300"/>
          </a:xfrm>
          <a:prstGeom prst="rect">
            <a:avLst/>
          </a:prstGeom>
          <a:noFill/>
        </p:spPr>
        <p:txBody>
          <a:bodyPr wrap="square" lIns="91314" tIns="45651" rIns="91314" bIns="45651" rtlCol="0">
            <a:spAutoFit/>
          </a:bodyPr>
          <a:lstStyle/>
          <a:p>
            <a:pPr algn="just" defTabSz="913125" fontAlgn="auto">
              <a:spcBef>
                <a:spcPts val="0"/>
              </a:spcBef>
              <a:spcAft>
                <a:spcPts val="0"/>
              </a:spcAft>
              <a:defRPr/>
            </a:pPr>
            <a:r>
              <a:rPr lang="en-US" altLang="zh-CN" sz="1600" b="1" dirty="0" smtClean="0">
                <a:solidFill>
                  <a:srgbClr val="000000">
                    <a:lumMod val="50000"/>
                    <a:lumOff val="50000"/>
                  </a:srgbClr>
                </a:solidFill>
                <a:latin typeface="Arial" pitchFamily="34" charset="0"/>
                <a:ea typeface="宋体" charset="-122"/>
                <a:cs typeface="Arial" pitchFamily="34" charset="0"/>
              </a:rPr>
              <a:t>Copyright©2012 Huawei Technologies Co., Ltd. All Rights Reserved.</a:t>
            </a:r>
            <a:endParaRPr lang="zh-CN" altLang="zh-CN" sz="1600" dirty="0" smtClean="0">
              <a:solidFill>
                <a:srgbClr val="000000">
                  <a:lumMod val="50000"/>
                  <a:lumOff val="50000"/>
                </a:srgbClr>
              </a:solidFill>
              <a:latin typeface="Arial" pitchFamily="34" charset="0"/>
              <a:ea typeface="宋体" charset="-122"/>
              <a:cs typeface="Arial" pitchFamily="34" charset="0"/>
            </a:endParaRPr>
          </a:p>
          <a:p>
            <a:pPr algn="just" defTabSz="913125" fontAlgn="auto">
              <a:spcBef>
                <a:spcPts val="0"/>
              </a:spcBef>
              <a:spcAft>
                <a:spcPts val="0"/>
              </a:spcAft>
              <a:defRPr/>
            </a:pPr>
            <a:r>
              <a:rPr lang="en-US" altLang="zh-CN" sz="1600" dirty="0" smtClean="0">
                <a:solidFill>
                  <a:srgbClr val="000000">
                    <a:lumMod val="50000"/>
                    <a:lumOff val="50000"/>
                  </a:srgbClr>
                </a:solidFill>
                <a:latin typeface="Arial" pitchFamily="34" charset="0"/>
                <a:ea typeface="宋体" charset="-122"/>
                <a:cs typeface="Arial" pitchFamily="34" charset="0"/>
              </a:rPr>
              <a:t>The information in this document may contain predictive statements including, without limitation, statements regarding the future financial and operating results, future product portfolio, new technology, etc. There are a number of factors that could cause actual results and developments to differ materially from those expressed or implied in the predictive statements. Therefore, such information is provided for reference purpose only and constitutes neither an offer nor an acceptance. Huawei may change the information at any time without notice. </a:t>
            </a:r>
            <a:endParaRPr lang="zh-CN" altLang="zh-CN" sz="1600" dirty="0">
              <a:solidFill>
                <a:srgbClr val="000000">
                  <a:lumMod val="50000"/>
                  <a:lumOff val="50000"/>
                </a:srgbClr>
              </a:solidFill>
              <a:latin typeface="Arial" pitchFamily="34" charset="0"/>
              <a:ea typeface="宋体" charset="-122"/>
              <a:cs typeface="Arial" pitchFamily="34" charset="0"/>
            </a:endParaRPr>
          </a:p>
        </p:txBody>
      </p:sp>
    </p:spTree>
    <p:extLst>
      <p:ext uri="{BB962C8B-B14F-4D97-AF65-F5344CB8AC3E}">
        <p14:creationId xmlns="" xmlns:p14="http://schemas.microsoft.com/office/powerpoint/2010/main" val="3084856652"/>
      </p:ext>
    </p:extLst>
  </p:cSld>
  <p:clrMap bg1="lt1" tx1="dk1" bg2="lt2" tx2="dk2" accent1="accent1" accent2="accent2" accent3="accent3" accent4="accent4" accent5="accent5" accent6="accent6" hlink="hlink" folHlink="folHlink"/>
  <p:sldLayoutIdLst>
    <p:sldLayoutId id="2147485170" r:id="rId1"/>
  </p:sldLayoutIdLst>
  <p:transition>
    <p:fade/>
  </p:transition>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p:stCondLst>
                              <p:cond delay="0"/>
                            </p:stCondLst>
                            <p:childTnLst>
                              <p:par>
                                <p:cTn id="5" presetID="3" presetClass="emph" presetSubtype="10" repeatCount="indefinite" accel="50000" decel="50000" fill="hold" grpId="0" nodeType="afterEffect">
                                  <p:stCondLst>
                                    <p:cond delay="0"/>
                                  </p:stCondLst>
                                  <p:iterate type="lt">
                                    <p:tmPct val="10000"/>
                                  </p:iterate>
                                  <p:childTnLst>
                                    <p:animClr clrSpc="hsl" dir="ccw">
                                      <p:cBhvr override="childStyle">
                                        <p:cTn id="6" dur="1000" fill="hold"/>
                                        <p:tgtEl>
                                          <p:spTgt spid="6"/>
                                        </p:tgtEl>
                                        <p:attrNameLst>
                                          <p:attrName>style.color</p:attrName>
                                        </p:attrNameLst>
                                      </p:cBhvr>
                                      <p:to>
                                        <a:srgbClr val="FF6600"/>
                                      </p:to>
                                    </p:animClr>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txStyles>
    <p:titleStyle>
      <a:lvl1pPr algn="ctr" defTabSz="1597141" rtl="0" eaLnBrk="0" fontAlgn="base" hangingPunct="0">
        <a:spcBef>
          <a:spcPct val="0"/>
        </a:spcBef>
        <a:spcAft>
          <a:spcPct val="0"/>
        </a:spcAft>
        <a:defRPr sz="7600">
          <a:solidFill>
            <a:schemeClr val="tx2"/>
          </a:solidFill>
          <a:latin typeface="+mj-lt"/>
          <a:ea typeface="+mj-ea"/>
          <a:cs typeface="+mj-cs"/>
        </a:defRPr>
      </a:lvl1pPr>
      <a:lvl2pPr algn="ctr" defTabSz="1597141" rtl="0" eaLnBrk="0" fontAlgn="base" hangingPunct="0">
        <a:spcBef>
          <a:spcPct val="0"/>
        </a:spcBef>
        <a:spcAft>
          <a:spcPct val="0"/>
        </a:spcAft>
        <a:defRPr sz="7600">
          <a:solidFill>
            <a:schemeClr val="tx2"/>
          </a:solidFill>
          <a:latin typeface="Arial" charset="0"/>
          <a:ea typeface="宋体" pitchFamily="2" charset="-122"/>
        </a:defRPr>
      </a:lvl2pPr>
      <a:lvl3pPr algn="ctr" defTabSz="1597141" rtl="0" eaLnBrk="0" fontAlgn="base" hangingPunct="0">
        <a:spcBef>
          <a:spcPct val="0"/>
        </a:spcBef>
        <a:spcAft>
          <a:spcPct val="0"/>
        </a:spcAft>
        <a:defRPr sz="7600">
          <a:solidFill>
            <a:schemeClr val="tx2"/>
          </a:solidFill>
          <a:latin typeface="Arial" charset="0"/>
          <a:ea typeface="宋体" pitchFamily="2" charset="-122"/>
        </a:defRPr>
      </a:lvl3pPr>
      <a:lvl4pPr algn="ctr" defTabSz="1597141" rtl="0" eaLnBrk="0" fontAlgn="base" hangingPunct="0">
        <a:spcBef>
          <a:spcPct val="0"/>
        </a:spcBef>
        <a:spcAft>
          <a:spcPct val="0"/>
        </a:spcAft>
        <a:defRPr sz="7600">
          <a:solidFill>
            <a:schemeClr val="tx2"/>
          </a:solidFill>
          <a:latin typeface="Arial" charset="0"/>
          <a:ea typeface="宋体" pitchFamily="2" charset="-122"/>
        </a:defRPr>
      </a:lvl4pPr>
      <a:lvl5pPr algn="ctr" defTabSz="1597141" rtl="0" eaLnBrk="0" fontAlgn="base" hangingPunct="0">
        <a:spcBef>
          <a:spcPct val="0"/>
        </a:spcBef>
        <a:spcAft>
          <a:spcPct val="0"/>
        </a:spcAft>
        <a:defRPr sz="7600">
          <a:solidFill>
            <a:schemeClr val="tx2"/>
          </a:solidFill>
          <a:latin typeface="Arial" charset="0"/>
          <a:ea typeface="宋体" pitchFamily="2" charset="-122"/>
        </a:defRPr>
      </a:lvl5pPr>
      <a:lvl6pPr marL="910856" algn="ctr" defTabSz="1597141" rtl="0" fontAlgn="base">
        <a:spcBef>
          <a:spcPct val="0"/>
        </a:spcBef>
        <a:spcAft>
          <a:spcPct val="0"/>
        </a:spcAft>
        <a:defRPr sz="7600">
          <a:solidFill>
            <a:schemeClr val="tx2"/>
          </a:solidFill>
          <a:latin typeface="Arial" charset="0"/>
          <a:ea typeface="宋体" pitchFamily="2" charset="-122"/>
        </a:defRPr>
      </a:lvl6pPr>
      <a:lvl7pPr marL="1821718" algn="ctr" defTabSz="1597141" rtl="0" fontAlgn="base">
        <a:spcBef>
          <a:spcPct val="0"/>
        </a:spcBef>
        <a:spcAft>
          <a:spcPct val="0"/>
        </a:spcAft>
        <a:defRPr sz="7600">
          <a:solidFill>
            <a:schemeClr val="tx2"/>
          </a:solidFill>
          <a:latin typeface="Arial" charset="0"/>
          <a:ea typeface="宋体" pitchFamily="2" charset="-122"/>
        </a:defRPr>
      </a:lvl7pPr>
      <a:lvl8pPr marL="2732566" algn="ctr" defTabSz="1597141" rtl="0" fontAlgn="base">
        <a:spcBef>
          <a:spcPct val="0"/>
        </a:spcBef>
        <a:spcAft>
          <a:spcPct val="0"/>
        </a:spcAft>
        <a:defRPr sz="7600">
          <a:solidFill>
            <a:schemeClr val="tx2"/>
          </a:solidFill>
          <a:latin typeface="Arial" charset="0"/>
          <a:ea typeface="宋体" pitchFamily="2" charset="-122"/>
        </a:defRPr>
      </a:lvl8pPr>
      <a:lvl9pPr marL="3643419" algn="ctr" defTabSz="1597141" rtl="0" fontAlgn="base">
        <a:spcBef>
          <a:spcPct val="0"/>
        </a:spcBef>
        <a:spcAft>
          <a:spcPct val="0"/>
        </a:spcAft>
        <a:defRPr sz="7600">
          <a:solidFill>
            <a:schemeClr val="tx2"/>
          </a:solidFill>
          <a:latin typeface="Arial" charset="0"/>
          <a:ea typeface="宋体" pitchFamily="2" charset="-122"/>
        </a:defRPr>
      </a:lvl9pPr>
    </p:titleStyle>
    <p:bodyStyle>
      <a:lvl1pPr marL="597764" indent="-597764" algn="l" defTabSz="1597141" rtl="0" eaLnBrk="0" fontAlgn="base" hangingPunct="0">
        <a:spcBef>
          <a:spcPct val="20000"/>
        </a:spcBef>
        <a:spcAft>
          <a:spcPct val="0"/>
        </a:spcAft>
        <a:buChar char="•"/>
        <a:defRPr sz="5600">
          <a:solidFill>
            <a:schemeClr val="tx1"/>
          </a:solidFill>
          <a:latin typeface="+mn-lt"/>
          <a:ea typeface="+mn-ea"/>
          <a:cs typeface="+mn-cs"/>
        </a:defRPr>
      </a:lvl1pPr>
      <a:lvl2pPr marL="1299858" indent="-499688" algn="l" defTabSz="1597141" rtl="0" eaLnBrk="0" fontAlgn="base" hangingPunct="0">
        <a:spcBef>
          <a:spcPct val="20000"/>
        </a:spcBef>
        <a:spcAft>
          <a:spcPct val="0"/>
        </a:spcAft>
        <a:buChar char="–"/>
        <a:defRPr sz="5000">
          <a:solidFill>
            <a:schemeClr val="tx1"/>
          </a:solidFill>
          <a:latin typeface="+mn-lt"/>
          <a:ea typeface="+mn-ea"/>
        </a:defRPr>
      </a:lvl2pPr>
      <a:lvl3pPr marL="1998818" indent="-401664" algn="l" defTabSz="1597141" rtl="0" eaLnBrk="0" fontAlgn="base" hangingPunct="0">
        <a:spcBef>
          <a:spcPct val="20000"/>
        </a:spcBef>
        <a:spcAft>
          <a:spcPct val="0"/>
        </a:spcAft>
        <a:buChar char="•"/>
        <a:defRPr sz="4400">
          <a:solidFill>
            <a:schemeClr val="tx1"/>
          </a:solidFill>
          <a:latin typeface="+mn-lt"/>
          <a:ea typeface="+mn-ea"/>
        </a:defRPr>
      </a:lvl3pPr>
      <a:lvl4pPr marL="2792660" indent="-398494" algn="l" defTabSz="1597141" rtl="0" eaLnBrk="0" fontAlgn="base" hangingPunct="0">
        <a:spcBef>
          <a:spcPct val="20000"/>
        </a:spcBef>
        <a:spcAft>
          <a:spcPct val="0"/>
        </a:spcAft>
        <a:buChar char="–"/>
        <a:defRPr sz="3400">
          <a:solidFill>
            <a:schemeClr val="tx1"/>
          </a:solidFill>
          <a:latin typeface="+mn-lt"/>
          <a:ea typeface="+mn-ea"/>
        </a:defRPr>
      </a:lvl4pPr>
      <a:lvl5pPr marL="3592818" indent="-401664" algn="l" defTabSz="1597141" rtl="0" eaLnBrk="0" fontAlgn="base" hangingPunct="0">
        <a:spcBef>
          <a:spcPct val="20000"/>
        </a:spcBef>
        <a:spcAft>
          <a:spcPct val="0"/>
        </a:spcAft>
        <a:buChar char="»"/>
        <a:defRPr sz="3400">
          <a:solidFill>
            <a:schemeClr val="tx1"/>
          </a:solidFill>
          <a:latin typeface="+mn-lt"/>
          <a:ea typeface="+mn-ea"/>
        </a:defRPr>
      </a:lvl5pPr>
      <a:lvl6pPr marL="4503665" indent="-401664" algn="l" defTabSz="1597141" rtl="0" fontAlgn="base">
        <a:spcBef>
          <a:spcPct val="20000"/>
        </a:spcBef>
        <a:spcAft>
          <a:spcPct val="0"/>
        </a:spcAft>
        <a:buChar char="»"/>
        <a:defRPr sz="3400">
          <a:solidFill>
            <a:schemeClr val="tx1"/>
          </a:solidFill>
          <a:latin typeface="+mn-lt"/>
          <a:ea typeface="+mn-ea"/>
        </a:defRPr>
      </a:lvl6pPr>
      <a:lvl7pPr marL="5414523" indent="-401664" algn="l" defTabSz="1597141" rtl="0" fontAlgn="base">
        <a:spcBef>
          <a:spcPct val="20000"/>
        </a:spcBef>
        <a:spcAft>
          <a:spcPct val="0"/>
        </a:spcAft>
        <a:buChar char="»"/>
        <a:defRPr sz="3400">
          <a:solidFill>
            <a:schemeClr val="tx1"/>
          </a:solidFill>
          <a:latin typeface="+mn-lt"/>
          <a:ea typeface="+mn-ea"/>
        </a:defRPr>
      </a:lvl7pPr>
      <a:lvl8pPr marL="6325369" indent="-401664" algn="l" defTabSz="1597141" rtl="0" fontAlgn="base">
        <a:spcBef>
          <a:spcPct val="20000"/>
        </a:spcBef>
        <a:spcAft>
          <a:spcPct val="0"/>
        </a:spcAft>
        <a:buChar char="»"/>
        <a:defRPr sz="3400">
          <a:solidFill>
            <a:schemeClr val="tx1"/>
          </a:solidFill>
          <a:latin typeface="+mn-lt"/>
          <a:ea typeface="+mn-ea"/>
        </a:defRPr>
      </a:lvl8pPr>
      <a:lvl9pPr marL="7236225" indent="-401664" algn="l" defTabSz="1597141" rtl="0" fontAlgn="base">
        <a:spcBef>
          <a:spcPct val="20000"/>
        </a:spcBef>
        <a:spcAft>
          <a:spcPct val="0"/>
        </a:spcAft>
        <a:buChar char="»"/>
        <a:defRPr sz="3400">
          <a:solidFill>
            <a:schemeClr val="tx1"/>
          </a:solidFill>
          <a:latin typeface="+mn-lt"/>
          <a:ea typeface="+mn-ea"/>
        </a:defRPr>
      </a:lvl9pPr>
    </p:bodyStyle>
    <p:otherStyle>
      <a:defPPr>
        <a:defRPr lang="zh-CN"/>
      </a:defPPr>
      <a:lvl1pPr marL="0" algn="l" defTabSz="1821718" rtl="0" eaLnBrk="1" latinLnBrk="0" hangingPunct="1">
        <a:defRPr sz="3600" kern="1200">
          <a:solidFill>
            <a:schemeClr val="tx1"/>
          </a:solidFill>
          <a:latin typeface="+mn-lt"/>
          <a:ea typeface="+mn-ea"/>
          <a:cs typeface="+mn-cs"/>
        </a:defRPr>
      </a:lvl1pPr>
      <a:lvl2pPr marL="910856" algn="l" defTabSz="1821718" rtl="0" eaLnBrk="1" latinLnBrk="0" hangingPunct="1">
        <a:defRPr sz="3600" kern="1200">
          <a:solidFill>
            <a:schemeClr val="tx1"/>
          </a:solidFill>
          <a:latin typeface="+mn-lt"/>
          <a:ea typeface="+mn-ea"/>
          <a:cs typeface="+mn-cs"/>
        </a:defRPr>
      </a:lvl2pPr>
      <a:lvl3pPr marL="1821718" algn="l" defTabSz="1821718" rtl="0" eaLnBrk="1" latinLnBrk="0" hangingPunct="1">
        <a:defRPr sz="3600" kern="1200">
          <a:solidFill>
            <a:schemeClr val="tx1"/>
          </a:solidFill>
          <a:latin typeface="+mn-lt"/>
          <a:ea typeface="+mn-ea"/>
          <a:cs typeface="+mn-cs"/>
        </a:defRPr>
      </a:lvl3pPr>
      <a:lvl4pPr marL="2732566" algn="l" defTabSz="1821718" rtl="0" eaLnBrk="1" latinLnBrk="0" hangingPunct="1">
        <a:defRPr sz="3600" kern="1200">
          <a:solidFill>
            <a:schemeClr val="tx1"/>
          </a:solidFill>
          <a:latin typeface="+mn-lt"/>
          <a:ea typeface="+mn-ea"/>
          <a:cs typeface="+mn-cs"/>
        </a:defRPr>
      </a:lvl4pPr>
      <a:lvl5pPr marL="3643419" algn="l" defTabSz="1821718" rtl="0" eaLnBrk="1" latinLnBrk="0" hangingPunct="1">
        <a:defRPr sz="3600" kern="1200">
          <a:solidFill>
            <a:schemeClr val="tx1"/>
          </a:solidFill>
          <a:latin typeface="+mn-lt"/>
          <a:ea typeface="+mn-ea"/>
          <a:cs typeface="+mn-cs"/>
        </a:defRPr>
      </a:lvl5pPr>
      <a:lvl6pPr marL="4554265" algn="l" defTabSz="1821718" rtl="0" eaLnBrk="1" latinLnBrk="0" hangingPunct="1">
        <a:defRPr sz="3600" kern="1200">
          <a:solidFill>
            <a:schemeClr val="tx1"/>
          </a:solidFill>
          <a:latin typeface="+mn-lt"/>
          <a:ea typeface="+mn-ea"/>
          <a:cs typeface="+mn-cs"/>
        </a:defRPr>
      </a:lvl6pPr>
      <a:lvl7pPr marL="5465117" algn="l" defTabSz="1821718" rtl="0" eaLnBrk="1" latinLnBrk="0" hangingPunct="1">
        <a:defRPr sz="3600" kern="1200">
          <a:solidFill>
            <a:schemeClr val="tx1"/>
          </a:solidFill>
          <a:latin typeface="+mn-lt"/>
          <a:ea typeface="+mn-ea"/>
          <a:cs typeface="+mn-cs"/>
        </a:defRPr>
      </a:lvl7pPr>
      <a:lvl8pPr marL="6375977" algn="l" defTabSz="1821718" rtl="0" eaLnBrk="1" latinLnBrk="0" hangingPunct="1">
        <a:defRPr sz="3600" kern="1200">
          <a:solidFill>
            <a:schemeClr val="tx1"/>
          </a:solidFill>
          <a:latin typeface="+mn-lt"/>
          <a:ea typeface="+mn-ea"/>
          <a:cs typeface="+mn-cs"/>
        </a:defRPr>
      </a:lvl8pPr>
      <a:lvl9pPr marL="7286829" algn="l" defTabSz="1821718" rtl="0" eaLnBrk="1" latinLnBrk="0" hangingPunct="1">
        <a:defRPr sz="36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3" name="矩形 2"/>
          <p:cNvSpPr/>
          <p:nvPr userDrawn="1"/>
        </p:nvSpPr>
        <p:spPr bwMode="auto">
          <a:xfrm>
            <a:off x="9526" y="0"/>
            <a:ext cx="18281649" cy="10290175"/>
          </a:xfrm>
          <a:prstGeom prst="rect">
            <a:avLst/>
          </a:prstGeom>
          <a:solidFill>
            <a:schemeClr val="bg1">
              <a:lumMod val="95000"/>
            </a:schemeClr>
          </a:solid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773" tIns="91386" rIns="182773" bIns="91386" numCol="1" rtlCol="0" anchor="t" anchorCtr="0" compatLnSpc="1">
            <a:prstTxWarp prst="textNoShape">
              <a:avLst/>
            </a:prstTxWarp>
          </a:bodyPr>
          <a:lstStyle/>
          <a:p>
            <a:pPr defTabSz="1827701">
              <a:buClr>
                <a:srgbClr val="CC9900"/>
              </a:buClr>
              <a:buFont typeface="Wingdings" pitchFamily="2" charset="2"/>
              <a:buChar char="n"/>
            </a:pPr>
            <a:endParaRPr lang="zh-CN" altLang="en-US" sz="3600" dirty="0" smtClean="0">
              <a:solidFill>
                <a:srgbClr val="000000"/>
              </a:solidFill>
              <a:latin typeface="Arial" charset="0"/>
              <a:ea typeface="宋体" charset="-122"/>
            </a:endParaRPr>
          </a:p>
        </p:txBody>
      </p:sp>
      <p:grpSp>
        <p:nvGrpSpPr>
          <p:cNvPr id="2" name="组合 3"/>
          <p:cNvGrpSpPr/>
          <p:nvPr userDrawn="1"/>
        </p:nvGrpSpPr>
        <p:grpSpPr>
          <a:xfrm>
            <a:off x="0" y="10179017"/>
            <a:ext cx="18291175" cy="111158"/>
            <a:chOff x="0" y="5087938"/>
            <a:chExt cx="9144000" cy="55562"/>
          </a:xfrm>
        </p:grpSpPr>
        <p:pic>
          <p:nvPicPr>
            <p:cNvPr id="5" name="Picture 2" descr="E:\01 日常工作\10 多媒体\PPT内部汇报用模板\红条.jpg"/>
            <p:cNvPicPr>
              <a:picLocks noChangeAspect="1" noChangeArrowheads="1"/>
            </p:cNvPicPr>
            <p:nvPr userDrawn="1"/>
          </p:nvPicPr>
          <p:blipFill>
            <a:blip r:embed="rId6" cstate="screen"/>
            <a:srcRect/>
            <a:stretch>
              <a:fillRect/>
            </a:stretch>
          </p:blipFill>
          <p:spPr bwMode="auto">
            <a:xfrm>
              <a:off x="0" y="5087938"/>
              <a:ext cx="8616950" cy="55562"/>
            </a:xfrm>
            <a:prstGeom prst="rect">
              <a:avLst/>
            </a:prstGeom>
            <a:noFill/>
          </p:spPr>
        </p:pic>
        <p:pic>
          <p:nvPicPr>
            <p:cNvPr id="6" name="Picture 2" descr="E:\01 日常工作\10 多媒体\PPT内部汇报用模板\红条.jpg"/>
            <p:cNvPicPr>
              <a:picLocks noChangeAspect="1" noChangeArrowheads="1"/>
            </p:cNvPicPr>
            <p:nvPr userDrawn="1"/>
          </p:nvPicPr>
          <p:blipFill>
            <a:blip r:embed="rId6" cstate="screen"/>
            <a:srcRect/>
            <a:stretch>
              <a:fillRect/>
            </a:stretch>
          </p:blipFill>
          <p:spPr bwMode="auto">
            <a:xfrm>
              <a:off x="527050" y="5087938"/>
              <a:ext cx="8616950" cy="55562"/>
            </a:xfrm>
            <a:prstGeom prst="rect">
              <a:avLst/>
            </a:prstGeom>
            <a:noFill/>
          </p:spPr>
        </p:pic>
      </p:grpSp>
      <p:pic>
        <p:nvPicPr>
          <p:cNvPr id="8" name="Picture 2" descr="C:\Users\z00124665\Desktop\HW LOGO(横版）.png"/>
          <p:cNvPicPr>
            <a:picLocks noChangeAspect="1" noChangeArrowheads="1"/>
          </p:cNvPicPr>
          <p:nvPr userDrawn="1"/>
        </p:nvPicPr>
        <p:blipFill>
          <a:blip r:embed="rId7" cstate="screen"/>
          <a:srcRect/>
          <a:stretch>
            <a:fillRect/>
          </a:stretch>
        </p:blipFill>
        <p:spPr bwMode="auto">
          <a:xfrm>
            <a:off x="15135444" y="9378768"/>
            <a:ext cx="2500736" cy="609236"/>
          </a:xfrm>
          <a:prstGeom prst="rect">
            <a:avLst/>
          </a:prstGeom>
          <a:noFill/>
        </p:spPr>
      </p:pic>
      <p:sp>
        <p:nvSpPr>
          <p:cNvPr id="9" name="Rectangle 5"/>
          <p:cNvSpPr>
            <a:spLocks noChangeArrowheads="1"/>
          </p:cNvSpPr>
          <p:nvPr userDrawn="1"/>
        </p:nvSpPr>
        <p:spPr bwMode="auto">
          <a:xfrm>
            <a:off x="6082105" y="9754139"/>
            <a:ext cx="544204" cy="392007"/>
          </a:xfrm>
          <a:prstGeom prst="rect">
            <a:avLst/>
          </a:prstGeom>
          <a:noFill/>
          <a:ln w="9525">
            <a:noFill/>
            <a:miter lim="800000"/>
            <a:headEnd/>
            <a:tailEnd/>
          </a:ln>
        </p:spPr>
        <p:txBody>
          <a:bodyPr lIns="0" tIns="0" rIns="0" bIns="0"/>
          <a:lstStyle/>
          <a:p>
            <a:pPr eaLnBrk="0" hangingPunct="0">
              <a:lnSpc>
                <a:spcPct val="85000"/>
              </a:lnSpc>
              <a:defRPr/>
            </a:pPr>
            <a:fld id="{F350CB96-EF0E-44F1-90D2-2D2DCEB1810F}" type="slidenum">
              <a:rPr lang="de-DE" altLang="zh-CN" smtClean="0">
                <a:solidFill>
                  <a:srgbClr val="FFFFFF">
                    <a:lumMod val="65000"/>
                  </a:srgbClr>
                </a:solidFill>
                <a:latin typeface="FrutigerNext LT Medium"/>
                <a:ea typeface="华文细黑"/>
              </a:rPr>
              <a:pPr eaLnBrk="0" hangingPunct="0">
                <a:lnSpc>
                  <a:spcPct val="85000"/>
                </a:lnSpc>
                <a:defRPr/>
              </a:pPr>
              <a:t>‹#›</a:t>
            </a:fld>
            <a:endParaRPr lang="en-GB" altLang="zh-CN" dirty="0">
              <a:solidFill>
                <a:srgbClr val="FFFFFF">
                  <a:lumMod val="65000"/>
                </a:srgbClr>
              </a:solidFill>
              <a:latin typeface="FrutigerNext LT Medium"/>
              <a:ea typeface="华文细黑"/>
            </a:endParaRPr>
          </a:p>
        </p:txBody>
      </p:sp>
      <p:pic>
        <p:nvPicPr>
          <p:cNvPr id="10" name="Picture 2" descr="C:\Users\z00124665\Desktop\图形1.wmf"/>
          <p:cNvPicPr>
            <a:picLocks noChangeAspect="1" noChangeArrowheads="1"/>
          </p:cNvPicPr>
          <p:nvPr userDrawn="1"/>
        </p:nvPicPr>
        <p:blipFill>
          <a:blip r:embed="rId8" cstate="screen"/>
          <a:srcRect/>
          <a:stretch>
            <a:fillRect/>
          </a:stretch>
        </p:blipFill>
        <p:spPr bwMode="auto">
          <a:xfrm>
            <a:off x="644647" y="9727402"/>
            <a:ext cx="5312696" cy="242009"/>
          </a:xfrm>
          <a:prstGeom prst="rect">
            <a:avLst/>
          </a:prstGeom>
          <a:noFill/>
        </p:spPr>
      </p:pic>
      <p:pic>
        <p:nvPicPr>
          <p:cNvPr id="11" name="Picture 2" descr="C:\Users\z00124665\Desktop\A BETTER WAY SOLUTIONS.wmf"/>
          <p:cNvPicPr>
            <a:picLocks noChangeAspect="1" noChangeArrowheads="1"/>
          </p:cNvPicPr>
          <p:nvPr userDrawn="1"/>
        </p:nvPicPr>
        <p:blipFill>
          <a:blip r:embed="rId9" cstate="screen"/>
          <a:srcRect/>
          <a:stretch>
            <a:fillRect/>
          </a:stretch>
        </p:blipFill>
        <p:spPr bwMode="auto">
          <a:xfrm>
            <a:off x="11136659" y="354550"/>
            <a:ext cx="6541636" cy="182192"/>
          </a:xfrm>
          <a:prstGeom prst="rect">
            <a:avLst/>
          </a:prstGeom>
          <a:noFill/>
        </p:spPr>
      </p:pic>
    </p:spTree>
  </p:cSld>
  <p:clrMap bg1="lt1" tx1="dk1" bg2="lt2" tx2="dk2" accent1="accent1" accent2="accent2" accent3="accent3" accent4="accent4" accent5="accent5" accent6="accent6" hlink="hlink" folHlink="folHlink"/>
  <p:sldLayoutIdLst>
    <p:sldLayoutId id="2147485299" r:id="rId1"/>
    <p:sldLayoutId id="2147485301" r:id="rId2"/>
    <p:sldLayoutId id="2147485302" r:id="rId3"/>
    <p:sldLayoutId id="2147485303" r:id="rId4"/>
  </p:sldLayoutIdLst>
  <p:transition advClick="0" advTm="8000">
    <p:fade thruBlk="1"/>
  </p:transition>
  <p:timing>
    <p:tnLst>
      <p:par>
        <p:cTn id="1" dur="indefinite" restart="never" nodeType="tmRoot"/>
      </p:par>
    </p:tnLst>
  </p:timing>
  <p:txStyles>
    <p:titleStyle>
      <a:lvl1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mj-cs"/>
        </a:defRPr>
      </a:lvl1pPr>
      <a:lvl2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2pPr>
      <a:lvl3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3pPr>
      <a:lvl4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4pPr>
      <a:lvl5pPr algn="l" rtl="0" eaLnBrk="0" fontAlgn="base" hangingPunct="0">
        <a:spcBef>
          <a:spcPct val="0"/>
        </a:spcBef>
        <a:spcAft>
          <a:spcPct val="0"/>
        </a:spcAft>
        <a:defRPr sz="6400" b="1">
          <a:solidFill>
            <a:srgbClr val="990000"/>
          </a:solidFill>
          <a:latin typeface="FrutigerNext LT Medium" pitchFamily="34" charset="0"/>
          <a:ea typeface="黑体" pitchFamily="49" charset="-122"/>
          <a:cs typeface="宋体" charset="-122"/>
        </a:defRPr>
      </a:lvl5pPr>
      <a:lvl6pPr marL="913855"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6pPr>
      <a:lvl7pPr marL="1827701"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7pPr>
      <a:lvl8pPr marL="2741554"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8pPr>
      <a:lvl9pPr marL="3655403" algn="l" rtl="0" eaLnBrk="1" fontAlgn="base" hangingPunct="1">
        <a:spcBef>
          <a:spcPct val="0"/>
        </a:spcBef>
        <a:spcAft>
          <a:spcPct val="0"/>
        </a:spcAft>
        <a:defRPr sz="6400" b="1">
          <a:solidFill>
            <a:srgbClr val="990000"/>
          </a:solidFill>
          <a:latin typeface="FrutigerNext LT Medium" pitchFamily="34" charset="0"/>
          <a:ea typeface="华文细黑" pitchFamily="2" charset="-122"/>
          <a:cs typeface="宋体" charset="-122"/>
        </a:defRPr>
      </a:lvl9pPr>
    </p:titleStyle>
    <p:bodyStyle>
      <a:lvl1pPr marL="685385" indent="-685385" algn="l" rtl="0" eaLnBrk="0" fontAlgn="base" hangingPunct="0">
        <a:lnSpc>
          <a:spcPct val="140000"/>
        </a:lnSpc>
        <a:spcBef>
          <a:spcPct val="0"/>
        </a:spcBef>
        <a:spcAft>
          <a:spcPct val="0"/>
        </a:spcAft>
        <a:buClr>
          <a:srgbClr val="808080"/>
        </a:buClr>
        <a:buSzPct val="60000"/>
        <a:buFont typeface="Wingdings" pitchFamily="2" charset="2"/>
        <a:buChar char="l"/>
        <a:defRPr sz="4800" b="1">
          <a:solidFill>
            <a:schemeClr val="bg1"/>
          </a:solidFill>
          <a:latin typeface="FrutigerNext LT Regular" pitchFamily="34" charset="0"/>
          <a:ea typeface="黑体" pitchFamily="49" charset="-122"/>
          <a:cs typeface="+mn-cs"/>
        </a:defRPr>
      </a:lvl1pPr>
      <a:lvl2pPr marL="1485005" indent="-571158" algn="l" rtl="0" eaLnBrk="0" fontAlgn="base" hangingPunct="0">
        <a:lnSpc>
          <a:spcPct val="140000"/>
        </a:lnSpc>
        <a:spcBef>
          <a:spcPct val="0"/>
        </a:spcBef>
        <a:spcAft>
          <a:spcPct val="0"/>
        </a:spcAft>
        <a:buSzPct val="50000"/>
        <a:buFont typeface="Wingdings" pitchFamily="2" charset="2"/>
        <a:buChar char="p"/>
        <a:defRPr>
          <a:solidFill>
            <a:schemeClr val="bg1"/>
          </a:solidFill>
          <a:latin typeface="+mn-lt"/>
          <a:ea typeface="+mn-ea"/>
          <a:cs typeface="+mn-cs"/>
        </a:defRPr>
      </a:lvl2pPr>
      <a:lvl3pPr marL="2284625" indent="-456923" algn="l" rtl="0" eaLnBrk="0" fontAlgn="base" hangingPunct="0">
        <a:lnSpc>
          <a:spcPct val="140000"/>
        </a:lnSpc>
        <a:spcBef>
          <a:spcPct val="0"/>
        </a:spcBef>
        <a:spcAft>
          <a:spcPct val="0"/>
        </a:spcAft>
        <a:buSzPct val="50000"/>
        <a:buFont typeface="Wingdings" pitchFamily="2" charset="2"/>
        <a:buChar char="n"/>
        <a:defRPr sz="3200">
          <a:solidFill>
            <a:schemeClr val="bg1"/>
          </a:solidFill>
          <a:latin typeface="FrutigerNext LT Regular" pitchFamily="34" charset="0"/>
          <a:ea typeface="+mn-ea"/>
          <a:cs typeface="+mn-cs"/>
        </a:defRPr>
      </a:lvl3pPr>
      <a:lvl4pPr marL="3198480" indent="-456923" algn="l" rtl="0" eaLnBrk="0" fontAlgn="base" hangingPunct="0">
        <a:lnSpc>
          <a:spcPct val="140000"/>
        </a:lnSpc>
        <a:spcBef>
          <a:spcPct val="0"/>
        </a:spcBef>
        <a:spcAft>
          <a:spcPct val="0"/>
        </a:spcAft>
        <a:buChar char="–"/>
        <a:defRPr sz="2800">
          <a:solidFill>
            <a:schemeClr val="bg1"/>
          </a:solidFill>
          <a:latin typeface="FrutigerNext LT Regular" pitchFamily="34" charset="0"/>
          <a:ea typeface="+mn-ea"/>
          <a:cs typeface="+mn-cs"/>
        </a:defRPr>
      </a:lvl4pPr>
      <a:lvl5pPr marL="4112330" indent="-456923" algn="l" rtl="0" eaLnBrk="0" fontAlgn="base" hangingPunct="0">
        <a:lnSpc>
          <a:spcPct val="140000"/>
        </a:lnSpc>
        <a:spcBef>
          <a:spcPct val="0"/>
        </a:spcBef>
        <a:spcAft>
          <a:spcPct val="0"/>
        </a:spcAft>
        <a:buFont typeface="Arial" pitchFamily="34" charset="0"/>
        <a:buChar char="~"/>
        <a:defRPr sz="2400">
          <a:solidFill>
            <a:schemeClr val="bg1"/>
          </a:solidFill>
          <a:latin typeface="FrutigerNext LT Regular" pitchFamily="34" charset="0"/>
          <a:ea typeface="+mn-ea"/>
          <a:cs typeface="+mn-cs"/>
        </a:defRPr>
      </a:lvl5pPr>
      <a:lvl6pPr marL="5026181"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6pPr>
      <a:lvl7pPr marL="5940034"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7pPr>
      <a:lvl8pPr marL="6853883"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8pPr>
      <a:lvl9pPr marL="7767735" indent="-456923" algn="l" rtl="0" eaLnBrk="1" fontAlgn="base" hangingPunct="1">
        <a:spcBef>
          <a:spcPct val="20000"/>
        </a:spcBef>
        <a:spcAft>
          <a:spcPct val="0"/>
        </a:spcAft>
        <a:buFont typeface="Arial" charset="0"/>
        <a:buChar char="~"/>
        <a:defRPr sz="3200">
          <a:solidFill>
            <a:schemeClr val="tx1"/>
          </a:solidFill>
          <a:latin typeface="+mn-lt"/>
          <a:ea typeface="+mn-ea"/>
          <a:cs typeface="+mn-cs"/>
        </a:defRPr>
      </a:lvl9pPr>
    </p:bodyStyle>
    <p:otherStyle>
      <a:defPPr>
        <a:defRPr lang="zh-CN"/>
      </a:defPPr>
      <a:lvl1pPr marL="0" algn="l" defTabSz="1827701" rtl="0" eaLnBrk="1" latinLnBrk="0" hangingPunct="1">
        <a:defRPr sz="3600" kern="1200">
          <a:solidFill>
            <a:schemeClr val="tx1"/>
          </a:solidFill>
          <a:latin typeface="+mn-lt"/>
          <a:ea typeface="+mn-ea"/>
          <a:cs typeface="+mn-cs"/>
        </a:defRPr>
      </a:lvl1pPr>
      <a:lvl2pPr marL="913855" algn="l" defTabSz="1827701" rtl="0" eaLnBrk="1" latinLnBrk="0" hangingPunct="1">
        <a:defRPr sz="3600" kern="1200">
          <a:solidFill>
            <a:schemeClr val="tx1"/>
          </a:solidFill>
          <a:latin typeface="+mn-lt"/>
          <a:ea typeface="+mn-ea"/>
          <a:cs typeface="+mn-cs"/>
        </a:defRPr>
      </a:lvl2pPr>
      <a:lvl3pPr marL="1827701" algn="l" defTabSz="1827701" rtl="0" eaLnBrk="1" latinLnBrk="0" hangingPunct="1">
        <a:defRPr sz="3600" kern="1200">
          <a:solidFill>
            <a:schemeClr val="tx1"/>
          </a:solidFill>
          <a:latin typeface="+mn-lt"/>
          <a:ea typeface="+mn-ea"/>
          <a:cs typeface="+mn-cs"/>
        </a:defRPr>
      </a:lvl3pPr>
      <a:lvl4pPr marL="2741554" algn="l" defTabSz="1827701" rtl="0" eaLnBrk="1" latinLnBrk="0" hangingPunct="1">
        <a:defRPr sz="3600" kern="1200">
          <a:solidFill>
            <a:schemeClr val="tx1"/>
          </a:solidFill>
          <a:latin typeface="+mn-lt"/>
          <a:ea typeface="+mn-ea"/>
          <a:cs typeface="+mn-cs"/>
        </a:defRPr>
      </a:lvl4pPr>
      <a:lvl5pPr marL="3655403" algn="l" defTabSz="1827701" rtl="0" eaLnBrk="1" latinLnBrk="0" hangingPunct="1">
        <a:defRPr sz="3600" kern="1200">
          <a:solidFill>
            <a:schemeClr val="tx1"/>
          </a:solidFill>
          <a:latin typeface="+mn-lt"/>
          <a:ea typeface="+mn-ea"/>
          <a:cs typeface="+mn-cs"/>
        </a:defRPr>
      </a:lvl5pPr>
      <a:lvl6pPr marL="4569256" algn="l" defTabSz="1827701" rtl="0" eaLnBrk="1" latinLnBrk="0" hangingPunct="1">
        <a:defRPr sz="3600" kern="1200">
          <a:solidFill>
            <a:schemeClr val="tx1"/>
          </a:solidFill>
          <a:latin typeface="+mn-lt"/>
          <a:ea typeface="+mn-ea"/>
          <a:cs typeface="+mn-cs"/>
        </a:defRPr>
      </a:lvl6pPr>
      <a:lvl7pPr marL="5483106" algn="l" defTabSz="1827701" rtl="0" eaLnBrk="1" latinLnBrk="0" hangingPunct="1">
        <a:defRPr sz="3600" kern="1200">
          <a:solidFill>
            <a:schemeClr val="tx1"/>
          </a:solidFill>
          <a:latin typeface="+mn-lt"/>
          <a:ea typeface="+mn-ea"/>
          <a:cs typeface="+mn-cs"/>
        </a:defRPr>
      </a:lvl7pPr>
      <a:lvl8pPr marL="6396959" algn="l" defTabSz="1827701" rtl="0" eaLnBrk="1" latinLnBrk="0" hangingPunct="1">
        <a:defRPr sz="3600" kern="1200">
          <a:solidFill>
            <a:schemeClr val="tx1"/>
          </a:solidFill>
          <a:latin typeface="+mn-lt"/>
          <a:ea typeface="+mn-ea"/>
          <a:cs typeface="+mn-cs"/>
        </a:defRPr>
      </a:lvl8pPr>
      <a:lvl9pPr marL="7310808" algn="l" defTabSz="1827701" rtl="0" eaLnBrk="1" latinLnBrk="0" hangingPunct="1">
        <a:defRPr sz="36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49.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82.xml"/></Relationships>
</file>

<file path=ppt/slides/_rels/slide2.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jpeg"/><Relationship Id="rId7" Type="http://schemas.openxmlformats.org/officeDocument/2006/relationships/image" Target="../media/image20.png"/><Relationship Id="rId2" Type="http://schemas.openxmlformats.org/officeDocument/2006/relationships/notesSlide" Target="../notesSlides/notesSlide2.xml"/><Relationship Id="rId1" Type="http://schemas.openxmlformats.org/officeDocument/2006/relationships/slideLayout" Target="../slideLayouts/slideLayout5.xml"/><Relationship Id="rId6" Type="http://schemas.openxmlformats.org/officeDocument/2006/relationships/image" Target="../media/image19.png"/><Relationship Id="rId5" Type="http://schemas.openxmlformats.org/officeDocument/2006/relationships/image" Target="../media/image18.jpeg"/><Relationship Id="rId4" Type="http://schemas.openxmlformats.org/officeDocument/2006/relationships/image" Target="../media/image17.jpeg"/><Relationship Id="rId9" Type="http://schemas.openxmlformats.org/officeDocument/2006/relationships/image" Target="../media/image22.png"/></Relationships>
</file>

<file path=ppt/slides/_rels/slide3.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3.xml"/><Relationship Id="rId1" Type="http://schemas.openxmlformats.org/officeDocument/2006/relationships/slideLayout" Target="../slideLayouts/slideLayout54.xml"/><Relationship Id="rId5" Type="http://schemas.openxmlformats.org/officeDocument/2006/relationships/image" Target="../media/image25.png"/><Relationship Id="rId4" Type="http://schemas.openxmlformats.org/officeDocument/2006/relationships/image" Target="../media/image24.png"/></Relationships>
</file>

<file path=ppt/slides/_rels/slide4.xml.rels><?xml version="1.0" encoding="UTF-8" standalone="yes"?>
<Relationships xmlns="http://schemas.openxmlformats.org/package/2006/relationships"><Relationship Id="rId8" Type="http://schemas.openxmlformats.org/officeDocument/2006/relationships/image" Target="NULL"/><Relationship Id="rId13" Type="http://schemas.openxmlformats.org/officeDocument/2006/relationships/image" Target="../media/image35.png"/><Relationship Id="rId3" Type="http://schemas.openxmlformats.org/officeDocument/2006/relationships/image" Target="../media/image26.jpeg"/><Relationship Id="rId7" Type="http://schemas.openxmlformats.org/officeDocument/2006/relationships/image" Target="../media/image30.png"/><Relationship Id="rId12" Type="http://schemas.openxmlformats.org/officeDocument/2006/relationships/image" Target="../media/image34.png"/><Relationship Id="rId2" Type="http://schemas.openxmlformats.org/officeDocument/2006/relationships/notesSlide" Target="../notesSlides/notesSlide4.xml"/><Relationship Id="rId1" Type="http://schemas.openxmlformats.org/officeDocument/2006/relationships/slideLayout" Target="../slideLayouts/slideLayout55.xml"/><Relationship Id="rId6" Type="http://schemas.openxmlformats.org/officeDocument/2006/relationships/image" Target="../media/image29.png"/><Relationship Id="rId11" Type="http://schemas.openxmlformats.org/officeDocument/2006/relationships/image" Target="../media/image33.png"/><Relationship Id="rId5" Type="http://schemas.openxmlformats.org/officeDocument/2006/relationships/image" Target="../media/image28.png"/><Relationship Id="rId10" Type="http://schemas.openxmlformats.org/officeDocument/2006/relationships/image" Target="../media/image32.png"/><Relationship Id="rId4" Type="http://schemas.openxmlformats.org/officeDocument/2006/relationships/image" Target="../media/image27.png"/><Relationship Id="rId9" Type="http://schemas.openxmlformats.org/officeDocument/2006/relationships/image" Target="../media/image31.png"/><Relationship Id="rId14" Type="http://schemas.openxmlformats.org/officeDocument/2006/relationships/image" Target="../media/image36.jpe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6.xml"/></Relationships>
</file>

<file path=ppt/slides/_rels/slide6.xml.rels><?xml version="1.0" encoding="UTF-8" standalone="yes"?>
<Relationships xmlns="http://schemas.openxmlformats.org/package/2006/relationships"><Relationship Id="rId3" Type="http://schemas.openxmlformats.org/officeDocument/2006/relationships/image" Target="../media/image37.png"/><Relationship Id="rId7" Type="http://schemas.openxmlformats.org/officeDocument/2006/relationships/image" Target="../media/image41.png"/><Relationship Id="rId2" Type="http://schemas.openxmlformats.org/officeDocument/2006/relationships/notesSlide" Target="../notesSlides/notesSlide6.xml"/><Relationship Id="rId1" Type="http://schemas.openxmlformats.org/officeDocument/2006/relationships/slideLayout" Target="../slideLayouts/slideLayout52.xml"/><Relationship Id="rId6" Type="http://schemas.openxmlformats.org/officeDocument/2006/relationships/image" Target="../media/image40.jpeg"/><Relationship Id="rId5" Type="http://schemas.openxmlformats.org/officeDocument/2006/relationships/image" Target="../media/image39.png"/><Relationship Id="rId4" Type="http://schemas.openxmlformats.org/officeDocument/2006/relationships/image" Target="../media/image38.png"/></Relationships>
</file>

<file path=ppt/slides/_rels/slide7.xml.rels><?xml version="1.0" encoding="UTF-8" standalone="yes"?>
<Relationships xmlns="http://schemas.openxmlformats.org/package/2006/relationships"><Relationship Id="rId8" Type="http://schemas.openxmlformats.org/officeDocument/2006/relationships/image" Target="../media/image47.jpeg"/><Relationship Id="rId13" Type="http://schemas.openxmlformats.org/officeDocument/2006/relationships/image" Target="../media/image52.jpeg"/><Relationship Id="rId3" Type="http://schemas.openxmlformats.org/officeDocument/2006/relationships/image" Target="../media/image42.png"/><Relationship Id="rId7" Type="http://schemas.openxmlformats.org/officeDocument/2006/relationships/image" Target="../media/image46.jpeg"/><Relationship Id="rId12" Type="http://schemas.openxmlformats.org/officeDocument/2006/relationships/image" Target="../media/image51.jpeg"/><Relationship Id="rId2" Type="http://schemas.openxmlformats.org/officeDocument/2006/relationships/notesSlide" Target="../notesSlides/notesSlide7.xml"/><Relationship Id="rId1" Type="http://schemas.openxmlformats.org/officeDocument/2006/relationships/slideLayout" Target="../slideLayouts/slideLayout53.xml"/><Relationship Id="rId6" Type="http://schemas.openxmlformats.org/officeDocument/2006/relationships/image" Target="../media/image45.jpeg"/><Relationship Id="rId11" Type="http://schemas.openxmlformats.org/officeDocument/2006/relationships/image" Target="../media/image50.png"/><Relationship Id="rId5" Type="http://schemas.openxmlformats.org/officeDocument/2006/relationships/image" Target="../media/image44.png"/><Relationship Id="rId15" Type="http://schemas.openxmlformats.org/officeDocument/2006/relationships/image" Target="../media/image54.png"/><Relationship Id="rId10" Type="http://schemas.openxmlformats.org/officeDocument/2006/relationships/image" Target="../media/image49.jpeg"/><Relationship Id="rId4" Type="http://schemas.openxmlformats.org/officeDocument/2006/relationships/image" Target="../media/image43.png"/><Relationship Id="rId9" Type="http://schemas.openxmlformats.org/officeDocument/2006/relationships/image" Target="../media/image48.jpeg"/><Relationship Id="rId14" Type="http://schemas.openxmlformats.org/officeDocument/2006/relationships/image" Target="../media/image53.png"/></Relationships>
</file>

<file path=ppt/slides/_rels/slide8.xml.rels><?xml version="1.0" encoding="UTF-8" standalone="yes"?>
<Relationships xmlns="http://schemas.openxmlformats.org/package/2006/relationships"><Relationship Id="rId3" Type="http://schemas.openxmlformats.org/officeDocument/2006/relationships/image" Target="../media/image55.jpeg"/><Relationship Id="rId2" Type="http://schemas.openxmlformats.org/officeDocument/2006/relationships/notesSlide" Target="../notesSlides/notesSlide8.xml"/><Relationship Id="rId1" Type="http://schemas.openxmlformats.org/officeDocument/2006/relationships/slideLayout" Target="../slideLayouts/slideLayout57.xml"/><Relationship Id="rId6" Type="http://schemas.openxmlformats.org/officeDocument/2006/relationships/image" Target="../media/image58.jpeg"/><Relationship Id="rId5" Type="http://schemas.openxmlformats.org/officeDocument/2006/relationships/image" Target="../media/image57.png"/><Relationship Id="rId4" Type="http://schemas.openxmlformats.org/officeDocument/2006/relationships/image" Target="../media/image56.jpeg"/></Relationships>
</file>

<file path=ppt/slides/_rels/slide9.xml.rels><?xml version="1.0" encoding="UTF-8" standalone="yes"?>
<Relationships xmlns="http://schemas.openxmlformats.org/package/2006/relationships"><Relationship Id="rId8" Type="http://schemas.openxmlformats.org/officeDocument/2006/relationships/image" Target="../media/image64.png"/><Relationship Id="rId13" Type="http://schemas.openxmlformats.org/officeDocument/2006/relationships/image" Target="../media/image69.png"/><Relationship Id="rId3" Type="http://schemas.openxmlformats.org/officeDocument/2006/relationships/image" Target="../media/image59.png"/><Relationship Id="rId7" Type="http://schemas.openxmlformats.org/officeDocument/2006/relationships/image" Target="../media/image63.emf"/><Relationship Id="rId12" Type="http://schemas.openxmlformats.org/officeDocument/2006/relationships/image" Target="../media/image68.png"/><Relationship Id="rId2" Type="http://schemas.openxmlformats.org/officeDocument/2006/relationships/notesSlide" Target="../notesSlides/notesSlide9.xml"/><Relationship Id="rId1" Type="http://schemas.openxmlformats.org/officeDocument/2006/relationships/slideLayout" Target="../slideLayouts/slideLayout58.xml"/><Relationship Id="rId6" Type="http://schemas.openxmlformats.org/officeDocument/2006/relationships/image" Target="../media/image62.png"/><Relationship Id="rId11" Type="http://schemas.openxmlformats.org/officeDocument/2006/relationships/image" Target="../media/image67.png"/><Relationship Id="rId5" Type="http://schemas.openxmlformats.org/officeDocument/2006/relationships/image" Target="../media/image61.png"/><Relationship Id="rId15" Type="http://schemas.openxmlformats.org/officeDocument/2006/relationships/image" Target="../media/image71.png"/><Relationship Id="rId10" Type="http://schemas.openxmlformats.org/officeDocument/2006/relationships/image" Target="../media/image66.png"/><Relationship Id="rId4" Type="http://schemas.openxmlformats.org/officeDocument/2006/relationships/image" Target="../media/image60.png"/><Relationship Id="rId9" Type="http://schemas.openxmlformats.org/officeDocument/2006/relationships/image" Target="../media/image65.png"/><Relationship Id="rId14" Type="http://schemas.openxmlformats.org/officeDocument/2006/relationships/image" Target="../media/image70.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Rectangle 39"/>
          <p:cNvSpPr txBox="1">
            <a:spLocks noChangeArrowheads="1"/>
          </p:cNvSpPr>
          <p:nvPr/>
        </p:nvSpPr>
        <p:spPr bwMode="auto">
          <a:xfrm>
            <a:off x="1288365" y="3015369"/>
            <a:ext cx="13173095" cy="4185616"/>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lgn="ctr">
                <a:solidFill>
                  <a:srgbClr val="000000"/>
                </a:solidFill>
                <a:miter lim="800000"/>
                <a:headEnd/>
                <a:tailEnd/>
              </a14:hiddenLine>
            </a:ext>
          </a:extLst>
        </p:spPr>
        <p:txBody>
          <a:bodyPr vert="horz" wrap="square" lIns="0" tIns="91368" rIns="182737" bIns="91368" numCol="1" anchor="t" anchorCtr="0" compatLnSpc="1">
            <a:prstTxWarp prst="textNoShape">
              <a:avLst/>
            </a:prstTxWarp>
            <a:spAutoFit/>
          </a:bodyPr>
          <a:lstStyle/>
          <a:p>
            <a:pPr eaLnBrk="0" hangingPunct="0">
              <a:defRPr/>
            </a:pPr>
            <a:endParaRPr lang="en-US" altLang="zh-CN" b="1" kern="0" dirty="0" smtClean="0">
              <a:solidFill>
                <a:srgbClr val="FFFFFF"/>
              </a:solidFill>
              <a:latin typeface="FrutigerNext LT Medium"/>
              <a:ea typeface="微软雅黑" pitchFamily="34" charset="-122"/>
              <a:cs typeface="+mj-cs"/>
            </a:endParaRPr>
          </a:p>
          <a:p>
            <a:pPr eaLnBrk="0" hangingPunct="0">
              <a:defRPr/>
            </a:pPr>
            <a:endParaRPr lang="en-US" altLang="zh-CN" b="1" kern="0" dirty="0" smtClean="0">
              <a:solidFill>
                <a:srgbClr val="FFFFFF"/>
              </a:solidFill>
              <a:latin typeface="FrutigerNext LT Medium"/>
              <a:ea typeface="微软雅黑" pitchFamily="34" charset="-122"/>
              <a:cs typeface="+mj-cs"/>
            </a:endParaRPr>
          </a:p>
          <a:p>
            <a:pPr eaLnBrk="0" hangingPunct="0">
              <a:defRPr/>
            </a:pPr>
            <a:r>
              <a:rPr lang="en-US" altLang="zh-CN" sz="5600" b="1" kern="0" dirty="0" smtClean="0">
                <a:solidFill>
                  <a:srgbClr val="FFFFFF"/>
                </a:solidFill>
                <a:ea typeface="微软雅黑" pitchFamily="34" charset="-122"/>
              </a:rPr>
              <a:t>Why Huawei</a:t>
            </a:r>
          </a:p>
          <a:p>
            <a:pPr eaLnBrk="0" hangingPunct="0">
              <a:defRPr/>
            </a:pPr>
            <a:r>
              <a:rPr lang="en-US" altLang="zh-CN" sz="5600" b="1" kern="0" dirty="0" smtClean="0">
                <a:solidFill>
                  <a:srgbClr val="FFFFFF"/>
                </a:solidFill>
                <a:ea typeface="微软雅黑" pitchFamily="34" charset="-122"/>
              </a:rPr>
              <a:t>  -- The world leading ICT solution provider</a:t>
            </a:r>
          </a:p>
          <a:p>
            <a:pPr defTabSz="1827335" eaLnBrk="0" hangingPunct="0">
              <a:defRPr/>
            </a:pPr>
            <a:r>
              <a:rPr lang="en-US" altLang="zh-CN" sz="5600" b="1" kern="0" dirty="0" smtClean="0">
                <a:solidFill>
                  <a:srgbClr val="FFFFFF"/>
                </a:solidFill>
                <a:latin typeface="FrutigerNext LT Medium"/>
                <a:ea typeface="微软雅黑" pitchFamily="34" charset="-122"/>
                <a:cs typeface="+mj-cs"/>
              </a:rPr>
              <a:t/>
            </a:r>
            <a:br>
              <a:rPr lang="en-US" altLang="zh-CN" sz="5600" b="1" kern="0" dirty="0" smtClean="0">
                <a:solidFill>
                  <a:srgbClr val="FFFFFF"/>
                </a:solidFill>
                <a:latin typeface="FrutigerNext LT Medium"/>
                <a:ea typeface="微软雅黑" pitchFamily="34" charset="-122"/>
                <a:cs typeface="+mj-cs"/>
              </a:rPr>
            </a:br>
            <a:endParaRPr lang="zh-CN" altLang="en-US" sz="5600" b="1" kern="0" dirty="0" smtClean="0">
              <a:solidFill>
                <a:srgbClr val="FFFFFF"/>
              </a:solidFill>
              <a:latin typeface="FrutigerNext LT Medium"/>
              <a:ea typeface="微软雅黑" pitchFamily="34" charset="-122"/>
              <a:cs typeface="+mj-cs"/>
            </a:endParaRPr>
          </a:p>
        </p:txBody>
      </p:sp>
    </p:spTree>
  </p:cSld>
  <p:clrMapOvr>
    <a:masterClrMapping/>
  </p:clrMapOvr>
  <p:transition advClick="0" advTm="23740"/>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ransition advClick="0" advTm="76960"/>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Title 2"/>
          <p:cNvSpPr txBox="1">
            <a:spLocks/>
          </p:cNvSpPr>
          <p:nvPr/>
        </p:nvSpPr>
        <p:spPr>
          <a:xfrm>
            <a:off x="191990" y="579409"/>
            <a:ext cx="14045380" cy="799207"/>
          </a:xfrm>
          <a:prstGeom prst="rect">
            <a:avLst/>
          </a:prstGeom>
        </p:spPr>
        <p:txBody>
          <a:bodyPr lIns="182773" tIns="91386" rIns="182773" bIns="91386" anchor="t" anchorCtr="0"/>
          <a:lstStyle/>
          <a:p>
            <a:pPr eaLnBrk="0" hangingPunct="0">
              <a:defRPr/>
            </a:pPr>
            <a:r>
              <a:rPr lang="en-US" altLang="zh-CN" sz="4800" b="1" kern="0" dirty="0" smtClean="0">
                <a:solidFill>
                  <a:srgbClr val="C00000"/>
                </a:solidFill>
                <a:latin typeface="微软雅黑" pitchFamily="34" charset="-122"/>
                <a:ea typeface="微软雅黑" pitchFamily="34" charset="-122"/>
                <a:cs typeface="Arial" pitchFamily="34" charset="0"/>
              </a:rPr>
              <a:t>New Challenges in Banking Business</a:t>
            </a:r>
            <a:endParaRPr lang="en-US" altLang="zh-CN" sz="4800" b="1" kern="0" dirty="0">
              <a:solidFill>
                <a:srgbClr val="C00000"/>
              </a:solidFill>
              <a:latin typeface="微软雅黑" pitchFamily="34" charset="-122"/>
              <a:ea typeface="微软雅黑" pitchFamily="34" charset="-122"/>
              <a:cs typeface="Arial" pitchFamily="34" charset="0"/>
            </a:endParaRPr>
          </a:p>
        </p:txBody>
      </p:sp>
      <p:sp>
        <p:nvSpPr>
          <p:cNvPr id="33" name="矩形 32"/>
          <p:cNvSpPr/>
          <p:nvPr/>
        </p:nvSpPr>
        <p:spPr bwMode="auto">
          <a:xfrm>
            <a:off x="819217" y="2502575"/>
            <a:ext cx="3969359" cy="6749717"/>
          </a:xfrm>
          <a:prstGeom prst="rect">
            <a:avLst/>
          </a:prstGeom>
          <a:solidFill>
            <a:srgbClr val="F9F9F9"/>
          </a:solidFill>
          <a:ln w="9525" algn="ctr">
            <a:noFill/>
            <a:round/>
            <a:headEnd/>
            <a:tailEnd/>
          </a:ln>
          <a:effectLst>
            <a:outerShdw blurRad="63500" sx="101000" sy="101000" algn="ctr" rotWithShape="0">
              <a:prstClr val="black">
                <a:alpha val="20000"/>
              </a:prstClr>
            </a:outerShdw>
            <a:softEdge rad="12700"/>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Lst>
        </p:spPr>
        <p:txBody>
          <a:bodyPr wrap="none" lIns="91368" tIns="45681" rIns="91368" bIns="45681" anchor="ctr"/>
          <a:lstStyle/>
          <a:p>
            <a:pPr marL="180868" indent="-180868" algn="ctr" eaLnBrk="0" fontAlgn="auto" hangingPunct="0">
              <a:lnSpc>
                <a:spcPct val="150000"/>
              </a:lnSpc>
              <a:spcBef>
                <a:spcPts val="0"/>
              </a:spcBef>
              <a:spcAft>
                <a:spcPts val="0"/>
              </a:spcAft>
              <a:buClr>
                <a:srgbClr val="990000"/>
              </a:buClr>
              <a:buSzPct val="60000"/>
              <a:buFont typeface="Arial" pitchFamily="34" charset="0"/>
              <a:buChar char="•"/>
              <a:defRPr/>
            </a:pPr>
            <a:endParaRPr lang="zh-CN" altLang="en-US" sz="400" kern="0" dirty="0">
              <a:solidFill>
                <a:srgbClr val="5F5F5F"/>
              </a:solidFill>
              <a:latin typeface="Arial" pitchFamily="34" charset="0"/>
              <a:ea typeface="Arial Unicode MS" pitchFamily="34" charset="-122"/>
              <a:cs typeface="Arial" pitchFamily="34" charset="0"/>
            </a:endParaRPr>
          </a:p>
        </p:txBody>
      </p:sp>
      <p:sp>
        <p:nvSpPr>
          <p:cNvPr id="154" name="矩形 153"/>
          <p:cNvSpPr/>
          <p:nvPr/>
        </p:nvSpPr>
        <p:spPr bwMode="auto">
          <a:xfrm>
            <a:off x="5134544" y="2502575"/>
            <a:ext cx="3969359" cy="6749717"/>
          </a:xfrm>
          <a:prstGeom prst="rect">
            <a:avLst/>
          </a:prstGeom>
          <a:solidFill>
            <a:srgbClr val="F9F9F9"/>
          </a:solidFill>
          <a:ln w="9525" algn="ctr">
            <a:noFill/>
            <a:round/>
            <a:headEnd/>
            <a:tailEnd/>
          </a:ln>
          <a:effectLst>
            <a:outerShdw blurRad="63500" sx="101000" sy="101000" algn="ctr" rotWithShape="0">
              <a:prstClr val="black">
                <a:alpha val="20000"/>
              </a:prstClr>
            </a:outerShdw>
            <a:softEdge rad="12700"/>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Lst>
        </p:spPr>
        <p:txBody>
          <a:bodyPr wrap="none" lIns="91368" tIns="45681" rIns="91368" bIns="45681" anchor="ctr"/>
          <a:lstStyle/>
          <a:p>
            <a:pPr marL="180868" indent="-180868" algn="ctr" eaLnBrk="0" fontAlgn="auto" hangingPunct="0">
              <a:lnSpc>
                <a:spcPct val="150000"/>
              </a:lnSpc>
              <a:spcBef>
                <a:spcPts val="0"/>
              </a:spcBef>
              <a:spcAft>
                <a:spcPts val="0"/>
              </a:spcAft>
              <a:buClr>
                <a:srgbClr val="990000"/>
              </a:buClr>
              <a:buSzPct val="60000"/>
              <a:buFont typeface="Arial" pitchFamily="34" charset="0"/>
              <a:buChar char="•"/>
              <a:defRPr/>
            </a:pPr>
            <a:endParaRPr lang="zh-CN" altLang="en-US" sz="400" kern="0" dirty="0">
              <a:solidFill>
                <a:srgbClr val="5F5F5F"/>
              </a:solidFill>
              <a:latin typeface="Arial" pitchFamily="34" charset="0"/>
              <a:ea typeface="Arial Unicode MS" pitchFamily="34" charset="-122"/>
              <a:cs typeface="Arial" pitchFamily="34" charset="0"/>
            </a:endParaRPr>
          </a:p>
        </p:txBody>
      </p:sp>
      <p:sp>
        <p:nvSpPr>
          <p:cNvPr id="155" name="矩形 154"/>
          <p:cNvSpPr/>
          <p:nvPr/>
        </p:nvSpPr>
        <p:spPr bwMode="auto">
          <a:xfrm>
            <a:off x="9449871" y="2502575"/>
            <a:ext cx="3969359" cy="6749717"/>
          </a:xfrm>
          <a:prstGeom prst="rect">
            <a:avLst/>
          </a:prstGeom>
          <a:solidFill>
            <a:srgbClr val="F9F9F9"/>
          </a:solidFill>
          <a:ln w="9525" algn="ctr">
            <a:noFill/>
            <a:round/>
            <a:headEnd/>
            <a:tailEnd/>
          </a:ln>
          <a:effectLst>
            <a:outerShdw blurRad="63500" sx="101000" sy="101000" algn="ctr" rotWithShape="0">
              <a:prstClr val="black">
                <a:alpha val="20000"/>
              </a:prstClr>
            </a:outerShdw>
            <a:softEdge rad="12700"/>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Lst>
        </p:spPr>
        <p:txBody>
          <a:bodyPr wrap="none" lIns="91368" tIns="45681" rIns="91368" bIns="45681" anchor="ctr"/>
          <a:lstStyle/>
          <a:p>
            <a:pPr marL="180868" indent="-180868" algn="ctr" eaLnBrk="0" fontAlgn="auto" hangingPunct="0">
              <a:lnSpc>
                <a:spcPct val="150000"/>
              </a:lnSpc>
              <a:spcBef>
                <a:spcPts val="0"/>
              </a:spcBef>
              <a:spcAft>
                <a:spcPts val="0"/>
              </a:spcAft>
              <a:buClr>
                <a:srgbClr val="990000"/>
              </a:buClr>
              <a:buSzPct val="60000"/>
              <a:buFont typeface="Arial" pitchFamily="34" charset="0"/>
              <a:buChar char="•"/>
              <a:defRPr/>
            </a:pPr>
            <a:endParaRPr lang="zh-CN" altLang="en-US" sz="400" kern="0" dirty="0">
              <a:solidFill>
                <a:srgbClr val="5F5F5F"/>
              </a:solidFill>
              <a:latin typeface="Arial" pitchFamily="34" charset="0"/>
              <a:ea typeface="Arial Unicode MS" pitchFamily="34" charset="-122"/>
              <a:cs typeface="Arial" pitchFamily="34" charset="0"/>
            </a:endParaRPr>
          </a:p>
        </p:txBody>
      </p:sp>
      <p:sp>
        <p:nvSpPr>
          <p:cNvPr id="156" name="矩形 155"/>
          <p:cNvSpPr/>
          <p:nvPr/>
        </p:nvSpPr>
        <p:spPr bwMode="auto">
          <a:xfrm>
            <a:off x="13765198" y="2502575"/>
            <a:ext cx="3969359" cy="6749717"/>
          </a:xfrm>
          <a:prstGeom prst="rect">
            <a:avLst/>
          </a:prstGeom>
          <a:solidFill>
            <a:srgbClr val="F9F9F9"/>
          </a:solidFill>
          <a:ln w="9525" algn="ctr">
            <a:noFill/>
            <a:round/>
            <a:headEnd/>
            <a:tailEnd/>
          </a:ln>
          <a:effectLst>
            <a:outerShdw blurRad="63500" sx="101000" sy="101000" algn="ctr" rotWithShape="0">
              <a:prstClr val="black">
                <a:alpha val="20000"/>
              </a:prstClr>
            </a:outerShdw>
            <a:softEdge rad="12700"/>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Lst>
        </p:spPr>
        <p:txBody>
          <a:bodyPr wrap="none" lIns="91368" tIns="45681" rIns="91368" bIns="45681" anchor="ctr"/>
          <a:lstStyle/>
          <a:p>
            <a:pPr marL="180868" indent="-180868" algn="ctr" eaLnBrk="0" fontAlgn="auto" hangingPunct="0">
              <a:lnSpc>
                <a:spcPct val="150000"/>
              </a:lnSpc>
              <a:spcBef>
                <a:spcPts val="0"/>
              </a:spcBef>
              <a:spcAft>
                <a:spcPts val="0"/>
              </a:spcAft>
              <a:buClr>
                <a:srgbClr val="990000"/>
              </a:buClr>
              <a:buSzPct val="60000"/>
              <a:buFont typeface="Arial" pitchFamily="34" charset="0"/>
              <a:buChar char="•"/>
              <a:defRPr/>
            </a:pPr>
            <a:endParaRPr lang="zh-CN" altLang="en-US" sz="400" kern="0" dirty="0">
              <a:solidFill>
                <a:srgbClr val="5F5F5F"/>
              </a:solidFill>
              <a:latin typeface="Arial" pitchFamily="34" charset="0"/>
              <a:ea typeface="Arial Unicode MS" pitchFamily="34" charset="-122"/>
              <a:cs typeface="Arial" pitchFamily="34" charset="0"/>
            </a:endParaRPr>
          </a:p>
        </p:txBody>
      </p:sp>
      <p:sp>
        <p:nvSpPr>
          <p:cNvPr id="157" name="TextBox 9"/>
          <p:cNvSpPr txBox="1">
            <a:spLocks noChangeArrowheads="1"/>
          </p:cNvSpPr>
          <p:nvPr/>
        </p:nvSpPr>
        <p:spPr bwMode="auto">
          <a:xfrm>
            <a:off x="986590" y="3747906"/>
            <a:ext cx="3657601" cy="1261884"/>
          </a:xfrm>
          <a:prstGeom prst="rect">
            <a:avLst/>
          </a:prstGeom>
          <a:noFill/>
          <a:ln>
            <a:noFill/>
          </a:ln>
          <a:effectLst/>
          <a:ex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anchor="ctr">
            <a:spAutoFit/>
          </a:bodyPr>
          <a:lstStyle>
            <a:defPPr>
              <a:defRPr lang="zh-CN"/>
            </a:defPPr>
            <a:lvl1pPr algn="ctr">
              <a:defRPr>
                <a:solidFill>
                  <a:schemeClr val="lt1"/>
                </a:solidFill>
                <a:latin typeface="FrutigerNext LT Medium" pitchFamily="34" charset="0"/>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defRPr/>
            </a:pPr>
            <a:r>
              <a:rPr lang="en-US" altLang="zh-CN" b="1" dirty="0" smtClean="0">
                <a:solidFill>
                  <a:srgbClr val="595959"/>
                </a:solidFill>
                <a:latin typeface="Arial" pitchFamily="34" charset="0"/>
                <a:ea typeface="Arial Unicode MS" pitchFamily="34" charset="-122"/>
                <a:cs typeface="Arial" pitchFamily="34" charset="0"/>
              </a:rPr>
              <a:t>In 10years</a:t>
            </a:r>
            <a:r>
              <a:rPr lang="zh-CN" altLang="en-US" b="1" dirty="0" smtClean="0">
                <a:solidFill>
                  <a:srgbClr val="595959"/>
                </a:solidFill>
                <a:latin typeface="Arial" pitchFamily="34" charset="0"/>
                <a:ea typeface="Arial Unicode MS" pitchFamily="34" charset="-122"/>
                <a:cs typeface="Arial" pitchFamily="34" charset="0"/>
              </a:rPr>
              <a:t>， </a:t>
            </a:r>
            <a:r>
              <a:rPr lang="en-US" altLang="zh-CN" b="1" dirty="0" smtClean="0">
                <a:solidFill>
                  <a:srgbClr val="595959"/>
                </a:solidFill>
                <a:latin typeface="Arial" pitchFamily="34" charset="0"/>
                <a:ea typeface="Arial Unicode MS" pitchFamily="34" charset="-122"/>
                <a:cs typeface="Arial" pitchFamily="34" charset="0"/>
              </a:rPr>
              <a:t>over </a:t>
            </a:r>
            <a:r>
              <a:rPr lang="en-US" altLang="zh-CN" sz="3200" b="1" dirty="0" smtClean="0">
                <a:solidFill>
                  <a:srgbClr val="595959"/>
                </a:solidFill>
                <a:latin typeface="Arial" pitchFamily="34" charset="0"/>
                <a:ea typeface="Arial Unicode MS" pitchFamily="34" charset="-122"/>
                <a:cs typeface="Arial" pitchFamily="34" charset="0"/>
              </a:rPr>
              <a:t>30,000 </a:t>
            </a:r>
            <a:r>
              <a:rPr lang="en-US" altLang="zh-CN" b="1" dirty="0" smtClean="0">
                <a:solidFill>
                  <a:srgbClr val="595959"/>
                </a:solidFill>
                <a:latin typeface="Arial" pitchFamily="34" charset="0"/>
                <a:ea typeface="Arial Unicode MS" pitchFamily="34" charset="-122"/>
                <a:cs typeface="Arial" pitchFamily="34" charset="0"/>
              </a:rPr>
              <a:t>companies  will cover </a:t>
            </a:r>
            <a:r>
              <a:rPr lang="en-US" altLang="zh-CN" sz="3200" b="1" dirty="0" smtClean="0">
                <a:solidFill>
                  <a:srgbClr val="595959"/>
                </a:solidFill>
                <a:latin typeface="Arial" pitchFamily="34" charset="0"/>
                <a:ea typeface="Arial Unicode MS" pitchFamily="34" charset="-122"/>
                <a:cs typeface="Arial" pitchFamily="34" charset="0"/>
              </a:rPr>
              <a:t>180+</a:t>
            </a:r>
            <a:r>
              <a:rPr lang="en-US" altLang="zh-CN" b="1" dirty="0" smtClean="0">
                <a:solidFill>
                  <a:srgbClr val="595959"/>
                </a:solidFill>
                <a:latin typeface="Arial" pitchFamily="34" charset="0"/>
                <a:ea typeface="Arial Unicode MS" pitchFamily="34" charset="-122"/>
                <a:cs typeface="Arial" pitchFamily="34" charset="0"/>
              </a:rPr>
              <a:t>countries</a:t>
            </a:r>
          </a:p>
        </p:txBody>
      </p:sp>
      <p:grpSp>
        <p:nvGrpSpPr>
          <p:cNvPr id="2" name="组合 170"/>
          <p:cNvGrpSpPr/>
          <p:nvPr/>
        </p:nvGrpSpPr>
        <p:grpSpPr>
          <a:xfrm>
            <a:off x="1720256" y="2907680"/>
            <a:ext cx="2226108" cy="749925"/>
            <a:chOff x="1431492" y="2667042"/>
            <a:chExt cx="2788455" cy="857566"/>
          </a:xfrm>
        </p:grpSpPr>
        <p:sp>
          <p:nvSpPr>
            <p:cNvPr id="158" name="Freeform 25"/>
            <p:cNvSpPr>
              <a:spLocks noEditPoints="1"/>
            </p:cNvSpPr>
            <p:nvPr/>
          </p:nvSpPr>
          <p:spPr bwMode="auto">
            <a:xfrm>
              <a:off x="1431492" y="2733927"/>
              <a:ext cx="1080018" cy="772623"/>
            </a:xfrm>
            <a:custGeom>
              <a:avLst/>
              <a:gdLst/>
              <a:ahLst/>
              <a:cxnLst>
                <a:cxn ang="0">
                  <a:pos x="11026" y="13677"/>
                </a:cxn>
                <a:cxn ang="0">
                  <a:pos x="8144" y="8631"/>
                </a:cxn>
                <a:cxn ang="0">
                  <a:pos x="10474" y="8853"/>
                </a:cxn>
                <a:cxn ang="0">
                  <a:pos x="8106" y="2822"/>
                </a:cxn>
                <a:cxn ang="0">
                  <a:pos x="8466" y="5367"/>
                </a:cxn>
                <a:cxn ang="0">
                  <a:pos x="10082" y="4564"/>
                </a:cxn>
                <a:cxn ang="0">
                  <a:pos x="10082" y="11757"/>
                </a:cxn>
                <a:cxn ang="0">
                  <a:pos x="9543" y="10955"/>
                </a:cxn>
                <a:cxn ang="0">
                  <a:pos x="8645" y="10374"/>
                </a:cxn>
                <a:cxn ang="0">
                  <a:pos x="9723" y="9434"/>
                </a:cxn>
                <a:cxn ang="0">
                  <a:pos x="9184" y="8272"/>
                </a:cxn>
                <a:cxn ang="0">
                  <a:pos x="10621" y="7110"/>
                </a:cxn>
                <a:cxn ang="0">
                  <a:pos x="8466" y="7469"/>
                </a:cxn>
                <a:cxn ang="0">
                  <a:pos x="9723" y="6888"/>
                </a:cxn>
                <a:cxn ang="0">
                  <a:pos x="8106" y="6529"/>
                </a:cxn>
                <a:cxn ang="0">
                  <a:pos x="8645" y="5948"/>
                </a:cxn>
                <a:cxn ang="0">
                  <a:pos x="8466" y="4786"/>
                </a:cxn>
                <a:cxn ang="0">
                  <a:pos x="9543" y="5145"/>
                </a:cxn>
                <a:cxn ang="0">
                  <a:pos x="10262" y="5145"/>
                </a:cxn>
                <a:cxn ang="0">
                  <a:pos x="8645" y="3625"/>
                </a:cxn>
                <a:cxn ang="0">
                  <a:pos x="8645" y="2462"/>
                </a:cxn>
                <a:cxn ang="0">
                  <a:pos x="10082" y="2462"/>
                </a:cxn>
                <a:cxn ang="0">
                  <a:pos x="10621" y="3983"/>
                </a:cxn>
                <a:cxn ang="0">
                  <a:pos x="14721" y="7602"/>
                </a:cxn>
                <a:cxn ang="0">
                  <a:pos x="12565" y="5637"/>
                </a:cxn>
                <a:cxn ang="0">
                  <a:pos x="12206" y="4475"/>
                </a:cxn>
                <a:cxn ang="0">
                  <a:pos x="12745" y="8182"/>
                </a:cxn>
                <a:cxn ang="0">
                  <a:pos x="12745" y="7021"/>
                </a:cxn>
                <a:cxn ang="0">
                  <a:pos x="14721" y="6440"/>
                </a:cxn>
                <a:cxn ang="0">
                  <a:pos x="13104" y="6799"/>
                </a:cxn>
                <a:cxn ang="0">
                  <a:pos x="13822" y="6218"/>
                </a:cxn>
                <a:cxn ang="0">
                  <a:pos x="12206" y="5859"/>
                </a:cxn>
                <a:cxn ang="0">
                  <a:pos x="12745" y="4697"/>
                </a:cxn>
                <a:cxn ang="0">
                  <a:pos x="14721" y="3535"/>
                </a:cxn>
                <a:cxn ang="0">
                  <a:pos x="13643" y="3895"/>
                </a:cxn>
                <a:cxn ang="0">
                  <a:pos x="12206" y="3895"/>
                </a:cxn>
                <a:cxn ang="0">
                  <a:pos x="13822" y="2374"/>
                </a:cxn>
                <a:cxn ang="0">
                  <a:pos x="5912" y="8673"/>
                </a:cxn>
                <a:cxn ang="0">
                  <a:pos x="6810" y="10819"/>
                </a:cxn>
                <a:cxn ang="0">
                  <a:pos x="7349" y="10106"/>
                </a:cxn>
                <a:cxn ang="0">
                  <a:pos x="5912" y="10106"/>
                </a:cxn>
                <a:cxn ang="0">
                  <a:pos x="6451" y="8673"/>
                </a:cxn>
                <a:cxn ang="0">
                  <a:pos x="3697" y="11848"/>
                </a:cxn>
                <a:cxn ang="0">
                  <a:pos x="1885" y="10597"/>
                </a:cxn>
                <a:cxn ang="0">
                  <a:pos x="1346" y="7736"/>
                </a:cxn>
                <a:cxn ang="0">
                  <a:pos x="3577" y="7110"/>
                </a:cxn>
                <a:cxn ang="0">
                  <a:pos x="1346" y="5233"/>
                </a:cxn>
                <a:cxn ang="0">
                  <a:pos x="1727" y="5593"/>
                </a:cxn>
                <a:cxn ang="0">
                  <a:pos x="2964" y="13100"/>
                </a:cxn>
                <a:cxn ang="0">
                  <a:pos x="1885" y="12740"/>
                </a:cxn>
                <a:cxn ang="0">
                  <a:pos x="1885" y="12115"/>
                </a:cxn>
                <a:cxn ang="0">
                  <a:pos x="3861" y="10863"/>
                </a:cxn>
                <a:cxn ang="0">
                  <a:pos x="2783" y="11223"/>
                </a:cxn>
                <a:cxn ang="0">
                  <a:pos x="1346" y="11223"/>
                </a:cxn>
                <a:cxn ang="0">
                  <a:pos x="2964" y="9612"/>
                </a:cxn>
                <a:cxn ang="0">
                  <a:pos x="1346" y="9612"/>
                </a:cxn>
                <a:cxn ang="0">
                  <a:pos x="2245" y="8987"/>
                </a:cxn>
                <a:cxn ang="0">
                  <a:pos x="2783" y="8720"/>
                </a:cxn>
                <a:cxn ang="0">
                  <a:pos x="1346" y="8720"/>
                </a:cxn>
                <a:cxn ang="0">
                  <a:pos x="2424" y="7736"/>
                </a:cxn>
                <a:cxn ang="0">
                  <a:pos x="1885" y="6484"/>
                </a:cxn>
                <a:cxn ang="0">
                  <a:pos x="3861" y="5859"/>
                </a:cxn>
                <a:cxn ang="0">
                  <a:pos x="2783" y="6218"/>
                </a:cxn>
              </a:cxnLst>
              <a:rect l="0" t="0" r="r" b="b"/>
              <a:pathLst>
                <a:path w="16123" h="14674">
                  <a:moveTo>
                    <a:pt x="0" y="13677"/>
                  </a:moveTo>
                  <a:lnTo>
                    <a:pt x="942" y="13677"/>
                  </a:lnTo>
                  <a:lnTo>
                    <a:pt x="942" y="4873"/>
                  </a:lnTo>
                  <a:lnTo>
                    <a:pt x="4267" y="4873"/>
                  </a:lnTo>
                  <a:lnTo>
                    <a:pt x="4267" y="13677"/>
                  </a:lnTo>
                  <a:lnTo>
                    <a:pt x="4821" y="13677"/>
                  </a:lnTo>
                  <a:lnTo>
                    <a:pt x="4821" y="8306"/>
                  </a:lnTo>
                  <a:lnTo>
                    <a:pt x="7702" y="8306"/>
                  </a:lnTo>
                  <a:lnTo>
                    <a:pt x="7702" y="1772"/>
                  </a:lnTo>
                  <a:lnTo>
                    <a:pt x="11026" y="1772"/>
                  </a:lnTo>
                  <a:lnTo>
                    <a:pt x="11026" y="13677"/>
                  </a:lnTo>
                  <a:lnTo>
                    <a:pt x="11801" y="13677"/>
                  </a:lnTo>
                  <a:lnTo>
                    <a:pt x="11801" y="0"/>
                  </a:lnTo>
                  <a:lnTo>
                    <a:pt x="15125" y="1661"/>
                  </a:lnTo>
                  <a:lnTo>
                    <a:pt x="15125" y="13677"/>
                  </a:lnTo>
                  <a:lnTo>
                    <a:pt x="16123" y="13677"/>
                  </a:lnTo>
                  <a:lnTo>
                    <a:pt x="16123" y="14674"/>
                  </a:lnTo>
                  <a:lnTo>
                    <a:pt x="0" y="14674"/>
                  </a:lnTo>
                  <a:lnTo>
                    <a:pt x="0" y="13677"/>
                  </a:lnTo>
                  <a:close/>
                  <a:moveTo>
                    <a:pt x="8106" y="8306"/>
                  </a:moveTo>
                  <a:lnTo>
                    <a:pt x="8144" y="8306"/>
                  </a:lnTo>
                  <a:lnTo>
                    <a:pt x="8144" y="8631"/>
                  </a:lnTo>
                  <a:lnTo>
                    <a:pt x="8466" y="8631"/>
                  </a:lnTo>
                  <a:lnTo>
                    <a:pt x="8466" y="8272"/>
                  </a:lnTo>
                  <a:lnTo>
                    <a:pt x="8106" y="8272"/>
                  </a:lnTo>
                  <a:lnTo>
                    <a:pt x="8106" y="8306"/>
                  </a:lnTo>
                  <a:close/>
                  <a:moveTo>
                    <a:pt x="8144" y="8853"/>
                  </a:moveTo>
                  <a:lnTo>
                    <a:pt x="8144" y="9211"/>
                  </a:lnTo>
                  <a:lnTo>
                    <a:pt x="10262" y="9211"/>
                  </a:lnTo>
                  <a:lnTo>
                    <a:pt x="10474" y="9211"/>
                  </a:lnTo>
                  <a:lnTo>
                    <a:pt x="10621" y="9211"/>
                  </a:lnTo>
                  <a:lnTo>
                    <a:pt x="10621" y="8853"/>
                  </a:lnTo>
                  <a:lnTo>
                    <a:pt x="10474" y="8853"/>
                  </a:lnTo>
                  <a:lnTo>
                    <a:pt x="10262" y="8853"/>
                  </a:lnTo>
                  <a:lnTo>
                    <a:pt x="8144" y="8853"/>
                  </a:lnTo>
                  <a:close/>
                  <a:moveTo>
                    <a:pt x="8144" y="9434"/>
                  </a:moveTo>
                  <a:lnTo>
                    <a:pt x="8144" y="9792"/>
                  </a:lnTo>
                  <a:lnTo>
                    <a:pt x="8466" y="9792"/>
                  </a:lnTo>
                  <a:lnTo>
                    <a:pt x="8466" y="9434"/>
                  </a:lnTo>
                  <a:lnTo>
                    <a:pt x="8144" y="9434"/>
                  </a:lnTo>
                  <a:close/>
                  <a:moveTo>
                    <a:pt x="8106" y="2462"/>
                  </a:moveTo>
                  <a:lnTo>
                    <a:pt x="8466" y="2462"/>
                  </a:lnTo>
                  <a:lnTo>
                    <a:pt x="8466" y="2822"/>
                  </a:lnTo>
                  <a:lnTo>
                    <a:pt x="8106" y="2822"/>
                  </a:lnTo>
                  <a:lnTo>
                    <a:pt x="8106" y="2462"/>
                  </a:lnTo>
                  <a:close/>
                  <a:moveTo>
                    <a:pt x="9184" y="7691"/>
                  </a:moveTo>
                  <a:lnTo>
                    <a:pt x="10262" y="7691"/>
                  </a:lnTo>
                  <a:lnTo>
                    <a:pt x="10621" y="7691"/>
                  </a:lnTo>
                  <a:lnTo>
                    <a:pt x="10621" y="8050"/>
                  </a:lnTo>
                  <a:lnTo>
                    <a:pt x="10262" y="8050"/>
                  </a:lnTo>
                  <a:lnTo>
                    <a:pt x="9184" y="8050"/>
                  </a:lnTo>
                  <a:lnTo>
                    <a:pt x="9184" y="7691"/>
                  </a:lnTo>
                  <a:close/>
                  <a:moveTo>
                    <a:pt x="8106" y="5367"/>
                  </a:moveTo>
                  <a:lnTo>
                    <a:pt x="8230" y="5367"/>
                  </a:lnTo>
                  <a:lnTo>
                    <a:pt x="8466" y="5367"/>
                  </a:lnTo>
                  <a:lnTo>
                    <a:pt x="10082" y="5367"/>
                  </a:lnTo>
                  <a:lnTo>
                    <a:pt x="10082" y="5727"/>
                  </a:lnTo>
                  <a:lnTo>
                    <a:pt x="8466" y="5727"/>
                  </a:lnTo>
                  <a:lnTo>
                    <a:pt x="8230" y="5727"/>
                  </a:lnTo>
                  <a:lnTo>
                    <a:pt x="8106" y="5727"/>
                  </a:lnTo>
                  <a:lnTo>
                    <a:pt x="8106" y="5367"/>
                  </a:lnTo>
                  <a:close/>
                  <a:moveTo>
                    <a:pt x="8106" y="4206"/>
                  </a:moveTo>
                  <a:lnTo>
                    <a:pt x="8367" y="4206"/>
                  </a:lnTo>
                  <a:lnTo>
                    <a:pt x="8466" y="4206"/>
                  </a:lnTo>
                  <a:lnTo>
                    <a:pt x="10082" y="4206"/>
                  </a:lnTo>
                  <a:lnTo>
                    <a:pt x="10082" y="4564"/>
                  </a:lnTo>
                  <a:lnTo>
                    <a:pt x="8466" y="4564"/>
                  </a:lnTo>
                  <a:lnTo>
                    <a:pt x="8367" y="4564"/>
                  </a:lnTo>
                  <a:lnTo>
                    <a:pt x="8106" y="4564"/>
                  </a:lnTo>
                  <a:lnTo>
                    <a:pt x="8106" y="4206"/>
                  </a:lnTo>
                  <a:close/>
                  <a:moveTo>
                    <a:pt x="10262" y="11757"/>
                  </a:moveTo>
                  <a:lnTo>
                    <a:pt x="10621" y="11757"/>
                  </a:lnTo>
                  <a:lnTo>
                    <a:pt x="10621" y="12116"/>
                  </a:lnTo>
                  <a:lnTo>
                    <a:pt x="10262" y="12116"/>
                  </a:lnTo>
                  <a:lnTo>
                    <a:pt x="10262" y="11757"/>
                  </a:lnTo>
                  <a:close/>
                  <a:moveTo>
                    <a:pt x="9723" y="11757"/>
                  </a:moveTo>
                  <a:lnTo>
                    <a:pt x="10082" y="11757"/>
                  </a:lnTo>
                  <a:lnTo>
                    <a:pt x="10082" y="12116"/>
                  </a:lnTo>
                  <a:lnTo>
                    <a:pt x="9723" y="12116"/>
                  </a:lnTo>
                  <a:lnTo>
                    <a:pt x="9723" y="11757"/>
                  </a:lnTo>
                  <a:close/>
                  <a:moveTo>
                    <a:pt x="10262" y="10595"/>
                  </a:moveTo>
                  <a:lnTo>
                    <a:pt x="10621" y="10595"/>
                  </a:lnTo>
                  <a:lnTo>
                    <a:pt x="10621" y="10955"/>
                  </a:lnTo>
                  <a:lnTo>
                    <a:pt x="10262" y="10955"/>
                  </a:lnTo>
                  <a:lnTo>
                    <a:pt x="10262" y="10595"/>
                  </a:lnTo>
                  <a:close/>
                  <a:moveTo>
                    <a:pt x="9184" y="10595"/>
                  </a:moveTo>
                  <a:lnTo>
                    <a:pt x="9543" y="10595"/>
                  </a:lnTo>
                  <a:lnTo>
                    <a:pt x="9543" y="10955"/>
                  </a:lnTo>
                  <a:lnTo>
                    <a:pt x="9184" y="10955"/>
                  </a:lnTo>
                  <a:lnTo>
                    <a:pt x="9184" y="10595"/>
                  </a:lnTo>
                  <a:close/>
                  <a:moveTo>
                    <a:pt x="10262" y="10014"/>
                  </a:moveTo>
                  <a:lnTo>
                    <a:pt x="10621" y="10014"/>
                  </a:lnTo>
                  <a:lnTo>
                    <a:pt x="10621" y="10374"/>
                  </a:lnTo>
                  <a:lnTo>
                    <a:pt x="10262" y="10374"/>
                  </a:lnTo>
                  <a:lnTo>
                    <a:pt x="10262" y="10014"/>
                  </a:lnTo>
                  <a:close/>
                  <a:moveTo>
                    <a:pt x="8645" y="10014"/>
                  </a:moveTo>
                  <a:lnTo>
                    <a:pt x="9004" y="10014"/>
                  </a:lnTo>
                  <a:lnTo>
                    <a:pt x="9004" y="10374"/>
                  </a:lnTo>
                  <a:lnTo>
                    <a:pt x="8645" y="10374"/>
                  </a:lnTo>
                  <a:lnTo>
                    <a:pt x="8645" y="10014"/>
                  </a:lnTo>
                  <a:close/>
                  <a:moveTo>
                    <a:pt x="10262" y="9434"/>
                  </a:moveTo>
                  <a:lnTo>
                    <a:pt x="10621" y="9434"/>
                  </a:lnTo>
                  <a:lnTo>
                    <a:pt x="10621" y="9792"/>
                  </a:lnTo>
                  <a:lnTo>
                    <a:pt x="10262" y="9792"/>
                  </a:lnTo>
                  <a:lnTo>
                    <a:pt x="10262" y="9434"/>
                  </a:lnTo>
                  <a:close/>
                  <a:moveTo>
                    <a:pt x="9723" y="9434"/>
                  </a:moveTo>
                  <a:lnTo>
                    <a:pt x="10082" y="9434"/>
                  </a:lnTo>
                  <a:lnTo>
                    <a:pt x="10082" y="9792"/>
                  </a:lnTo>
                  <a:lnTo>
                    <a:pt x="9723" y="9792"/>
                  </a:lnTo>
                  <a:lnTo>
                    <a:pt x="9723" y="9434"/>
                  </a:lnTo>
                  <a:close/>
                  <a:moveTo>
                    <a:pt x="9184" y="9434"/>
                  </a:moveTo>
                  <a:lnTo>
                    <a:pt x="9543" y="9434"/>
                  </a:lnTo>
                  <a:lnTo>
                    <a:pt x="9543" y="9792"/>
                  </a:lnTo>
                  <a:lnTo>
                    <a:pt x="9184" y="9792"/>
                  </a:lnTo>
                  <a:lnTo>
                    <a:pt x="9184" y="9434"/>
                  </a:lnTo>
                  <a:close/>
                  <a:moveTo>
                    <a:pt x="9723" y="8272"/>
                  </a:moveTo>
                  <a:lnTo>
                    <a:pt x="10082" y="8272"/>
                  </a:lnTo>
                  <a:lnTo>
                    <a:pt x="10082" y="8631"/>
                  </a:lnTo>
                  <a:lnTo>
                    <a:pt x="9723" y="8631"/>
                  </a:lnTo>
                  <a:lnTo>
                    <a:pt x="9723" y="8272"/>
                  </a:lnTo>
                  <a:close/>
                  <a:moveTo>
                    <a:pt x="9184" y="8272"/>
                  </a:moveTo>
                  <a:lnTo>
                    <a:pt x="9543" y="8272"/>
                  </a:lnTo>
                  <a:lnTo>
                    <a:pt x="9543" y="8631"/>
                  </a:lnTo>
                  <a:lnTo>
                    <a:pt x="9184" y="8631"/>
                  </a:lnTo>
                  <a:lnTo>
                    <a:pt x="9184" y="8272"/>
                  </a:lnTo>
                  <a:close/>
                  <a:moveTo>
                    <a:pt x="8106" y="7691"/>
                  </a:moveTo>
                  <a:lnTo>
                    <a:pt x="8466" y="7691"/>
                  </a:lnTo>
                  <a:lnTo>
                    <a:pt x="8466" y="8050"/>
                  </a:lnTo>
                  <a:lnTo>
                    <a:pt x="8106" y="8050"/>
                  </a:lnTo>
                  <a:lnTo>
                    <a:pt x="8106" y="7691"/>
                  </a:lnTo>
                  <a:close/>
                  <a:moveTo>
                    <a:pt x="10262" y="7110"/>
                  </a:moveTo>
                  <a:lnTo>
                    <a:pt x="10621" y="7110"/>
                  </a:lnTo>
                  <a:lnTo>
                    <a:pt x="10621" y="7469"/>
                  </a:lnTo>
                  <a:lnTo>
                    <a:pt x="10262" y="7469"/>
                  </a:lnTo>
                  <a:lnTo>
                    <a:pt x="10262" y="7110"/>
                  </a:lnTo>
                  <a:close/>
                  <a:moveTo>
                    <a:pt x="8645" y="7110"/>
                  </a:moveTo>
                  <a:lnTo>
                    <a:pt x="9004" y="7110"/>
                  </a:lnTo>
                  <a:lnTo>
                    <a:pt x="9004" y="7469"/>
                  </a:lnTo>
                  <a:lnTo>
                    <a:pt x="8645" y="7469"/>
                  </a:lnTo>
                  <a:lnTo>
                    <a:pt x="8645" y="7110"/>
                  </a:lnTo>
                  <a:close/>
                  <a:moveTo>
                    <a:pt x="8106" y="7110"/>
                  </a:moveTo>
                  <a:lnTo>
                    <a:pt x="8466" y="7110"/>
                  </a:lnTo>
                  <a:lnTo>
                    <a:pt x="8466" y="7469"/>
                  </a:lnTo>
                  <a:lnTo>
                    <a:pt x="8106" y="7469"/>
                  </a:lnTo>
                  <a:lnTo>
                    <a:pt x="8106" y="7110"/>
                  </a:lnTo>
                  <a:close/>
                  <a:moveTo>
                    <a:pt x="10262" y="6529"/>
                  </a:moveTo>
                  <a:lnTo>
                    <a:pt x="10621" y="6529"/>
                  </a:lnTo>
                  <a:lnTo>
                    <a:pt x="10621" y="6888"/>
                  </a:lnTo>
                  <a:lnTo>
                    <a:pt x="10262" y="6888"/>
                  </a:lnTo>
                  <a:lnTo>
                    <a:pt x="10262" y="6529"/>
                  </a:lnTo>
                  <a:close/>
                  <a:moveTo>
                    <a:pt x="9723" y="6529"/>
                  </a:moveTo>
                  <a:lnTo>
                    <a:pt x="10082" y="6529"/>
                  </a:lnTo>
                  <a:lnTo>
                    <a:pt x="10082" y="6888"/>
                  </a:lnTo>
                  <a:lnTo>
                    <a:pt x="9723" y="6888"/>
                  </a:lnTo>
                  <a:lnTo>
                    <a:pt x="9723" y="6529"/>
                  </a:lnTo>
                  <a:close/>
                  <a:moveTo>
                    <a:pt x="8645" y="6529"/>
                  </a:moveTo>
                  <a:lnTo>
                    <a:pt x="9004" y="6529"/>
                  </a:lnTo>
                  <a:lnTo>
                    <a:pt x="9004" y="6888"/>
                  </a:lnTo>
                  <a:lnTo>
                    <a:pt x="8645" y="6888"/>
                  </a:lnTo>
                  <a:lnTo>
                    <a:pt x="8645" y="6529"/>
                  </a:lnTo>
                  <a:close/>
                  <a:moveTo>
                    <a:pt x="8106" y="6529"/>
                  </a:moveTo>
                  <a:lnTo>
                    <a:pt x="8466" y="6529"/>
                  </a:lnTo>
                  <a:lnTo>
                    <a:pt x="8466" y="6888"/>
                  </a:lnTo>
                  <a:lnTo>
                    <a:pt x="8106" y="6888"/>
                  </a:lnTo>
                  <a:lnTo>
                    <a:pt x="8106" y="6529"/>
                  </a:lnTo>
                  <a:close/>
                  <a:moveTo>
                    <a:pt x="10262" y="5948"/>
                  </a:moveTo>
                  <a:lnTo>
                    <a:pt x="10621" y="5948"/>
                  </a:lnTo>
                  <a:lnTo>
                    <a:pt x="10621" y="6308"/>
                  </a:lnTo>
                  <a:lnTo>
                    <a:pt x="10262" y="6308"/>
                  </a:lnTo>
                  <a:lnTo>
                    <a:pt x="10262" y="5948"/>
                  </a:lnTo>
                  <a:close/>
                  <a:moveTo>
                    <a:pt x="9184" y="5948"/>
                  </a:moveTo>
                  <a:lnTo>
                    <a:pt x="9543" y="5948"/>
                  </a:lnTo>
                  <a:lnTo>
                    <a:pt x="9543" y="6308"/>
                  </a:lnTo>
                  <a:lnTo>
                    <a:pt x="9184" y="6308"/>
                  </a:lnTo>
                  <a:lnTo>
                    <a:pt x="9184" y="5948"/>
                  </a:lnTo>
                  <a:close/>
                  <a:moveTo>
                    <a:pt x="8645" y="5948"/>
                  </a:moveTo>
                  <a:lnTo>
                    <a:pt x="9004" y="5948"/>
                  </a:lnTo>
                  <a:lnTo>
                    <a:pt x="9004" y="6308"/>
                  </a:lnTo>
                  <a:lnTo>
                    <a:pt x="8645" y="6308"/>
                  </a:lnTo>
                  <a:lnTo>
                    <a:pt x="8645" y="5948"/>
                  </a:lnTo>
                  <a:close/>
                  <a:moveTo>
                    <a:pt x="8106" y="5948"/>
                  </a:moveTo>
                  <a:lnTo>
                    <a:pt x="8466" y="5948"/>
                  </a:lnTo>
                  <a:lnTo>
                    <a:pt x="8466" y="6308"/>
                  </a:lnTo>
                  <a:lnTo>
                    <a:pt x="8106" y="6308"/>
                  </a:lnTo>
                  <a:lnTo>
                    <a:pt x="8106" y="5948"/>
                  </a:lnTo>
                  <a:close/>
                  <a:moveTo>
                    <a:pt x="8106" y="4786"/>
                  </a:moveTo>
                  <a:lnTo>
                    <a:pt x="8466" y="4786"/>
                  </a:lnTo>
                  <a:lnTo>
                    <a:pt x="8466" y="5145"/>
                  </a:lnTo>
                  <a:lnTo>
                    <a:pt x="8106" y="5145"/>
                  </a:lnTo>
                  <a:lnTo>
                    <a:pt x="8106" y="4786"/>
                  </a:lnTo>
                  <a:close/>
                  <a:moveTo>
                    <a:pt x="8645" y="4786"/>
                  </a:moveTo>
                  <a:lnTo>
                    <a:pt x="9004" y="4786"/>
                  </a:lnTo>
                  <a:lnTo>
                    <a:pt x="9004" y="5145"/>
                  </a:lnTo>
                  <a:lnTo>
                    <a:pt x="8645" y="5145"/>
                  </a:lnTo>
                  <a:lnTo>
                    <a:pt x="8645" y="4786"/>
                  </a:lnTo>
                  <a:close/>
                  <a:moveTo>
                    <a:pt x="9184" y="4786"/>
                  </a:moveTo>
                  <a:lnTo>
                    <a:pt x="9543" y="4786"/>
                  </a:lnTo>
                  <a:lnTo>
                    <a:pt x="9543" y="5145"/>
                  </a:lnTo>
                  <a:lnTo>
                    <a:pt x="9184" y="5145"/>
                  </a:lnTo>
                  <a:lnTo>
                    <a:pt x="9184" y="4786"/>
                  </a:lnTo>
                  <a:close/>
                  <a:moveTo>
                    <a:pt x="9723" y="4786"/>
                  </a:moveTo>
                  <a:lnTo>
                    <a:pt x="10082" y="4786"/>
                  </a:lnTo>
                  <a:lnTo>
                    <a:pt x="10082" y="5145"/>
                  </a:lnTo>
                  <a:lnTo>
                    <a:pt x="9723" y="5145"/>
                  </a:lnTo>
                  <a:lnTo>
                    <a:pt x="9723" y="4786"/>
                  </a:lnTo>
                  <a:close/>
                  <a:moveTo>
                    <a:pt x="10262" y="4786"/>
                  </a:moveTo>
                  <a:lnTo>
                    <a:pt x="10621" y="4786"/>
                  </a:lnTo>
                  <a:lnTo>
                    <a:pt x="10621" y="5145"/>
                  </a:lnTo>
                  <a:lnTo>
                    <a:pt x="10262" y="5145"/>
                  </a:lnTo>
                  <a:lnTo>
                    <a:pt x="10262" y="4786"/>
                  </a:lnTo>
                  <a:close/>
                  <a:moveTo>
                    <a:pt x="8106" y="3625"/>
                  </a:moveTo>
                  <a:lnTo>
                    <a:pt x="8466" y="3625"/>
                  </a:lnTo>
                  <a:lnTo>
                    <a:pt x="8466" y="3983"/>
                  </a:lnTo>
                  <a:lnTo>
                    <a:pt x="8106" y="3983"/>
                  </a:lnTo>
                  <a:lnTo>
                    <a:pt x="8106" y="3625"/>
                  </a:lnTo>
                  <a:close/>
                  <a:moveTo>
                    <a:pt x="8645" y="3625"/>
                  </a:moveTo>
                  <a:lnTo>
                    <a:pt x="9004" y="3625"/>
                  </a:lnTo>
                  <a:lnTo>
                    <a:pt x="9004" y="3983"/>
                  </a:lnTo>
                  <a:lnTo>
                    <a:pt x="8645" y="3983"/>
                  </a:lnTo>
                  <a:lnTo>
                    <a:pt x="8645" y="3625"/>
                  </a:lnTo>
                  <a:close/>
                  <a:moveTo>
                    <a:pt x="9184" y="3625"/>
                  </a:moveTo>
                  <a:lnTo>
                    <a:pt x="9543" y="3625"/>
                  </a:lnTo>
                  <a:lnTo>
                    <a:pt x="9543" y="3983"/>
                  </a:lnTo>
                  <a:lnTo>
                    <a:pt x="9184" y="3983"/>
                  </a:lnTo>
                  <a:lnTo>
                    <a:pt x="9184" y="3625"/>
                  </a:lnTo>
                  <a:close/>
                  <a:moveTo>
                    <a:pt x="9723" y="3625"/>
                  </a:moveTo>
                  <a:lnTo>
                    <a:pt x="10082" y="3625"/>
                  </a:lnTo>
                  <a:lnTo>
                    <a:pt x="10082" y="3983"/>
                  </a:lnTo>
                  <a:lnTo>
                    <a:pt x="9723" y="3983"/>
                  </a:lnTo>
                  <a:lnTo>
                    <a:pt x="9723" y="3625"/>
                  </a:lnTo>
                  <a:close/>
                  <a:moveTo>
                    <a:pt x="8645" y="2462"/>
                  </a:moveTo>
                  <a:lnTo>
                    <a:pt x="9004" y="2462"/>
                  </a:lnTo>
                  <a:lnTo>
                    <a:pt x="9004" y="2822"/>
                  </a:lnTo>
                  <a:lnTo>
                    <a:pt x="8645" y="2822"/>
                  </a:lnTo>
                  <a:lnTo>
                    <a:pt x="8645" y="2462"/>
                  </a:lnTo>
                  <a:close/>
                  <a:moveTo>
                    <a:pt x="9184" y="2462"/>
                  </a:moveTo>
                  <a:lnTo>
                    <a:pt x="9543" y="2462"/>
                  </a:lnTo>
                  <a:lnTo>
                    <a:pt x="9543" y="2822"/>
                  </a:lnTo>
                  <a:lnTo>
                    <a:pt x="9184" y="2822"/>
                  </a:lnTo>
                  <a:lnTo>
                    <a:pt x="9184" y="2462"/>
                  </a:lnTo>
                  <a:close/>
                  <a:moveTo>
                    <a:pt x="9723" y="2462"/>
                  </a:moveTo>
                  <a:lnTo>
                    <a:pt x="10082" y="2462"/>
                  </a:lnTo>
                  <a:lnTo>
                    <a:pt x="10082" y="2822"/>
                  </a:lnTo>
                  <a:lnTo>
                    <a:pt x="9723" y="2822"/>
                  </a:lnTo>
                  <a:lnTo>
                    <a:pt x="9723" y="2462"/>
                  </a:lnTo>
                  <a:close/>
                  <a:moveTo>
                    <a:pt x="10262" y="2462"/>
                  </a:moveTo>
                  <a:lnTo>
                    <a:pt x="10621" y="2462"/>
                  </a:lnTo>
                  <a:lnTo>
                    <a:pt x="10621" y="2822"/>
                  </a:lnTo>
                  <a:lnTo>
                    <a:pt x="10262" y="2822"/>
                  </a:lnTo>
                  <a:lnTo>
                    <a:pt x="10262" y="2462"/>
                  </a:lnTo>
                  <a:close/>
                  <a:moveTo>
                    <a:pt x="10262" y="3625"/>
                  </a:moveTo>
                  <a:lnTo>
                    <a:pt x="10621" y="3625"/>
                  </a:lnTo>
                  <a:lnTo>
                    <a:pt x="10621" y="3983"/>
                  </a:lnTo>
                  <a:lnTo>
                    <a:pt x="10262" y="3983"/>
                  </a:lnTo>
                  <a:lnTo>
                    <a:pt x="10262" y="3625"/>
                  </a:lnTo>
                  <a:close/>
                  <a:moveTo>
                    <a:pt x="12206" y="2374"/>
                  </a:moveTo>
                  <a:lnTo>
                    <a:pt x="12565" y="2374"/>
                  </a:lnTo>
                  <a:lnTo>
                    <a:pt x="12565" y="2732"/>
                  </a:lnTo>
                  <a:lnTo>
                    <a:pt x="12206" y="2732"/>
                  </a:lnTo>
                  <a:lnTo>
                    <a:pt x="12206" y="2374"/>
                  </a:lnTo>
                  <a:close/>
                  <a:moveTo>
                    <a:pt x="12206" y="7602"/>
                  </a:moveTo>
                  <a:lnTo>
                    <a:pt x="12458" y="7602"/>
                  </a:lnTo>
                  <a:lnTo>
                    <a:pt x="12565" y="7602"/>
                  </a:lnTo>
                  <a:lnTo>
                    <a:pt x="14721" y="7602"/>
                  </a:lnTo>
                  <a:lnTo>
                    <a:pt x="14721" y="7960"/>
                  </a:lnTo>
                  <a:lnTo>
                    <a:pt x="12565" y="7960"/>
                  </a:lnTo>
                  <a:lnTo>
                    <a:pt x="12458" y="7960"/>
                  </a:lnTo>
                  <a:lnTo>
                    <a:pt x="12206" y="7960"/>
                  </a:lnTo>
                  <a:lnTo>
                    <a:pt x="12206" y="7602"/>
                  </a:lnTo>
                  <a:close/>
                  <a:moveTo>
                    <a:pt x="12206" y="5277"/>
                  </a:moveTo>
                  <a:lnTo>
                    <a:pt x="12368" y="5277"/>
                  </a:lnTo>
                  <a:lnTo>
                    <a:pt x="12565" y="5277"/>
                  </a:lnTo>
                  <a:lnTo>
                    <a:pt x="14721" y="5277"/>
                  </a:lnTo>
                  <a:lnTo>
                    <a:pt x="14721" y="5637"/>
                  </a:lnTo>
                  <a:lnTo>
                    <a:pt x="12565" y="5637"/>
                  </a:lnTo>
                  <a:lnTo>
                    <a:pt x="12368" y="5637"/>
                  </a:lnTo>
                  <a:lnTo>
                    <a:pt x="12206" y="5637"/>
                  </a:lnTo>
                  <a:lnTo>
                    <a:pt x="12206" y="5277"/>
                  </a:lnTo>
                  <a:close/>
                  <a:moveTo>
                    <a:pt x="12206" y="4116"/>
                  </a:moveTo>
                  <a:lnTo>
                    <a:pt x="12458" y="4116"/>
                  </a:lnTo>
                  <a:lnTo>
                    <a:pt x="12565" y="4116"/>
                  </a:lnTo>
                  <a:lnTo>
                    <a:pt x="14721" y="4116"/>
                  </a:lnTo>
                  <a:lnTo>
                    <a:pt x="14721" y="4475"/>
                  </a:lnTo>
                  <a:lnTo>
                    <a:pt x="12565" y="4475"/>
                  </a:lnTo>
                  <a:lnTo>
                    <a:pt x="12458" y="4475"/>
                  </a:lnTo>
                  <a:lnTo>
                    <a:pt x="12206" y="4475"/>
                  </a:lnTo>
                  <a:lnTo>
                    <a:pt x="12206" y="4116"/>
                  </a:lnTo>
                  <a:close/>
                  <a:moveTo>
                    <a:pt x="13822" y="8182"/>
                  </a:moveTo>
                  <a:lnTo>
                    <a:pt x="14182" y="8182"/>
                  </a:lnTo>
                  <a:lnTo>
                    <a:pt x="14182" y="8542"/>
                  </a:lnTo>
                  <a:lnTo>
                    <a:pt x="13822" y="8542"/>
                  </a:lnTo>
                  <a:lnTo>
                    <a:pt x="13822" y="8182"/>
                  </a:lnTo>
                  <a:close/>
                  <a:moveTo>
                    <a:pt x="12745" y="8182"/>
                  </a:moveTo>
                  <a:lnTo>
                    <a:pt x="13104" y="8182"/>
                  </a:lnTo>
                  <a:lnTo>
                    <a:pt x="13104" y="8542"/>
                  </a:lnTo>
                  <a:lnTo>
                    <a:pt x="12745" y="8542"/>
                  </a:lnTo>
                  <a:lnTo>
                    <a:pt x="12745" y="8182"/>
                  </a:lnTo>
                  <a:close/>
                  <a:moveTo>
                    <a:pt x="12206" y="8182"/>
                  </a:moveTo>
                  <a:lnTo>
                    <a:pt x="12565" y="8182"/>
                  </a:lnTo>
                  <a:lnTo>
                    <a:pt x="12565" y="8542"/>
                  </a:lnTo>
                  <a:lnTo>
                    <a:pt x="12206" y="8542"/>
                  </a:lnTo>
                  <a:lnTo>
                    <a:pt x="12206" y="8182"/>
                  </a:lnTo>
                  <a:close/>
                  <a:moveTo>
                    <a:pt x="13284" y="7021"/>
                  </a:moveTo>
                  <a:lnTo>
                    <a:pt x="13643" y="7021"/>
                  </a:lnTo>
                  <a:lnTo>
                    <a:pt x="13643" y="7379"/>
                  </a:lnTo>
                  <a:lnTo>
                    <a:pt x="13284" y="7379"/>
                  </a:lnTo>
                  <a:lnTo>
                    <a:pt x="13284" y="7021"/>
                  </a:lnTo>
                  <a:close/>
                  <a:moveTo>
                    <a:pt x="12745" y="7021"/>
                  </a:moveTo>
                  <a:lnTo>
                    <a:pt x="13104" y="7021"/>
                  </a:lnTo>
                  <a:lnTo>
                    <a:pt x="13104" y="7379"/>
                  </a:lnTo>
                  <a:lnTo>
                    <a:pt x="12745" y="7379"/>
                  </a:lnTo>
                  <a:lnTo>
                    <a:pt x="12745" y="7021"/>
                  </a:lnTo>
                  <a:close/>
                  <a:moveTo>
                    <a:pt x="12206" y="7021"/>
                  </a:moveTo>
                  <a:lnTo>
                    <a:pt x="12565" y="7021"/>
                  </a:lnTo>
                  <a:lnTo>
                    <a:pt x="12565" y="7379"/>
                  </a:lnTo>
                  <a:lnTo>
                    <a:pt x="12206" y="7379"/>
                  </a:lnTo>
                  <a:lnTo>
                    <a:pt x="12206" y="7021"/>
                  </a:lnTo>
                  <a:close/>
                  <a:moveTo>
                    <a:pt x="14362" y="6440"/>
                  </a:moveTo>
                  <a:lnTo>
                    <a:pt x="14721" y="6440"/>
                  </a:lnTo>
                  <a:lnTo>
                    <a:pt x="14721" y="6799"/>
                  </a:lnTo>
                  <a:lnTo>
                    <a:pt x="14362" y="6799"/>
                  </a:lnTo>
                  <a:lnTo>
                    <a:pt x="14362" y="6440"/>
                  </a:lnTo>
                  <a:close/>
                  <a:moveTo>
                    <a:pt x="13822" y="6440"/>
                  </a:moveTo>
                  <a:lnTo>
                    <a:pt x="14182" y="6440"/>
                  </a:lnTo>
                  <a:lnTo>
                    <a:pt x="14182" y="6799"/>
                  </a:lnTo>
                  <a:lnTo>
                    <a:pt x="13822" y="6799"/>
                  </a:lnTo>
                  <a:lnTo>
                    <a:pt x="13822" y="6440"/>
                  </a:lnTo>
                  <a:close/>
                  <a:moveTo>
                    <a:pt x="12745" y="6440"/>
                  </a:moveTo>
                  <a:lnTo>
                    <a:pt x="13104" y="6440"/>
                  </a:lnTo>
                  <a:lnTo>
                    <a:pt x="13104" y="6799"/>
                  </a:lnTo>
                  <a:lnTo>
                    <a:pt x="12745" y="6799"/>
                  </a:lnTo>
                  <a:lnTo>
                    <a:pt x="12745" y="6440"/>
                  </a:lnTo>
                  <a:close/>
                  <a:moveTo>
                    <a:pt x="12206" y="6440"/>
                  </a:moveTo>
                  <a:lnTo>
                    <a:pt x="12565" y="6440"/>
                  </a:lnTo>
                  <a:lnTo>
                    <a:pt x="12565" y="6799"/>
                  </a:lnTo>
                  <a:lnTo>
                    <a:pt x="12206" y="6799"/>
                  </a:lnTo>
                  <a:lnTo>
                    <a:pt x="12206" y="6440"/>
                  </a:lnTo>
                  <a:close/>
                  <a:moveTo>
                    <a:pt x="13822" y="5859"/>
                  </a:moveTo>
                  <a:lnTo>
                    <a:pt x="14182" y="5859"/>
                  </a:lnTo>
                  <a:lnTo>
                    <a:pt x="14182" y="6218"/>
                  </a:lnTo>
                  <a:lnTo>
                    <a:pt x="13822" y="6218"/>
                  </a:lnTo>
                  <a:lnTo>
                    <a:pt x="13822" y="5859"/>
                  </a:lnTo>
                  <a:close/>
                  <a:moveTo>
                    <a:pt x="13284" y="5859"/>
                  </a:moveTo>
                  <a:lnTo>
                    <a:pt x="13643" y="5859"/>
                  </a:lnTo>
                  <a:lnTo>
                    <a:pt x="13643" y="6218"/>
                  </a:lnTo>
                  <a:lnTo>
                    <a:pt x="13284" y="6218"/>
                  </a:lnTo>
                  <a:lnTo>
                    <a:pt x="13284" y="5859"/>
                  </a:lnTo>
                  <a:close/>
                  <a:moveTo>
                    <a:pt x="12206" y="5859"/>
                  </a:moveTo>
                  <a:lnTo>
                    <a:pt x="12565" y="5859"/>
                  </a:lnTo>
                  <a:lnTo>
                    <a:pt x="12565" y="6218"/>
                  </a:lnTo>
                  <a:lnTo>
                    <a:pt x="12206" y="6218"/>
                  </a:lnTo>
                  <a:lnTo>
                    <a:pt x="12206" y="5859"/>
                  </a:lnTo>
                  <a:close/>
                  <a:moveTo>
                    <a:pt x="13822" y="4697"/>
                  </a:moveTo>
                  <a:lnTo>
                    <a:pt x="14182" y="4697"/>
                  </a:lnTo>
                  <a:lnTo>
                    <a:pt x="14182" y="5056"/>
                  </a:lnTo>
                  <a:lnTo>
                    <a:pt x="13822" y="5056"/>
                  </a:lnTo>
                  <a:lnTo>
                    <a:pt x="13822" y="4697"/>
                  </a:lnTo>
                  <a:close/>
                  <a:moveTo>
                    <a:pt x="13284" y="4697"/>
                  </a:moveTo>
                  <a:lnTo>
                    <a:pt x="13643" y="4697"/>
                  </a:lnTo>
                  <a:lnTo>
                    <a:pt x="13643" y="5056"/>
                  </a:lnTo>
                  <a:lnTo>
                    <a:pt x="13284" y="5056"/>
                  </a:lnTo>
                  <a:lnTo>
                    <a:pt x="13284" y="4697"/>
                  </a:lnTo>
                  <a:close/>
                  <a:moveTo>
                    <a:pt x="12745" y="4697"/>
                  </a:moveTo>
                  <a:lnTo>
                    <a:pt x="13104" y="4697"/>
                  </a:lnTo>
                  <a:lnTo>
                    <a:pt x="13104" y="5056"/>
                  </a:lnTo>
                  <a:lnTo>
                    <a:pt x="12745" y="5056"/>
                  </a:lnTo>
                  <a:lnTo>
                    <a:pt x="12745" y="4697"/>
                  </a:lnTo>
                  <a:close/>
                  <a:moveTo>
                    <a:pt x="12206" y="4697"/>
                  </a:moveTo>
                  <a:lnTo>
                    <a:pt x="12565" y="4697"/>
                  </a:lnTo>
                  <a:lnTo>
                    <a:pt x="12565" y="5056"/>
                  </a:lnTo>
                  <a:lnTo>
                    <a:pt x="12206" y="5056"/>
                  </a:lnTo>
                  <a:lnTo>
                    <a:pt x="12206" y="4697"/>
                  </a:lnTo>
                  <a:close/>
                  <a:moveTo>
                    <a:pt x="14362" y="3535"/>
                  </a:moveTo>
                  <a:lnTo>
                    <a:pt x="14721" y="3535"/>
                  </a:lnTo>
                  <a:lnTo>
                    <a:pt x="14721" y="3895"/>
                  </a:lnTo>
                  <a:lnTo>
                    <a:pt x="14362" y="3895"/>
                  </a:lnTo>
                  <a:lnTo>
                    <a:pt x="14362" y="3535"/>
                  </a:lnTo>
                  <a:close/>
                  <a:moveTo>
                    <a:pt x="13822" y="3535"/>
                  </a:moveTo>
                  <a:lnTo>
                    <a:pt x="14182" y="3535"/>
                  </a:lnTo>
                  <a:lnTo>
                    <a:pt x="14182" y="3895"/>
                  </a:lnTo>
                  <a:lnTo>
                    <a:pt x="13822" y="3895"/>
                  </a:lnTo>
                  <a:lnTo>
                    <a:pt x="13822" y="3535"/>
                  </a:lnTo>
                  <a:close/>
                  <a:moveTo>
                    <a:pt x="13284" y="3535"/>
                  </a:moveTo>
                  <a:lnTo>
                    <a:pt x="13643" y="3535"/>
                  </a:lnTo>
                  <a:lnTo>
                    <a:pt x="13643" y="3895"/>
                  </a:lnTo>
                  <a:lnTo>
                    <a:pt x="13284" y="3895"/>
                  </a:lnTo>
                  <a:lnTo>
                    <a:pt x="13284" y="3535"/>
                  </a:lnTo>
                  <a:close/>
                  <a:moveTo>
                    <a:pt x="12745" y="3535"/>
                  </a:moveTo>
                  <a:lnTo>
                    <a:pt x="13104" y="3535"/>
                  </a:lnTo>
                  <a:lnTo>
                    <a:pt x="13104" y="3895"/>
                  </a:lnTo>
                  <a:lnTo>
                    <a:pt x="12745" y="3895"/>
                  </a:lnTo>
                  <a:lnTo>
                    <a:pt x="12745" y="3535"/>
                  </a:lnTo>
                  <a:close/>
                  <a:moveTo>
                    <a:pt x="12206" y="3535"/>
                  </a:moveTo>
                  <a:lnTo>
                    <a:pt x="12565" y="3535"/>
                  </a:lnTo>
                  <a:lnTo>
                    <a:pt x="12565" y="3895"/>
                  </a:lnTo>
                  <a:lnTo>
                    <a:pt x="12206" y="3895"/>
                  </a:lnTo>
                  <a:lnTo>
                    <a:pt x="12206" y="3535"/>
                  </a:lnTo>
                  <a:close/>
                  <a:moveTo>
                    <a:pt x="14362" y="2374"/>
                  </a:moveTo>
                  <a:lnTo>
                    <a:pt x="14721" y="2374"/>
                  </a:lnTo>
                  <a:lnTo>
                    <a:pt x="14721" y="2732"/>
                  </a:lnTo>
                  <a:lnTo>
                    <a:pt x="14362" y="2732"/>
                  </a:lnTo>
                  <a:lnTo>
                    <a:pt x="14362" y="2374"/>
                  </a:lnTo>
                  <a:close/>
                  <a:moveTo>
                    <a:pt x="13822" y="2374"/>
                  </a:moveTo>
                  <a:lnTo>
                    <a:pt x="14182" y="2374"/>
                  </a:lnTo>
                  <a:lnTo>
                    <a:pt x="14182" y="2732"/>
                  </a:lnTo>
                  <a:lnTo>
                    <a:pt x="13822" y="2732"/>
                  </a:lnTo>
                  <a:lnTo>
                    <a:pt x="13822" y="2374"/>
                  </a:lnTo>
                  <a:close/>
                  <a:moveTo>
                    <a:pt x="13284" y="2374"/>
                  </a:moveTo>
                  <a:lnTo>
                    <a:pt x="13643" y="2374"/>
                  </a:lnTo>
                  <a:lnTo>
                    <a:pt x="13643" y="2732"/>
                  </a:lnTo>
                  <a:lnTo>
                    <a:pt x="13284" y="2732"/>
                  </a:lnTo>
                  <a:lnTo>
                    <a:pt x="13284" y="2374"/>
                  </a:lnTo>
                  <a:close/>
                  <a:moveTo>
                    <a:pt x="12745" y="2374"/>
                  </a:moveTo>
                  <a:lnTo>
                    <a:pt x="13104" y="2374"/>
                  </a:lnTo>
                  <a:lnTo>
                    <a:pt x="13104" y="2732"/>
                  </a:lnTo>
                  <a:lnTo>
                    <a:pt x="12745" y="2732"/>
                  </a:lnTo>
                  <a:lnTo>
                    <a:pt x="12745" y="2374"/>
                  </a:lnTo>
                  <a:close/>
                  <a:moveTo>
                    <a:pt x="5912" y="8673"/>
                  </a:moveTo>
                  <a:lnTo>
                    <a:pt x="6271" y="8673"/>
                  </a:lnTo>
                  <a:lnTo>
                    <a:pt x="6271" y="9033"/>
                  </a:lnTo>
                  <a:lnTo>
                    <a:pt x="5912" y="9033"/>
                  </a:lnTo>
                  <a:lnTo>
                    <a:pt x="5912" y="8673"/>
                  </a:lnTo>
                  <a:close/>
                  <a:moveTo>
                    <a:pt x="6990" y="10819"/>
                  </a:moveTo>
                  <a:lnTo>
                    <a:pt x="7349" y="10819"/>
                  </a:lnTo>
                  <a:lnTo>
                    <a:pt x="7349" y="11178"/>
                  </a:lnTo>
                  <a:lnTo>
                    <a:pt x="6990" y="11178"/>
                  </a:lnTo>
                  <a:lnTo>
                    <a:pt x="6990" y="10819"/>
                  </a:lnTo>
                  <a:close/>
                  <a:moveTo>
                    <a:pt x="6451" y="10819"/>
                  </a:moveTo>
                  <a:lnTo>
                    <a:pt x="6810" y="10819"/>
                  </a:lnTo>
                  <a:lnTo>
                    <a:pt x="6810" y="11178"/>
                  </a:lnTo>
                  <a:lnTo>
                    <a:pt x="6451" y="11178"/>
                  </a:lnTo>
                  <a:lnTo>
                    <a:pt x="6451" y="10819"/>
                  </a:lnTo>
                  <a:close/>
                  <a:moveTo>
                    <a:pt x="5912" y="10819"/>
                  </a:moveTo>
                  <a:lnTo>
                    <a:pt x="6271" y="10819"/>
                  </a:lnTo>
                  <a:lnTo>
                    <a:pt x="6271" y="11178"/>
                  </a:lnTo>
                  <a:lnTo>
                    <a:pt x="5912" y="11178"/>
                  </a:lnTo>
                  <a:lnTo>
                    <a:pt x="5912" y="10819"/>
                  </a:lnTo>
                  <a:close/>
                  <a:moveTo>
                    <a:pt x="6990" y="9746"/>
                  </a:moveTo>
                  <a:lnTo>
                    <a:pt x="7349" y="9746"/>
                  </a:lnTo>
                  <a:lnTo>
                    <a:pt x="7349" y="10106"/>
                  </a:lnTo>
                  <a:lnTo>
                    <a:pt x="6990" y="10106"/>
                  </a:lnTo>
                  <a:lnTo>
                    <a:pt x="6990" y="9746"/>
                  </a:lnTo>
                  <a:close/>
                  <a:moveTo>
                    <a:pt x="6451" y="9746"/>
                  </a:moveTo>
                  <a:lnTo>
                    <a:pt x="6810" y="9746"/>
                  </a:lnTo>
                  <a:lnTo>
                    <a:pt x="6810" y="10106"/>
                  </a:lnTo>
                  <a:lnTo>
                    <a:pt x="6451" y="10106"/>
                  </a:lnTo>
                  <a:lnTo>
                    <a:pt x="6451" y="9746"/>
                  </a:lnTo>
                  <a:close/>
                  <a:moveTo>
                    <a:pt x="5912" y="9746"/>
                  </a:moveTo>
                  <a:lnTo>
                    <a:pt x="6271" y="9746"/>
                  </a:lnTo>
                  <a:lnTo>
                    <a:pt x="6271" y="10106"/>
                  </a:lnTo>
                  <a:lnTo>
                    <a:pt x="5912" y="10106"/>
                  </a:lnTo>
                  <a:lnTo>
                    <a:pt x="5912" y="9746"/>
                  </a:lnTo>
                  <a:close/>
                  <a:moveTo>
                    <a:pt x="6990" y="8673"/>
                  </a:moveTo>
                  <a:lnTo>
                    <a:pt x="7349" y="8673"/>
                  </a:lnTo>
                  <a:lnTo>
                    <a:pt x="7349" y="9033"/>
                  </a:lnTo>
                  <a:lnTo>
                    <a:pt x="6990" y="9033"/>
                  </a:lnTo>
                  <a:lnTo>
                    <a:pt x="6990" y="8673"/>
                  </a:lnTo>
                  <a:close/>
                  <a:moveTo>
                    <a:pt x="6451" y="8673"/>
                  </a:moveTo>
                  <a:lnTo>
                    <a:pt x="6810" y="8673"/>
                  </a:lnTo>
                  <a:lnTo>
                    <a:pt x="6810" y="9033"/>
                  </a:lnTo>
                  <a:lnTo>
                    <a:pt x="6451" y="9033"/>
                  </a:lnTo>
                  <a:lnTo>
                    <a:pt x="6451" y="8673"/>
                  </a:lnTo>
                  <a:close/>
                  <a:moveTo>
                    <a:pt x="3503" y="5233"/>
                  </a:moveTo>
                  <a:lnTo>
                    <a:pt x="3861" y="5233"/>
                  </a:lnTo>
                  <a:lnTo>
                    <a:pt x="3861" y="5593"/>
                  </a:lnTo>
                  <a:lnTo>
                    <a:pt x="3503" y="5593"/>
                  </a:lnTo>
                  <a:lnTo>
                    <a:pt x="3503" y="5233"/>
                  </a:lnTo>
                  <a:close/>
                  <a:moveTo>
                    <a:pt x="1885" y="11489"/>
                  </a:moveTo>
                  <a:lnTo>
                    <a:pt x="3503" y="11489"/>
                  </a:lnTo>
                  <a:lnTo>
                    <a:pt x="3697" y="11489"/>
                  </a:lnTo>
                  <a:lnTo>
                    <a:pt x="3861" y="11489"/>
                  </a:lnTo>
                  <a:lnTo>
                    <a:pt x="3861" y="11848"/>
                  </a:lnTo>
                  <a:lnTo>
                    <a:pt x="3697" y="11848"/>
                  </a:lnTo>
                  <a:lnTo>
                    <a:pt x="3503" y="11848"/>
                  </a:lnTo>
                  <a:lnTo>
                    <a:pt x="1885" y="11848"/>
                  </a:lnTo>
                  <a:lnTo>
                    <a:pt x="1885" y="11489"/>
                  </a:lnTo>
                  <a:close/>
                  <a:moveTo>
                    <a:pt x="1885" y="10238"/>
                  </a:moveTo>
                  <a:lnTo>
                    <a:pt x="3503" y="10238"/>
                  </a:lnTo>
                  <a:lnTo>
                    <a:pt x="3638" y="10238"/>
                  </a:lnTo>
                  <a:lnTo>
                    <a:pt x="3861" y="10238"/>
                  </a:lnTo>
                  <a:lnTo>
                    <a:pt x="3861" y="10597"/>
                  </a:lnTo>
                  <a:lnTo>
                    <a:pt x="3638" y="10597"/>
                  </a:lnTo>
                  <a:lnTo>
                    <a:pt x="3503" y="10597"/>
                  </a:lnTo>
                  <a:lnTo>
                    <a:pt x="1885" y="10597"/>
                  </a:lnTo>
                  <a:lnTo>
                    <a:pt x="1885" y="10238"/>
                  </a:lnTo>
                  <a:close/>
                  <a:moveTo>
                    <a:pt x="2964" y="8361"/>
                  </a:moveTo>
                  <a:lnTo>
                    <a:pt x="3248" y="8361"/>
                  </a:lnTo>
                  <a:lnTo>
                    <a:pt x="3322" y="8361"/>
                  </a:lnTo>
                  <a:lnTo>
                    <a:pt x="3861" y="8361"/>
                  </a:lnTo>
                  <a:lnTo>
                    <a:pt x="3861" y="8720"/>
                  </a:lnTo>
                  <a:lnTo>
                    <a:pt x="3322" y="8720"/>
                  </a:lnTo>
                  <a:lnTo>
                    <a:pt x="3248" y="8720"/>
                  </a:lnTo>
                  <a:lnTo>
                    <a:pt x="2964" y="8720"/>
                  </a:lnTo>
                  <a:lnTo>
                    <a:pt x="2964" y="8361"/>
                  </a:lnTo>
                  <a:close/>
                  <a:moveTo>
                    <a:pt x="1346" y="7736"/>
                  </a:moveTo>
                  <a:lnTo>
                    <a:pt x="1571" y="7736"/>
                  </a:lnTo>
                  <a:lnTo>
                    <a:pt x="1706" y="7736"/>
                  </a:lnTo>
                  <a:lnTo>
                    <a:pt x="2245" y="7736"/>
                  </a:lnTo>
                  <a:lnTo>
                    <a:pt x="2245" y="8094"/>
                  </a:lnTo>
                  <a:lnTo>
                    <a:pt x="1706" y="8094"/>
                  </a:lnTo>
                  <a:lnTo>
                    <a:pt x="1571" y="8094"/>
                  </a:lnTo>
                  <a:lnTo>
                    <a:pt x="1346" y="8094"/>
                  </a:lnTo>
                  <a:lnTo>
                    <a:pt x="1346" y="7736"/>
                  </a:lnTo>
                  <a:close/>
                  <a:moveTo>
                    <a:pt x="1346" y="7110"/>
                  </a:moveTo>
                  <a:lnTo>
                    <a:pt x="3503" y="7110"/>
                  </a:lnTo>
                  <a:lnTo>
                    <a:pt x="3577" y="7110"/>
                  </a:lnTo>
                  <a:lnTo>
                    <a:pt x="3861" y="7110"/>
                  </a:lnTo>
                  <a:lnTo>
                    <a:pt x="3861" y="7469"/>
                  </a:lnTo>
                  <a:lnTo>
                    <a:pt x="3577" y="7469"/>
                  </a:lnTo>
                  <a:lnTo>
                    <a:pt x="3503" y="7469"/>
                  </a:lnTo>
                  <a:lnTo>
                    <a:pt x="1346" y="7469"/>
                  </a:lnTo>
                  <a:lnTo>
                    <a:pt x="1346" y="7110"/>
                  </a:lnTo>
                  <a:close/>
                  <a:moveTo>
                    <a:pt x="1346" y="5233"/>
                  </a:moveTo>
                  <a:lnTo>
                    <a:pt x="1705" y="5233"/>
                  </a:lnTo>
                  <a:lnTo>
                    <a:pt x="1705" y="5593"/>
                  </a:lnTo>
                  <a:lnTo>
                    <a:pt x="1346" y="5593"/>
                  </a:lnTo>
                  <a:lnTo>
                    <a:pt x="1346" y="5233"/>
                  </a:lnTo>
                  <a:close/>
                  <a:moveTo>
                    <a:pt x="1720" y="5233"/>
                  </a:moveTo>
                  <a:lnTo>
                    <a:pt x="1727" y="5233"/>
                  </a:lnTo>
                  <a:lnTo>
                    <a:pt x="1773" y="5233"/>
                  </a:lnTo>
                  <a:lnTo>
                    <a:pt x="1777" y="5233"/>
                  </a:lnTo>
                  <a:lnTo>
                    <a:pt x="1932" y="5233"/>
                  </a:lnTo>
                  <a:lnTo>
                    <a:pt x="2783" y="5233"/>
                  </a:lnTo>
                  <a:lnTo>
                    <a:pt x="2783" y="5593"/>
                  </a:lnTo>
                  <a:lnTo>
                    <a:pt x="1932" y="5593"/>
                  </a:lnTo>
                  <a:lnTo>
                    <a:pt x="1777" y="5593"/>
                  </a:lnTo>
                  <a:lnTo>
                    <a:pt x="1773" y="5593"/>
                  </a:lnTo>
                  <a:lnTo>
                    <a:pt x="1727" y="5593"/>
                  </a:lnTo>
                  <a:lnTo>
                    <a:pt x="1720" y="5593"/>
                  </a:lnTo>
                  <a:lnTo>
                    <a:pt x="1720" y="5233"/>
                  </a:lnTo>
                  <a:close/>
                  <a:moveTo>
                    <a:pt x="3503" y="12740"/>
                  </a:moveTo>
                  <a:lnTo>
                    <a:pt x="3861" y="12740"/>
                  </a:lnTo>
                  <a:lnTo>
                    <a:pt x="3861" y="13100"/>
                  </a:lnTo>
                  <a:lnTo>
                    <a:pt x="3503" y="13100"/>
                  </a:lnTo>
                  <a:lnTo>
                    <a:pt x="3503" y="12740"/>
                  </a:lnTo>
                  <a:close/>
                  <a:moveTo>
                    <a:pt x="2964" y="12740"/>
                  </a:moveTo>
                  <a:lnTo>
                    <a:pt x="3322" y="12740"/>
                  </a:lnTo>
                  <a:lnTo>
                    <a:pt x="3322" y="13100"/>
                  </a:lnTo>
                  <a:lnTo>
                    <a:pt x="2964" y="13100"/>
                  </a:lnTo>
                  <a:lnTo>
                    <a:pt x="2964" y="12740"/>
                  </a:lnTo>
                  <a:close/>
                  <a:moveTo>
                    <a:pt x="2424" y="12740"/>
                  </a:moveTo>
                  <a:lnTo>
                    <a:pt x="2783" y="12740"/>
                  </a:lnTo>
                  <a:lnTo>
                    <a:pt x="2783" y="13100"/>
                  </a:lnTo>
                  <a:lnTo>
                    <a:pt x="2424" y="13100"/>
                  </a:lnTo>
                  <a:lnTo>
                    <a:pt x="2424" y="12740"/>
                  </a:lnTo>
                  <a:close/>
                  <a:moveTo>
                    <a:pt x="1885" y="12740"/>
                  </a:moveTo>
                  <a:lnTo>
                    <a:pt x="2245" y="12740"/>
                  </a:lnTo>
                  <a:lnTo>
                    <a:pt x="2245" y="13100"/>
                  </a:lnTo>
                  <a:lnTo>
                    <a:pt x="1885" y="13100"/>
                  </a:lnTo>
                  <a:lnTo>
                    <a:pt x="1885" y="12740"/>
                  </a:lnTo>
                  <a:close/>
                  <a:moveTo>
                    <a:pt x="1346" y="12740"/>
                  </a:moveTo>
                  <a:lnTo>
                    <a:pt x="1706" y="12740"/>
                  </a:lnTo>
                  <a:lnTo>
                    <a:pt x="1706" y="13100"/>
                  </a:lnTo>
                  <a:lnTo>
                    <a:pt x="1346" y="13100"/>
                  </a:lnTo>
                  <a:lnTo>
                    <a:pt x="1346" y="12740"/>
                  </a:lnTo>
                  <a:close/>
                  <a:moveTo>
                    <a:pt x="2964" y="12115"/>
                  </a:moveTo>
                  <a:lnTo>
                    <a:pt x="3322" y="12115"/>
                  </a:lnTo>
                  <a:lnTo>
                    <a:pt x="3322" y="12473"/>
                  </a:lnTo>
                  <a:lnTo>
                    <a:pt x="2964" y="12473"/>
                  </a:lnTo>
                  <a:lnTo>
                    <a:pt x="2964" y="12115"/>
                  </a:lnTo>
                  <a:close/>
                  <a:moveTo>
                    <a:pt x="1885" y="12115"/>
                  </a:moveTo>
                  <a:lnTo>
                    <a:pt x="2245" y="12115"/>
                  </a:lnTo>
                  <a:lnTo>
                    <a:pt x="2245" y="12473"/>
                  </a:lnTo>
                  <a:lnTo>
                    <a:pt x="1885" y="12473"/>
                  </a:lnTo>
                  <a:lnTo>
                    <a:pt x="1885" y="12115"/>
                  </a:lnTo>
                  <a:close/>
                  <a:moveTo>
                    <a:pt x="1346" y="12115"/>
                  </a:moveTo>
                  <a:lnTo>
                    <a:pt x="1706" y="12115"/>
                  </a:lnTo>
                  <a:lnTo>
                    <a:pt x="1706" y="12473"/>
                  </a:lnTo>
                  <a:lnTo>
                    <a:pt x="1346" y="12473"/>
                  </a:lnTo>
                  <a:lnTo>
                    <a:pt x="1346" y="12115"/>
                  </a:lnTo>
                  <a:close/>
                  <a:moveTo>
                    <a:pt x="3503" y="10863"/>
                  </a:moveTo>
                  <a:lnTo>
                    <a:pt x="3861" y="10863"/>
                  </a:lnTo>
                  <a:lnTo>
                    <a:pt x="3861" y="11223"/>
                  </a:lnTo>
                  <a:lnTo>
                    <a:pt x="3503" y="11223"/>
                  </a:lnTo>
                  <a:lnTo>
                    <a:pt x="3503" y="10863"/>
                  </a:lnTo>
                  <a:close/>
                  <a:moveTo>
                    <a:pt x="2964" y="10863"/>
                  </a:moveTo>
                  <a:lnTo>
                    <a:pt x="3322" y="10863"/>
                  </a:lnTo>
                  <a:lnTo>
                    <a:pt x="3322" y="11223"/>
                  </a:lnTo>
                  <a:lnTo>
                    <a:pt x="2964" y="11223"/>
                  </a:lnTo>
                  <a:lnTo>
                    <a:pt x="2964" y="10863"/>
                  </a:lnTo>
                  <a:close/>
                  <a:moveTo>
                    <a:pt x="2424" y="10863"/>
                  </a:moveTo>
                  <a:lnTo>
                    <a:pt x="2783" y="10863"/>
                  </a:lnTo>
                  <a:lnTo>
                    <a:pt x="2783" y="11223"/>
                  </a:lnTo>
                  <a:lnTo>
                    <a:pt x="2424" y="11223"/>
                  </a:lnTo>
                  <a:lnTo>
                    <a:pt x="2424" y="10863"/>
                  </a:lnTo>
                  <a:close/>
                  <a:moveTo>
                    <a:pt x="1885" y="10863"/>
                  </a:moveTo>
                  <a:lnTo>
                    <a:pt x="2245" y="10863"/>
                  </a:lnTo>
                  <a:lnTo>
                    <a:pt x="2245" y="11223"/>
                  </a:lnTo>
                  <a:lnTo>
                    <a:pt x="1885" y="11223"/>
                  </a:lnTo>
                  <a:lnTo>
                    <a:pt x="1885" y="10863"/>
                  </a:lnTo>
                  <a:close/>
                  <a:moveTo>
                    <a:pt x="1346" y="10863"/>
                  </a:moveTo>
                  <a:lnTo>
                    <a:pt x="1706" y="10863"/>
                  </a:lnTo>
                  <a:lnTo>
                    <a:pt x="1706" y="11223"/>
                  </a:lnTo>
                  <a:lnTo>
                    <a:pt x="1346" y="11223"/>
                  </a:lnTo>
                  <a:lnTo>
                    <a:pt x="1346" y="10863"/>
                  </a:lnTo>
                  <a:close/>
                  <a:moveTo>
                    <a:pt x="3503" y="9612"/>
                  </a:moveTo>
                  <a:lnTo>
                    <a:pt x="3861" y="9612"/>
                  </a:lnTo>
                  <a:lnTo>
                    <a:pt x="3861" y="9972"/>
                  </a:lnTo>
                  <a:lnTo>
                    <a:pt x="3503" y="9972"/>
                  </a:lnTo>
                  <a:lnTo>
                    <a:pt x="3503" y="9612"/>
                  </a:lnTo>
                  <a:close/>
                  <a:moveTo>
                    <a:pt x="2964" y="9612"/>
                  </a:moveTo>
                  <a:lnTo>
                    <a:pt x="3322" y="9612"/>
                  </a:lnTo>
                  <a:lnTo>
                    <a:pt x="3322" y="9972"/>
                  </a:lnTo>
                  <a:lnTo>
                    <a:pt x="2964" y="9972"/>
                  </a:lnTo>
                  <a:lnTo>
                    <a:pt x="2964" y="9612"/>
                  </a:lnTo>
                  <a:close/>
                  <a:moveTo>
                    <a:pt x="2424" y="9612"/>
                  </a:moveTo>
                  <a:lnTo>
                    <a:pt x="2783" y="9612"/>
                  </a:lnTo>
                  <a:lnTo>
                    <a:pt x="2783" y="9972"/>
                  </a:lnTo>
                  <a:lnTo>
                    <a:pt x="2424" y="9972"/>
                  </a:lnTo>
                  <a:lnTo>
                    <a:pt x="2424" y="9612"/>
                  </a:lnTo>
                  <a:close/>
                  <a:moveTo>
                    <a:pt x="1885" y="9612"/>
                  </a:moveTo>
                  <a:lnTo>
                    <a:pt x="2245" y="9612"/>
                  </a:lnTo>
                  <a:lnTo>
                    <a:pt x="2245" y="9972"/>
                  </a:lnTo>
                  <a:lnTo>
                    <a:pt x="1885" y="9972"/>
                  </a:lnTo>
                  <a:lnTo>
                    <a:pt x="1885" y="9612"/>
                  </a:lnTo>
                  <a:close/>
                  <a:moveTo>
                    <a:pt x="1346" y="9612"/>
                  </a:moveTo>
                  <a:lnTo>
                    <a:pt x="1706" y="9612"/>
                  </a:lnTo>
                  <a:lnTo>
                    <a:pt x="1706" y="9972"/>
                  </a:lnTo>
                  <a:lnTo>
                    <a:pt x="1346" y="9972"/>
                  </a:lnTo>
                  <a:lnTo>
                    <a:pt x="1346" y="9612"/>
                  </a:lnTo>
                  <a:close/>
                  <a:moveTo>
                    <a:pt x="3503" y="8987"/>
                  </a:moveTo>
                  <a:lnTo>
                    <a:pt x="3861" y="8987"/>
                  </a:lnTo>
                  <a:lnTo>
                    <a:pt x="3861" y="9346"/>
                  </a:lnTo>
                  <a:lnTo>
                    <a:pt x="3503" y="9346"/>
                  </a:lnTo>
                  <a:lnTo>
                    <a:pt x="3503" y="8987"/>
                  </a:lnTo>
                  <a:close/>
                  <a:moveTo>
                    <a:pt x="1885" y="8987"/>
                  </a:moveTo>
                  <a:lnTo>
                    <a:pt x="2245" y="8987"/>
                  </a:lnTo>
                  <a:lnTo>
                    <a:pt x="2245" y="9346"/>
                  </a:lnTo>
                  <a:lnTo>
                    <a:pt x="1885" y="9346"/>
                  </a:lnTo>
                  <a:lnTo>
                    <a:pt x="1885" y="8987"/>
                  </a:lnTo>
                  <a:close/>
                  <a:moveTo>
                    <a:pt x="1346" y="8987"/>
                  </a:moveTo>
                  <a:lnTo>
                    <a:pt x="1706" y="8987"/>
                  </a:lnTo>
                  <a:lnTo>
                    <a:pt x="1706" y="9346"/>
                  </a:lnTo>
                  <a:lnTo>
                    <a:pt x="1346" y="9346"/>
                  </a:lnTo>
                  <a:lnTo>
                    <a:pt x="1346" y="8987"/>
                  </a:lnTo>
                  <a:close/>
                  <a:moveTo>
                    <a:pt x="2424" y="8361"/>
                  </a:moveTo>
                  <a:lnTo>
                    <a:pt x="2783" y="8361"/>
                  </a:lnTo>
                  <a:lnTo>
                    <a:pt x="2783" y="8720"/>
                  </a:lnTo>
                  <a:lnTo>
                    <a:pt x="2424" y="8720"/>
                  </a:lnTo>
                  <a:lnTo>
                    <a:pt x="2424" y="8361"/>
                  </a:lnTo>
                  <a:close/>
                  <a:moveTo>
                    <a:pt x="1885" y="8361"/>
                  </a:moveTo>
                  <a:lnTo>
                    <a:pt x="2245" y="8361"/>
                  </a:lnTo>
                  <a:lnTo>
                    <a:pt x="2245" y="8720"/>
                  </a:lnTo>
                  <a:lnTo>
                    <a:pt x="1885" y="8720"/>
                  </a:lnTo>
                  <a:lnTo>
                    <a:pt x="1885" y="8361"/>
                  </a:lnTo>
                  <a:close/>
                  <a:moveTo>
                    <a:pt x="1346" y="8361"/>
                  </a:moveTo>
                  <a:lnTo>
                    <a:pt x="1706" y="8361"/>
                  </a:lnTo>
                  <a:lnTo>
                    <a:pt x="1706" y="8720"/>
                  </a:lnTo>
                  <a:lnTo>
                    <a:pt x="1346" y="8720"/>
                  </a:lnTo>
                  <a:lnTo>
                    <a:pt x="1346" y="8361"/>
                  </a:lnTo>
                  <a:close/>
                  <a:moveTo>
                    <a:pt x="3503" y="7736"/>
                  </a:moveTo>
                  <a:lnTo>
                    <a:pt x="3861" y="7736"/>
                  </a:lnTo>
                  <a:lnTo>
                    <a:pt x="3861" y="8094"/>
                  </a:lnTo>
                  <a:lnTo>
                    <a:pt x="3503" y="8094"/>
                  </a:lnTo>
                  <a:lnTo>
                    <a:pt x="3503" y="7736"/>
                  </a:lnTo>
                  <a:close/>
                  <a:moveTo>
                    <a:pt x="2424" y="7736"/>
                  </a:moveTo>
                  <a:lnTo>
                    <a:pt x="2783" y="7736"/>
                  </a:lnTo>
                  <a:lnTo>
                    <a:pt x="2783" y="8094"/>
                  </a:lnTo>
                  <a:lnTo>
                    <a:pt x="2424" y="8094"/>
                  </a:lnTo>
                  <a:lnTo>
                    <a:pt x="2424" y="7736"/>
                  </a:lnTo>
                  <a:close/>
                  <a:moveTo>
                    <a:pt x="3503" y="6484"/>
                  </a:moveTo>
                  <a:lnTo>
                    <a:pt x="3861" y="6484"/>
                  </a:lnTo>
                  <a:lnTo>
                    <a:pt x="3861" y="6844"/>
                  </a:lnTo>
                  <a:lnTo>
                    <a:pt x="3503" y="6844"/>
                  </a:lnTo>
                  <a:lnTo>
                    <a:pt x="3503" y="6484"/>
                  </a:lnTo>
                  <a:close/>
                  <a:moveTo>
                    <a:pt x="2424" y="6484"/>
                  </a:moveTo>
                  <a:lnTo>
                    <a:pt x="2783" y="6484"/>
                  </a:lnTo>
                  <a:lnTo>
                    <a:pt x="2783" y="6844"/>
                  </a:lnTo>
                  <a:lnTo>
                    <a:pt x="2424" y="6844"/>
                  </a:lnTo>
                  <a:lnTo>
                    <a:pt x="2424" y="6484"/>
                  </a:lnTo>
                  <a:close/>
                  <a:moveTo>
                    <a:pt x="1885" y="6484"/>
                  </a:moveTo>
                  <a:lnTo>
                    <a:pt x="2245" y="6484"/>
                  </a:lnTo>
                  <a:lnTo>
                    <a:pt x="2245" y="6844"/>
                  </a:lnTo>
                  <a:lnTo>
                    <a:pt x="1885" y="6844"/>
                  </a:lnTo>
                  <a:lnTo>
                    <a:pt x="1885" y="6484"/>
                  </a:lnTo>
                  <a:close/>
                  <a:moveTo>
                    <a:pt x="1346" y="6484"/>
                  </a:moveTo>
                  <a:lnTo>
                    <a:pt x="1706" y="6484"/>
                  </a:lnTo>
                  <a:lnTo>
                    <a:pt x="1706" y="6844"/>
                  </a:lnTo>
                  <a:lnTo>
                    <a:pt x="1346" y="6844"/>
                  </a:lnTo>
                  <a:lnTo>
                    <a:pt x="1346" y="6484"/>
                  </a:lnTo>
                  <a:close/>
                  <a:moveTo>
                    <a:pt x="3503" y="5859"/>
                  </a:moveTo>
                  <a:lnTo>
                    <a:pt x="3861" y="5859"/>
                  </a:lnTo>
                  <a:lnTo>
                    <a:pt x="3861" y="6218"/>
                  </a:lnTo>
                  <a:lnTo>
                    <a:pt x="3503" y="6218"/>
                  </a:lnTo>
                  <a:lnTo>
                    <a:pt x="3503" y="5859"/>
                  </a:lnTo>
                  <a:close/>
                  <a:moveTo>
                    <a:pt x="2964" y="5859"/>
                  </a:moveTo>
                  <a:lnTo>
                    <a:pt x="3322" y="5859"/>
                  </a:lnTo>
                  <a:lnTo>
                    <a:pt x="3322" y="6218"/>
                  </a:lnTo>
                  <a:lnTo>
                    <a:pt x="2964" y="6218"/>
                  </a:lnTo>
                  <a:lnTo>
                    <a:pt x="2964" y="5859"/>
                  </a:lnTo>
                  <a:close/>
                  <a:moveTo>
                    <a:pt x="2424" y="5859"/>
                  </a:moveTo>
                  <a:lnTo>
                    <a:pt x="2783" y="5859"/>
                  </a:lnTo>
                  <a:lnTo>
                    <a:pt x="2783" y="6218"/>
                  </a:lnTo>
                  <a:lnTo>
                    <a:pt x="2424" y="6218"/>
                  </a:lnTo>
                  <a:lnTo>
                    <a:pt x="2424" y="5859"/>
                  </a:lnTo>
                  <a:close/>
                  <a:moveTo>
                    <a:pt x="1346" y="5859"/>
                  </a:moveTo>
                  <a:lnTo>
                    <a:pt x="1706" y="5859"/>
                  </a:lnTo>
                  <a:lnTo>
                    <a:pt x="1706" y="6218"/>
                  </a:lnTo>
                  <a:lnTo>
                    <a:pt x="1346" y="6218"/>
                  </a:lnTo>
                  <a:lnTo>
                    <a:pt x="1346" y="5859"/>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159" name="Freeform 30"/>
            <p:cNvSpPr>
              <a:spLocks noEditPoints="1"/>
            </p:cNvSpPr>
            <p:nvPr/>
          </p:nvSpPr>
          <p:spPr bwMode="auto">
            <a:xfrm>
              <a:off x="2593750" y="2667042"/>
              <a:ext cx="338907" cy="857566"/>
            </a:xfrm>
            <a:custGeom>
              <a:avLst/>
              <a:gdLst/>
              <a:ahLst/>
              <a:cxnLst>
                <a:cxn ang="0">
                  <a:pos x="2156" y="993"/>
                </a:cxn>
                <a:cxn ang="0">
                  <a:pos x="4056" y="3975"/>
                </a:cxn>
                <a:cxn ang="0">
                  <a:pos x="3497" y="2787"/>
                </a:cxn>
                <a:cxn ang="0">
                  <a:pos x="3497" y="3320"/>
                </a:cxn>
                <a:cxn ang="0">
                  <a:pos x="4076" y="4477"/>
                </a:cxn>
                <a:cxn ang="0">
                  <a:pos x="3574" y="13182"/>
                </a:cxn>
                <a:cxn ang="0">
                  <a:pos x="3574" y="13682"/>
                </a:cxn>
                <a:cxn ang="0">
                  <a:pos x="3763" y="11440"/>
                </a:cxn>
                <a:cxn ang="0">
                  <a:pos x="1316" y="11940"/>
                </a:cxn>
                <a:cxn ang="0">
                  <a:pos x="4076" y="8829"/>
                </a:cxn>
                <a:cxn ang="0">
                  <a:pos x="2822" y="8829"/>
                </a:cxn>
                <a:cxn ang="0">
                  <a:pos x="1818" y="8458"/>
                </a:cxn>
                <a:cxn ang="0">
                  <a:pos x="564" y="7088"/>
                </a:cxn>
                <a:cxn ang="0">
                  <a:pos x="3679" y="7587"/>
                </a:cxn>
                <a:cxn ang="0">
                  <a:pos x="1065" y="4477"/>
                </a:cxn>
                <a:cxn ang="0">
                  <a:pos x="1096" y="4477"/>
                </a:cxn>
                <a:cxn ang="0">
                  <a:pos x="2570" y="4976"/>
                </a:cxn>
                <a:cxn ang="0">
                  <a:pos x="1086" y="4976"/>
                </a:cxn>
                <a:cxn ang="0">
                  <a:pos x="3574" y="15423"/>
                </a:cxn>
                <a:cxn ang="0">
                  <a:pos x="2822" y="15423"/>
                </a:cxn>
                <a:cxn ang="0">
                  <a:pos x="2070" y="15423"/>
                </a:cxn>
                <a:cxn ang="0">
                  <a:pos x="1316" y="15423"/>
                </a:cxn>
                <a:cxn ang="0">
                  <a:pos x="564" y="15423"/>
                </a:cxn>
                <a:cxn ang="0">
                  <a:pos x="2822" y="14552"/>
                </a:cxn>
                <a:cxn ang="0">
                  <a:pos x="1316" y="14552"/>
                </a:cxn>
                <a:cxn ang="0">
                  <a:pos x="564" y="14552"/>
                </a:cxn>
                <a:cxn ang="0">
                  <a:pos x="3574" y="12811"/>
                </a:cxn>
                <a:cxn ang="0">
                  <a:pos x="2822" y="12811"/>
                </a:cxn>
                <a:cxn ang="0">
                  <a:pos x="2070" y="12811"/>
                </a:cxn>
                <a:cxn ang="0">
                  <a:pos x="1316" y="12811"/>
                </a:cxn>
                <a:cxn ang="0">
                  <a:pos x="564" y="12811"/>
                </a:cxn>
                <a:cxn ang="0">
                  <a:pos x="3574" y="11070"/>
                </a:cxn>
                <a:cxn ang="0">
                  <a:pos x="2822" y="11070"/>
                </a:cxn>
                <a:cxn ang="0">
                  <a:pos x="2070" y="11070"/>
                </a:cxn>
                <a:cxn ang="0">
                  <a:pos x="1316" y="11070"/>
                </a:cxn>
                <a:cxn ang="0">
                  <a:pos x="564" y="11070"/>
                </a:cxn>
                <a:cxn ang="0">
                  <a:pos x="3574" y="10199"/>
                </a:cxn>
                <a:cxn ang="0">
                  <a:pos x="1316" y="10199"/>
                </a:cxn>
                <a:cxn ang="0">
                  <a:pos x="564" y="10199"/>
                </a:cxn>
                <a:cxn ang="0">
                  <a:pos x="2070" y="9329"/>
                </a:cxn>
                <a:cxn ang="0">
                  <a:pos x="1316" y="9329"/>
                </a:cxn>
                <a:cxn ang="0">
                  <a:pos x="564" y="9329"/>
                </a:cxn>
                <a:cxn ang="0">
                  <a:pos x="3574" y="8458"/>
                </a:cxn>
                <a:cxn ang="0">
                  <a:pos x="2070" y="8458"/>
                </a:cxn>
                <a:cxn ang="0">
                  <a:pos x="3574" y="6717"/>
                </a:cxn>
                <a:cxn ang="0">
                  <a:pos x="2070" y="6717"/>
                </a:cxn>
                <a:cxn ang="0">
                  <a:pos x="1316" y="6717"/>
                </a:cxn>
                <a:cxn ang="0">
                  <a:pos x="564" y="6717"/>
                </a:cxn>
                <a:cxn ang="0">
                  <a:pos x="3574" y="5847"/>
                </a:cxn>
                <a:cxn ang="0">
                  <a:pos x="2822" y="5847"/>
                </a:cxn>
                <a:cxn ang="0">
                  <a:pos x="2070" y="5847"/>
                </a:cxn>
                <a:cxn ang="0">
                  <a:pos x="564" y="5847"/>
                </a:cxn>
              </a:cxnLst>
              <a:rect l="0" t="0" r="r" b="b"/>
              <a:pathLst>
                <a:path w="4640" h="16096">
                  <a:moveTo>
                    <a:pt x="0" y="16096"/>
                  </a:moveTo>
                  <a:lnTo>
                    <a:pt x="0" y="3975"/>
                  </a:lnTo>
                  <a:lnTo>
                    <a:pt x="584" y="3975"/>
                  </a:lnTo>
                  <a:lnTo>
                    <a:pt x="584" y="2624"/>
                  </a:lnTo>
                  <a:lnTo>
                    <a:pt x="2156" y="993"/>
                  </a:lnTo>
                  <a:lnTo>
                    <a:pt x="2156" y="0"/>
                  </a:lnTo>
                  <a:lnTo>
                    <a:pt x="2484" y="0"/>
                  </a:lnTo>
                  <a:lnTo>
                    <a:pt x="2484" y="1015"/>
                  </a:lnTo>
                  <a:lnTo>
                    <a:pt x="4056" y="2624"/>
                  </a:lnTo>
                  <a:lnTo>
                    <a:pt x="4056" y="3975"/>
                  </a:lnTo>
                  <a:lnTo>
                    <a:pt x="4640" y="3975"/>
                  </a:lnTo>
                  <a:lnTo>
                    <a:pt x="4640" y="16096"/>
                  </a:lnTo>
                  <a:lnTo>
                    <a:pt x="0" y="16096"/>
                  </a:lnTo>
                  <a:close/>
                  <a:moveTo>
                    <a:pt x="1143" y="2787"/>
                  </a:moveTo>
                  <a:lnTo>
                    <a:pt x="3497" y="2787"/>
                  </a:lnTo>
                  <a:lnTo>
                    <a:pt x="3497" y="3158"/>
                  </a:lnTo>
                  <a:lnTo>
                    <a:pt x="1143" y="3158"/>
                  </a:lnTo>
                  <a:lnTo>
                    <a:pt x="1143" y="2787"/>
                  </a:lnTo>
                  <a:close/>
                  <a:moveTo>
                    <a:pt x="1143" y="3320"/>
                  </a:moveTo>
                  <a:lnTo>
                    <a:pt x="3497" y="3320"/>
                  </a:lnTo>
                  <a:lnTo>
                    <a:pt x="3497" y="3692"/>
                  </a:lnTo>
                  <a:lnTo>
                    <a:pt x="1143" y="3692"/>
                  </a:lnTo>
                  <a:lnTo>
                    <a:pt x="1143" y="3320"/>
                  </a:lnTo>
                  <a:close/>
                  <a:moveTo>
                    <a:pt x="3574" y="4477"/>
                  </a:moveTo>
                  <a:lnTo>
                    <a:pt x="4076" y="4477"/>
                  </a:lnTo>
                  <a:lnTo>
                    <a:pt x="4076" y="4976"/>
                  </a:lnTo>
                  <a:lnTo>
                    <a:pt x="3574" y="4976"/>
                  </a:lnTo>
                  <a:lnTo>
                    <a:pt x="3574" y="4477"/>
                  </a:lnTo>
                  <a:close/>
                  <a:moveTo>
                    <a:pt x="1316" y="13182"/>
                  </a:moveTo>
                  <a:lnTo>
                    <a:pt x="3574" y="13182"/>
                  </a:lnTo>
                  <a:lnTo>
                    <a:pt x="3846" y="13182"/>
                  </a:lnTo>
                  <a:lnTo>
                    <a:pt x="4076" y="13182"/>
                  </a:lnTo>
                  <a:lnTo>
                    <a:pt x="4076" y="13682"/>
                  </a:lnTo>
                  <a:lnTo>
                    <a:pt x="3846" y="13682"/>
                  </a:lnTo>
                  <a:lnTo>
                    <a:pt x="3574" y="13682"/>
                  </a:lnTo>
                  <a:lnTo>
                    <a:pt x="1316" y="13682"/>
                  </a:lnTo>
                  <a:lnTo>
                    <a:pt x="1316" y="13182"/>
                  </a:lnTo>
                  <a:close/>
                  <a:moveTo>
                    <a:pt x="1316" y="11440"/>
                  </a:moveTo>
                  <a:lnTo>
                    <a:pt x="3574" y="11440"/>
                  </a:lnTo>
                  <a:lnTo>
                    <a:pt x="3763" y="11440"/>
                  </a:lnTo>
                  <a:lnTo>
                    <a:pt x="4076" y="11440"/>
                  </a:lnTo>
                  <a:lnTo>
                    <a:pt x="4076" y="11940"/>
                  </a:lnTo>
                  <a:lnTo>
                    <a:pt x="3763" y="11940"/>
                  </a:lnTo>
                  <a:lnTo>
                    <a:pt x="3574" y="11940"/>
                  </a:lnTo>
                  <a:lnTo>
                    <a:pt x="1316" y="11940"/>
                  </a:lnTo>
                  <a:lnTo>
                    <a:pt x="1316" y="11440"/>
                  </a:lnTo>
                  <a:close/>
                  <a:moveTo>
                    <a:pt x="2822" y="8829"/>
                  </a:moveTo>
                  <a:lnTo>
                    <a:pt x="3220" y="8829"/>
                  </a:lnTo>
                  <a:lnTo>
                    <a:pt x="3324" y="8829"/>
                  </a:lnTo>
                  <a:lnTo>
                    <a:pt x="4076" y="8829"/>
                  </a:lnTo>
                  <a:lnTo>
                    <a:pt x="4076" y="9329"/>
                  </a:lnTo>
                  <a:lnTo>
                    <a:pt x="3324" y="9329"/>
                  </a:lnTo>
                  <a:lnTo>
                    <a:pt x="3220" y="9329"/>
                  </a:lnTo>
                  <a:lnTo>
                    <a:pt x="2822" y="9329"/>
                  </a:lnTo>
                  <a:lnTo>
                    <a:pt x="2822" y="8829"/>
                  </a:lnTo>
                  <a:close/>
                  <a:moveTo>
                    <a:pt x="564" y="7958"/>
                  </a:moveTo>
                  <a:lnTo>
                    <a:pt x="878" y="7958"/>
                  </a:lnTo>
                  <a:lnTo>
                    <a:pt x="1066" y="7958"/>
                  </a:lnTo>
                  <a:lnTo>
                    <a:pt x="1818" y="7958"/>
                  </a:lnTo>
                  <a:lnTo>
                    <a:pt x="1818" y="8458"/>
                  </a:lnTo>
                  <a:lnTo>
                    <a:pt x="1066" y="8458"/>
                  </a:lnTo>
                  <a:lnTo>
                    <a:pt x="878" y="8458"/>
                  </a:lnTo>
                  <a:lnTo>
                    <a:pt x="564" y="8458"/>
                  </a:lnTo>
                  <a:lnTo>
                    <a:pt x="564" y="7958"/>
                  </a:lnTo>
                  <a:close/>
                  <a:moveTo>
                    <a:pt x="564" y="7088"/>
                  </a:moveTo>
                  <a:lnTo>
                    <a:pt x="3574" y="7088"/>
                  </a:lnTo>
                  <a:lnTo>
                    <a:pt x="3679" y="7088"/>
                  </a:lnTo>
                  <a:lnTo>
                    <a:pt x="4076" y="7088"/>
                  </a:lnTo>
                  <a:lnTo>
                    <a:pt x="4076" y="7587"/>
                  </a:lnTo>
                  <a:lnTo>
                    <a:pt x="3679" y="7587"/>
                  </a:lnTo>
                  <a:lnTo>
                    <a:pt x="3574" y="7587"/>
                  </a:lnTo>
                  <a:lnTo>
                    <a:pt x="564" y="7587"/>
                  </a:lnTo>
                  <a:lnTo>
                    <a:pt x="564" y="7088"/>
                  </a:lnTo>
                  <a:close/>
                  <a:moveTo>
                    <a:pt x="564" y="4477"/>
                  </a:moveTo>
                  <a:lnTo>
                    <a:pt x="1065" y="4477"/>
                  </a:lnTo>
                  <a:lnTo>
                    <a:pt x="1065" y="4976"/>
                  </a:lnTo>
                  <a:lnTo>
                    <a:pt x="564" y="4976"/>
                  </a:lnTo>
                  <a:lnTo>
                    <a:pt x="564" y="4477"/>
                  </a:lnTo>
                  <a:close/>
                  <a:moveTo>
                    <a:pt x="1086" y="4477"/>
                  </a:moveTo>
                  <a:lnTo>
                    <a:pt x="1096" y="4477"/>
                  </a:lnTo>
                  <a:lnTo>
                    <a:pt x="1160" y="4477"/>
                  </a:lnTo>
                  <a:lnTo>
                    <a:pt x="1164" y="4477"/>
                  </a:lnTo>
                  <a:lnTo>
                    <a:pt x="1382" y="4477"/>
                  </a:lnTo>
                  <a:lnTo>
                    <a:pt x="2570" y="4477"/>
                  </a:lnTo>
                  <a:lnTo>
                    <a:pt x="2570" y="4976"/>
                  </a:lnTo>
                  <a:lnTo>
                    <a:pt x="1382" y="4976"/>
                  </a:lnTo>
                  <a:lnTo>
                    <a:pt x="1164" y="4976"/>
                  </a:lnTo>
                  <a:lnTo>
                    <a:pt x="1160" y="4976"/>
                  </a:lnTo>
                  <a:lnTo>
                    <a:pt x="1096" y="4976"/>
                  </a:lnTo>
                  <a:lnTo>
                    <a:pt x="1086" y="4976"/>
                  </a:lnTo>
                  <a:lnTo>
                    <a:pt x="1086" y="4477"/>
                  </a:lnTo>
                  <a:close/>
                  <a:moveTo>
                    <a:pt x="3574" y="14923"/>
                  </a:moveTo>
                  <a:lnTo>
                    <a:pt x="4076" y="14923"/>
                  </a:lnTo>
                  <a:lnTo>
                    <a:pt x="4076" y="15423"/>
                  </a:lnTo>
                  <a:lnTo>
                    <a:pt x="3574" y="15423"/>
                  </a:lnTo>
                  <a:lnTo>
                    <a:pt x="3574" y="14923"/>
                  </a:lnTo>
                  <a:close/>
                  <a:moveTo>
                    <a:pt x="2822" y="14923"/>
                  </a:moveTo>
                  <a:lnTo>
                    <a:pt x="3324" y="14923"/>
                  </a:lnTo>
                  <a:lnTo>
                    <a:pt x="3324" y="15423"/>
                  </a:lnTo>
                  <a:lnTo>
                    <a:pt x="2822" y="15423"/>
                  </a:lnTo>
                  <a:lnTo>
                    <a:pt x="2822" y="14923"/>
                  </a:lnTo>
                  <a:close/>
                  <a:moveTo>
                    <a:pt x="2070" y="14923"/>
                  </a:moveTo>
                  <a:lnTo>
                    <a:pt x="2570" y="14923"/>
                  </a:lnTo>
                  <a:lnTo>
                    <a:pt x="2570" y="15423"/>
                  </a:lnTo>
                  <a:lnTo>
                    <a:pt x="2070" y="15423"/>
                  </a:lnTo>
                  <a:lnTo>
                    <a:pt x="2070" y="14923"/>
                  </a:lnTo>
                  <a:close/>
                  <a:moveTo>
                    <a:pt x="1316" y="14923"/>
                  </a:moveTo>
                  <a:lnTo>
                    <a:pt x="1818" y="14923"/>
                  </a:lnTo>
                  <a:lnTo>
                    <a:pt x="1818" y="15423"/>
                  </a:lnTo>
                  <a:lnTo>
                    <a:pt x="1316" y="15423"/>
                  </a:lnTo>
                  <a:lnTo>
                    <a:pt x="1316" y="14923"/>
                  </a:lnTo>
                  <a:close/>
                  <a:moveTo>
                    <a:pt x="564" y="14923"/>
                  </a:moveTo>
                  <a:lnTo>
                    <a:pt x="1066" y="14923"/>
                  </a:lnTo>
                  <a:lnTo>
                    <a:pt x="1066" y="15423"/>
                  </a:lnTo>
                  <a:lnTo>
                    <a:pt x="564" y="15423"/>
                  </a:lnTo>
                  <a:lnTo>
                    <a:pt x="564" y="14923"/>
                  </a:lnTo>
                  <a:close/>
                  <a:moveTo>
                    <a:pt x="2822" y="14052"/>
                  </a:moveTo>
                  <a:lnTo>
                    <a:pt x="3324" y="14052"/>
                  </a:lnTo>
                  <a:lnTo>
                    <a:pt x="3324" y="14552"/>
                  </a:lnTo>
                  <a:lnTo>
                    <a:pt x="2822" y="14552"/>
                  </a:lnTo>
                  <a:lnTo>
                    <a:pt x="2822" y="14052"/>
                  </a:lnTo>
                  <a:close/>
                  <a:moveTo>
                    <a:pt x="1316" y="14052"/>
                  </a:moveTo>
                  <a:lnTo>
                    <a:pt x="1818" y="14052"/>
                  </a:lnTo>
                  <a:lnTo>
                    <a:pt x="1818" y="14552"/>
                  </a:lnTo>
                  <a:lnTo>
                    <a:pt x="1316" y="14552"/>
                  </a:lnTo>
                  <a:lnTo>
                    <a:pt x="1316" y="14052"/>
                  </a:lnTo>
                  <a:close/>
                  <a:moveTo>
                    <a:pt x="564" y="14052"/>
                  </a:moveTo>
                  <a:lnTo>
                    <a:pt x="1066" y="14052"/>
                  </a:lnTo>
                  <a:lnTo>
                    <a:pt x="1066" y="14552"/>
                  </a:lnTo>
                  <a:lnTo>
                    <a:pt x="564" y="14552"/>
                  </a:lnTo>
                  <a:lnTo>
                    <a:pt x="564" y="14052"/>
                  </a:lnTo>
                  <a:close/>
                  <a:moveTo>
                    <a:pt x="3574" y="12311"/>
                  </a:moveTo>
                  <a:lnTo>
                    <a:pt x="4076" y="12311"/>
                  </a:lnTo>
                  <a:lnTo>
                    <a:pt x="4076" y="12811"/>
                  </a:lnTo>
                  <a:lnTo>
                    <a:pt x="3574" y="12811"/>
                  </a:lnTo>
                  <a:lnTo>
                    <a:pt x="3574" y="12311"/>
                  </a:lnTo>
                  <a:close/>
                  <a:moveTo>
                    <a:pt x="2822" y="12311"/>
                  </a:moveTo>
                  <a:lnTo>
                    <a:pt x="3324" y="12311"/>
                  </a:lnTo>
                  <a:lnTo>
                    <a:pt x="3324" y="12811"/>
                  </a:lnTo>
                  <a:lnTo>
                    <a:pt x="2822" y="12811"/>
                  </a:lnTo>
                  <a:lnTo>
                    <a:pt x="2822" y="12311"/>
                  </a:lnTo>
                  <a:close/>
                  <a:moveTo>
                    <a:pt x="2070" y="12311"/>
                  </a:moveTo>
                  <a:lnTo>
                    <a:pt x="2570" y="12311"/>
                  </a:lnTo>
                  <a:lnTo>
                    <a:pt x="2570" y="12811"/>
                  </a:lnTo>
                  <a:lnTo>
                    <a:pt x="2070" y="12811"/>
                  </a:lnTo>
                  <a:lnTo>
                    <a:pt x="2070" y="12311"/>
                  </a:lnTo>
                  <a:close/>
                  <a:moveTo>
                    <a:pt x="1316" y="12311"/>
                  </a:moveTo>
                  <a:lnTo>
                    <a:pt x="1818" y="12311"/>
                  </a:lnTo>
                  <a:lnTo>
                    <a:pt x="1818" y="12811"/>
                  </a:lnTo>
                  <a:lnTo>
                    <a:pt x="1316" y="12811"/>
                  </a:lnTo>
                  <a:lnTo>
                    <a:pt x="1316" y="12311"/>
                  </a:lnTo>
                  <a:close/>
                  <a:moveTo>
                    <a:pt x="564" y="12311"/>
                  </a:moveTo>
                  <a:lnTo>
                    <a:pt x="1066" y="12311"/>
                  </a:lnTo>
                  <a:lnTo>
                    <a:pt x="1066" y="12811"/>
                  </a:lnTo>
                  <a:lnTo>
                    <a:pt x="564" y="12811"/>
                  </a:lnTo>
                  <a:lnTo>
                    <a:pt x="564" y="12311"/>
                  </a:lnTo>
                  <a:close/>
                  <a:moveTo>
                    <a:pt x="3574" y="10570"/>
                  </a:moveTo>
                  <a:lnTo>
                    <a:pt x="4076" y="10570"/>
                  </a:lnTo>
                  <a:lnTo>
                    <a:pt x="4076" y="11070"/>
                  </a:lnTo>
                  <a:lnTo>
                    <a:pt x="3574" y="11070"/>
                  </a:lnTo>
                  <a:lnTo>
                    <a:pt x="3574" y="10570"/>
                  </a:lnTo>
                  <a:close/>
                  <a:moveTo>
                    <a:pt x="2822" y="10570"/>
                  </a:moveTo>
                  <a:lnTo>
                    <a:pt x="3324" y="10570"/>
                  </a:lnTo>
                  <a:lnTo>
                    <a:pt x="3324" y="11070"/>
                  </a:lnTo>
                  <a:lnTo>
                    <a:pt x="2822" y="11070"/>
                  </a:lnTo>
                  <a:lnTo>
                    <a:pt x="2822" y="10570"/>
                  </a:lnTo>
                  <a:close/>
                  <a:moveTo>
                    <a:pt x="2070" y="10570"/>
                  </a:moveTo>
                  <a:lnTo>
                    <a:pt x="2570" y="10570"/>
                  </a:lnTo>
                  <a:lnTo>
                    <a:pt x="2570" y="11070"/>
                  </a:lnTo>
                  <a:lnTo>
                    <a:pt x="2070" y="11070"/>
                  </a:lnTo>
                  <a:lnTo>
                    <a:pt x="2070" y="10570"/>
                  </a:lnTo>
                  <a:close/>
                  <a:moveTo>
                    <a:pt x="1316" y="10570"/>
                  </a:moveTo>
                  <a:lnTo>
                    <a:pt x="1818" y="10570"/>
                  </a:lnTo>
                  <a:lnTo>
                    <a:pt x="1818" y="11070"/>
                  </a:lnTo>
                  <a:lnTo>
                    <a:pt x="1316" y="11070"/>
                  </a:lnTo>
                  <a:lnTo>
                    <a:pt x="1316" y="10570"/>
                  </a:lnTo>
                  <a:close/>
                  <a:moveTo>
                    <a:pt x="564" y="10570"/>
                  </a:moveTo>
                  <a:lnTo>
                    <a:pt x="1066" y="10570"/>
                  </a:lnTo>
                  <a:lnTo>
                    <a:pt x="1066" y="11070"/>
                  </a:lnTo>
                  <a:lnTo>
                    <a:pt x="564" y="11070"/>
                  </a:lnTo>
                  <a:lnTo>
                    <a:pt x="564" y="10570"/>
                  </a:lnTo>
                  <a:close/>
                  <a:moveTo>
                    <a:pt x="3574" y="9700"/>
                  </a:moveTo>
                  <a:lnTo>
                    <a:pt x="4076" y="9700"/>
                  </a:lnTo>
                  <a:lnTo>
                    <a:pt x="4076" y="10199"/>
                  </a:lnTo>
                  <a:lnTo>
                    <a:pt x="3574" y="10199"/>
                  </a:lnTo>
                  <a:lnTo>
                    <a:pt x="3574" y="9700"/>
                  </a:lnTo>
                  <a:close/>
                  <a:moveTo>
                    <a:pt x="1316" y="9700"/>
                  </a:moveTo>
                  <a:lnTo>
                    <a:pt x="1818" y="9700"/>
                  </a:lnTo>
                  <a:lnTo>
                    <a:pt x="1818" y="10199"/>
                  </a:lnTo>
                  <a:lnTo>
                    <a:pt x="1316" y="10199"/>
                  </a:lnTo>
                  <a:lnTo>
                    <a:pt x="1316" y="9700"/>
                  </a:lnTo>
                  <a:close/>
                  <a:moveTo>
                    <a:pt x="564" y="9700"/>
                  </a:moveTo>
                  <a:lnTo>
                    <a:pt x="1066" y="9700"/>
                  </a:lnTo>
                  <a:lnTo>
                    <a:pt x="1066" y="10199"/>
                  </a:lnTo>
                  <a:lnTo>
                    <a:pt x="564" y="10199"/>
                  </a:lnTo>
                  <a:lnTo>
                    <a:pt x="564" y="9700"/>
                  </a:lnTo>
                  <a:close/>
                  <a:moveTo>
                    <a:pt x="2070" y="8829"/>
                  </a:moveTo>
                  <a:lnTo>
                    <a:pt x="2570" y="8829"/>
                  </a:lnTo>
                  <a:lnTo>
                    <a:pt x="2570" y="9329"/>
                  </a:lnTo>
                  <a:lnTo>
                    <a:pt x="2070" y="9329"/>
                  </a:lnTo>
                  <a:lnTo>
                    <a:pt x="2070" y="8829"/>
                  </a:lnTo>
                  <a:close/>
                  <a:moveTo>
                    <a:pt x="1316" y="8829"/>
                  </a:moveTo>
                  <a:lnTo>
                    <a:pt x="1818" y="8829"/>
                  </a:lnTo>
                  <a:lnTo>
                    <a:pt x="1818" y="9329"/>
                  </a:lnTo>
                  <a:lnTo>
                    <a:pt x="1316" y="9329"/>
                  </a:lnTo>
                  <a:lnTo>
                    <a:pt x="1316" y="8829"/>
                  </a:lnTo>
                  <a:close/>
                  <a:moveTo>
                    <a:pt x="564" y="8829"/>
                  </a:moveTo>
                  <a:lnTo>
                    <a:pt x="1066" y="8829"/>
                  </a:lnTo>
                  <a:lnTo>
                    <a:pt x="1066" y="9329"/>
                  </a:lnTo>
                  <a:lnTo>
                    <a:pt x="564" y="9329"/>
                  </a:lnTo>
                  <a:lnTo>
                    <a:pt x="564" y="8829"/>
                  </a:lnTo>
                  <a:close/>
                  <a:moveTo>
                    <a:pt x="3574" y="7958"/>
                  </a:moveTo>
                  <a:lnTo>
                    <a:pt x="4076" y="7958"/>
                  </a:lnTo>
                  <a:lnTo>
                    <a:pt x="4076" y="8458"/>
                  </a:lnTo>
                  <a:lnTo>
                    <a:pt x="3574" y="8458"/>
                  </a:lnTo>
                  <a:lnTo>
                    <a:pt x="3574" y="7958"/>
                  </a:lnTo>
                  <a:close/>
                  <a:moveTo>
                    <a:pt x="2070" y="7958"/>
                  </a:moveTo>
                  <a:lnTo>
                    <a:pt x="2570" y="7958"/>
                  </a:lnTo>
                  <a:lnTo>
                    <a:pt x="2570" y="8458"/>
                  </a:lnTo>
                  <a:lnTo>
                    <a:pt x="2070" y="8458"/>
                  </a:lnTo>
                  <a:lnTo>
                    <a:pt x="2070" y="7958"/>
                  </a:lnTo>
                  <a:close/>
                  <a:moveTo>
                    <a:pt x="3574" y="6217"/>
                  </a:moveTo>
                  <a:lnTo>
                    <a:pt x="4076" y="6217"/>
                  </a:lnTo>
                  <a:lnTo>
                    <a:pt x="4076" y="6717"/>
                  </a:lnTo>
                  <a:lnTo>
                    <a:pt x="3574" y="6717"/>
                  </a:lnTo>
                  <a:lnTo>
                    <a:pt x="3574" y="6217"/>
                  </a:lnTo>
                  <a:close/>
                  <a:moveTo>
                    <a:pt x="2070" y="6217"/>
                  </a:moveTo>
                  <a:lnTo>
                    <a:pt x="2570" y="6217"/>
                  </a:lnTo>
                  <a:lnTo>
                    <a:pt x="2570" y="6717"/>
                  </a:lnTo>
                  <a:lnTo>
                    <a:pt x="2070" y="6717"/>
                  </a:lnTo>
                  <a:lnTo>
                    <a:pt x="2070" y="6217"/>
                  </a:lnTo>
                  <a:close/>
                  <a:moveTo>
                    <a:pt x="1316" y="6217"/>
                  </a:moveTo>
                  <a:lnTo>
                    <a:pt x="1818" y="6217"/>
                  </a:lnTo>
                  <a:lnTo>
                    <a:pt x="1818" y="6717"/>
                  </a:lnTo>
                  <a:lnTo>
                    <a:pt x="1316" y="6717"/>
                  </a:lnTo>
                  <a:lnTo>
                    <a:pt x="1316" y="6217"/>
                  </a:lnTo>
                  <a:close/>
                  <a:moveTo>
                    <a:pt x="564" y="6217"/>
                  </a:moveTo>
                  <a:lnTo>
                    <a:pt x="1066" y="6217"/>
                  </a:lnTo>
                  <a:lnTo>
                    <a:pt x="1066" y="6717"/>
                  </a:lnTo>
                  <a:lnTo>
                    <a:pt x="564" y="6717"/>
                  </a:lnTo>
                  <a:lnTo>
                    <a:pt x="564" y="6217"/>
                  </a:lnTo>
                  <a:close/>
                  <a:moveTo>
                    <a:pt x="3574" y="5347"/>
                  </a:moveTo>
                  <a:lnTo>
                    <a:pt x="4076" y="5347"/>
                  </a:lnTo>
                  <a:lnTo>
                    <a:pt x="4076" y="5847"/>
                  </a:lnTo>
                  <a:lnTo>
                    <a:pt x="3574" y="5847"/>
                  </a:lnTo>
                  <a:lnTo>
                    <a:pt x="3574" y="5347"/>
                  </a:lnTo>
                  <a:close/>
                  <a:moveTo>
                    <a:pt x="2822" y="5347"/>
                  </a:moveTo>
                  <a:lnTo>
                    <a:pt x="3324" y="5347"/>
                  </a:lnTo>
                  <a:lnTo>
                    <a:pt x="3324" y="5847"/>
                  </a:lnTo>
                  <a:lnTo>
                    <a:pt x="2822" y="5847"/>
                  </a:lnTo>
                  <a:lnTo>
                    <a:pt x="2822" y="5347"/>
                  </a:lnTo>
                  <a:close/>
                  <a:moveTo>
                    <a:pt x="2070" y="5347"/>
                  </a:moveTo>
                  <a:lnTo>
                    <a:pt x="2570" y="5347"/>
                  </a:lnTo>
                  <a:lnTo>
                    <a:pt x="2570" y="5847"/>
                  </a:lnTo>
                  <a:lnTo>
                    <a:pt x="2070" y="5847"/>
                  </a:lnTo>
                  <a:lnTo>
                    <a:pt x="2070" y="5347"/>
                  </a:lnTo>
                  <a:close/>
                  <a:moveTo>
                    <a:pt x="564" y="5347"/>
                  </a:moveTo>
                  <a:lnTo>
                    <a:pt x="1066" y="5347"/>
                  </a:lnTo>
                  <a:lnTo>
                    <a:pt x="1066" y="5847"/>
                  </a:lnTo>
                  <a:lnTo>
                    <a:pt x="564" y="5847"/>
                  </a:lnTo>
                  <a:lnTo>
                    <a:pt x="564" y="5347"/>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nvGrpSpPr>
            <p:cNvPr id="3" name="组合 51"/>
            <p:cNvGrpSpPr/>
            <p:nvPr/>
          </p:nvGrpSpPr>
          <p:grpSpPr>
            <a:xfrm>
              <a:off x="3052270" y="2674691"/>
              <a:ext cx="1167677" cy="849421"/>
              <a:chOff x="155575" y="3009900"/>
              <a:chExt cx="1162050" cy="1158875"/>
            </a:xfrm>
            <a:solidFill>
              <a:schemeClr val="tx1">
                <a:lumMod val="50000"/>
                <a:lumOff val="50000"/>
              </a:schemeClr>
            </a:solidFill>
          </p:grpSpPr>
          <p:sp>
            <p:nvSpPr>
              <p:cNvPr id="161" name="Freeform 21"/>
              <p:cNvSpPr>
                <a:spLocks/>
              </p:cNvSpPr>
              <p:nvPr/>
            </p:nvSpPr>
            <p:spPr bwMode="auto">
              <a:xfrm>
                <a:off x="523875" y="3009900"/>
                <a:ext cx="390525" cy="355600"/>
              </a:xfrm>
              <a:custGeom>
                <a:avLst/>
                <a:gdLst/>
                <a:ahLst/>
                <a:cxnLst>
                  <a:cxn ang="0">
                    <a:pos x="5412" y="4928"/>
                  </a:cxn>
                  <a:cxn ang="0">
                    <a:pos x="4048" y="3256"/>
                  </a:cxn>
                  <a:cxn ang="0">
                    <a:pos x="3080" y="2024"/>
                  </a:cxn>
                  <a:cxn ang="0">
                    <a:pos x="3080" y="0"/>
                  </a:cxn>
                  <a:cxn ang="0">
                    <a:pos x="2376" y="0"/>
                  </a:cxn>
                  <a:cxn ang="0">
                    <a:pos x="2376" y="1980"/>
                  </a:cxn>
                  <a:cxn ang="0">
                    <a:pos x="1320" y="3256"/>
                  </a:cxn>
                  <a:cxn ang="0">
                    <a:pos x="0" y="4928"/>
                  </a:cxn>
                  <a:cxn ang="0">
                    <a:pos x="2684" y="4928"/>
                  </a:cxn>
                  <a:cxn ang="0">
                    <a:pos x="5412" y="4928"/>
                  </a:cxn>
                </a:cxnLst>
                <a:rect l="0" t="0" r="r" b="b"/>
                <a:pathLst>
                  <a:path w="5412" h="4928">
                    <a:moveTo>
                      <a:pt x="5412" y="4928"/>
                    </a:moveTo>
                    <a:lnTo>
                      <a:pt x="4048" y="3256"/>
                    </a:lnTo>
                    <a:lnTo>
                      <a:pt x="3080" y="2024"/>
                    </a:lnTo>
                    <a:lnTo>
                      <a:pt x="3080" y="0"/>
                    </a:lnTo>
                    <a:lnTo>
                      <a:pt x="2376" y="0"/>
                    </a:lnTo>
                    <a:lnTo>
                      <a:pt x="2376" y="1980"/>
                    </a:lnTo>
                    <a:lnTo>
                      <a:pt x="1320" y="3256"/>
                    </a:lnTo>
                    <a:lnTo>
                      <a:pt x="0" y="4928"/>
                    </a:lnTo>
                    <a:lnTo>
                      <a:pt x="2684" y="4928"/>
                    </a:lnTo>
                    <a:lnTo>
                      <a:pt x="5412" y="492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162" name="Freeform 22"/>
              <p:cNvSpPr>
                <a:spLocks noEditPoints="1"/>
              </p:cNvSpPr>
              <p:nvPr/>
            </p:nvSpPr>
            <p:spPr bwMode="auto">
              <a:xfrm>
                <a:off x="155575" y="3375025"/>
                <a:ext cx="1162050" cy="793750"/>
              </a:xfrm>
              <a:custGeom>
                <a:avLst/>
                <a:gdLst/>
                <a:ahLst/>
                <a:cxnLst>
                  <a:cxn ang="0">
                    <a:pos x="11836" y="2420"/>
                  </a:cxn>
                  <a:cxn ang="0">
                    <a:pos x="10780" y="528"/>
                  </a:cxn>
                  <a:cxn ang="0">
                    <a:pos x="3784" y="9724"/>
                  </a:cxn>
                  <a:cxn ang="0">
                    <a:pos x="0" y="11000"/>
                  </a:cxn>
                  <a:cxn ang="0">
                    <a:pos x="14388" y="9724"/>
                  </a:cxn>
                  <a:cxn ang="0">
                    <a:pos x="528" y="5544"/>
                  </a:cxn>
                  <a:cxn ang="0">
                    <a:pos x="1056" y="3960"/>
                  </a:cxn>
                  <a:cxn ang="0">
                    <a:pos x="1056" y="3344"/>
                  </a:cxn>
                  <a:cxn ang="0">
                    <a:pos x="1320" y="7260"/>
                  </a:cxn>
                  <a:cxn ang="0">
                    <a:pos x="1804" y="7260"/>
                  </a:cxn>
                  <a:cxn ang="0">
                    <a:pos x="1320" y="5544"/>
                  </a:cxn>
                  <a:cxn ang="0">
                    <a:pos x="1804" y="5060"/>
                  </a:cxn>
                  <a:cxn ang="0">
                    <a:pos x="1804" y="4444"/>
                  </a:cxn>
                  <a:cxn ang="0">
                    <a:pos x="2112" y="6160"/>
                  </a:cxn>
                  <a:cxn ang="0">
                    <a:pos x="2640" y="6160"/>
                  </a:cxn>
                  <a:cxn ang="0">
                    <a:pos x="2112" y="3344"/>
                  </a:cxn>
                  <a:cxn ang="0">
                    <a:pos x="3432" y="7260"/>
                  </a:cxn>
                  <a:cxn ang="0">
                    <a:pos x="3432" y="6644"/>
                  </a:cxn>
                  <a:cxn ang="0">
                    <a:pos x="2904" y="5060"/>
                  </a:cxn>
                  <a:cxn ang="0">
                    <a:pos x="3432" y="5060"/>
                  </a:cxn>
                  <a:cxn ang="0">
                    <a:pos x="2904" y="3344"/>
                  </a:cxn>
                  <a:cxn ang="0">
                    <a:pos x="6336" y="8096"/>
                  </a:cxn>
                  <a:cxn ang="0">
                    <a:pos x="6336" y="7084"/>
                  </a:cxn>
                  <a:cxn ang="0">
                    <a:pos x="5544" y="6336"/>
                  </a:cxn>
                  <a:cxn ang="0">
                    <a:pos x="6336" y="6336"/>
                  </a:cxn>
                  <a:cxn ang="0">
                    <a:pos x="5544" y="3476"/>
                  </a:cxn>
                  <a:cxn ang="0">
                    <a:pos x="6336" y="2684"/>
                  </a:cxn>
                  <a:cxn ang="0">
                    <a:pos x="6336" y="1672"/>
                  </a:cxn>
                  <a:cxn ang="0">
                    <a:pos x="6820" y="4488"/>
                  </a:cxn>
                  <a:cxn ang="0">
                    <a:pos x="7612" y="4488"/>
                  </a:cxn>
                  <a:cxn ang="0">
                    <a:pos x="8008" y="7084"/>
                  </a:cxn>
                  <a:cxn ang="0">
                    <a:pos x="8844" y="4488"/>
                  </a:cxn>
                  <a:cxn ang="0">
                    <a:pos x="8844" y="3476"/>
                  </a:cxn>
                  <a:cxn ang="0">
                    <a:pos x="8008" y="2684"/>
                  </a:cxn>
                  <a:cxn ang="0">
                    <a:pos x="8844" y="2684"/>
                  </a:cxn>
                  <a:cxn ang="0">
                    <a:pos x="9240" y="5324"/>
                  </a:cxn>
                  <a:cxn ang="0">
                    <a:pos x="10076" y="4488"/>
                  </a:cxn>
                  <a:cxn ang="0">
                    <a:pos x="10076" y="3476"/>
                  </a:cxn>
                  <a:cxn ang="0">
                    <a:pos x="9240" y="2684"/>
                  </a:cxn>
                  <a:cxn ang="0">
                    <a:pos x="10076" y="2684"/>
                  </a:cxn>
                  <a:cxn ang="0">
                    <a:pos x="12276" y="7084"/>
                  </a:cxn>
                  <a:cxn ang="0">
                    <a:pos x="12892" y="6512"/>
                  </a:cxn>
                  <a:cxn ang="0">
                    <a:pos x="12892" y="5720"/>
                  </a:cxn>
                  <a:cxn ang="0">
                    <a:pos x="12276" y="3784"/>
                  </a:cxn>
                  <a:cxn ang="0">
                    <a:pos x="12892" y="3784"/>
                  </a:cxn>
                  <a:cxn ang="0">
                    <a:pos x="13244" y="4356"/>
                  </a:cxn>
                  <a:cxn ang="0">
                    <a:pos x="13860" y="3784"/>
                  </a:cxn>
                  <a:cxn ang="0">
                    <a:pos x="13860" y="2992"/>
                  </a:cxn>
                </a:cxnLst>
                <a:rect l="0" t="0" r="r" b="b"/>
                <a:pathLst>
                  <a:path w="16104" h="11000">
                    <a:moveTo>
                      <a:pt x="14388" y="9724"/>
                    </a:moveTo>
                    <a:lnTo>
                      <a:pt x="14388" y="2420"/>
                    </a:lnTo>
                    <a:lnTo>
                      <a:pt x="11836" y="2420"/>
                    </a:lnTo>
                    <a:lnTo>
                      <a:pt x="11836" y="9724"/>
                    </a:lnTo>
                    <a:lnTo>
                      <a:pt x="10780" y="9724"/>
                    </a:lnTo>
                    <a:lnTo>
                      <a:pt x="10780" y="528"/>
                    </a:lnTo>
                    <a:lnTo>
                      <a:pt x="4884" y="528"/>
                    </a:lnTo>
                    <a:lnTo>
                      <a:pt x="4884" y="9724"/>
                    </a:lnTo>
                    <a:lnTo>
                      <a:pt x="3784" y="9724"/>
                    </a:lnTo>
                    <a:lnTo>
                      <a:pt x="3784" y="2156"/>
                    </a:lnTo>
                    <a:lnTo>
                      <a:pt x="0" y="0"/>
                    </a:lnTo>
                    <a:lnTo>
                      <a:pt x="0" y="11000"/>
                    </a:lnTo>
                    <a:lnTo>
                      <a:pt x="16104" y="11000"/>
                    </a:lnTo>
                    <a:lnTo>
                      <a:pt x="16104" y="9724"/>
                    </a:lnTo>
                    <a:lnTo>
                      <a:pt x="14388" y="9724"/>
                    </a:lnTo>
                    <a:close/>
                    <a:moveTo>
                      <a:pt x="1056" y="6160"/>
                    </a:moveTo>
                    <a:lnTo>
                      <a:pt x="528" y="6160"/>
                    </a:lnTo>
                    <a:lnTo>
                      <a:pt x="528" y="5544"/>
                    </a:lnTo>
                    <a:lnTo>
                      <a:pt x="1056" y="5544"/>
                    </a:lnTo>
                    <a:lnTo>
                      <a:pt x="1056" y="6160"/>
                    </a:lnTo>
                    <a:close/>
                    <a:moveTo>
                      <a:pt x="1056" y="3960"/>
                    </a:moveTo>
                    <a:lnTo>
                      <a:pt x="528" y="3960"/>
                    </a:lnTo>
                    <a:lnTo>
                      <a:pt x="528" y="3344"/>
                    </a:lnTo>
                    <a:lnTo>
                      <a:pt x="1056" y="3344"/>
                    </a:lnTo>
                    <a:lnTo>
                      <a:pt x="1056" y="3960"/>
                    </a:lnTo>
                    <a:close/>
                    <a:moveTo>
                      <a:pt x="1804" y="7260"/>
                    </a:moveTo>
                    <a:lnTo>
                      <a:pt x="1320" y="7260"/>
                    </a:lnTo>
                    <a:lnTo>
                      <a:pt x="1320" y="6644"/>
                    </a:lnTo>
                    <a:lnTo>
                      <a:pt x="1804" y="6644"/>
                    </a:lnTo>
                    <a:lnTo>
                      <a:pt x="1804" y="7260"/>
                    </a:lnTo>
                    <a:close/>
                    <a:moveTo>
                      <a:pt x="1804" y="6160"/>
                    </a:moveTo>
                    <a:lnTo>
                      <a:pt x="1320" y="6160"/>
                    </a:lnTo>
                    <a:lnTo>
                      <a:pt x="1320" y="5544"/>
                    </a:lnTo>
                    <a:lnTo>
                      <a:pt x="1804" y="5544"/>
                    </a:lnTo>
                    <a:lnTo>
                      <a:pt x="1804" y="6160"/>
                    </a:lnTo>
                    <a:close/>
                    <a:moveTo>
                      <a:pt x="1804" y="5060"/>
                    </a:moveTo>
                    <a:lnTo>
                      <a:pt x="1320" y="5060"/>
                    </a:lnTo>
                    <a:lnTo>
                      <a:pt x="1320" y="4444"/>
                    </a:lnTo>
                    <a:lnTo>
                      <a:pt x="1804" y="4444"/>
                    </a:lnTo>
                    <a:lnTo>
                      <a:pt x="1804" y="5060"/>
                    </a:lnTo>
                    <a:close/>
                    <a:moveTo>
                      <a:pt x="2640" y="6160"/>
                    </a:moveTo>
                    <a:lnTo>
                      <a:pt x="2112" y="6160"/>
                    </a:lnTo>
                    <a:lnTo>
                      <a:pt x="2112" y="5544"/>
                    </a:lnTo>
                    <a:lnTo>
                      <a:pt x="2640" y="5544"/>
                    </a:lnTo>
                    <a:lnTo>
                      <a:pt x="2640" y="6160"/>
                    </a:lnTo>
                    <a:close/>
                    <a:moveTo>
                      <a:pt x="2640" y="3960"/>
                    </a:moveTo>
                    <a:lnTo>
                      <a:pt x="2112" y="3960"/>
                    </a:lnTo>
                    <a:lnTo>
                      <a:pt x="2112" y="3344"/>
                    </a:lnTo>
                    <a:lnTo>
                      <a:pt x="2640" y="3344"/>
                    </a:lnTo>
                    <a:lnTo>
                      <a:pt x="2640" y="3960"/>
                    </a:lnTo>
                    <a:close/>
                    <a:moveTo>
                      <a:pt x="3432" y="7260"/>
                    </a:moveTo>
                    <a:lnTo>
                      <a:pt x="2904" y="7260"/>
                    </a:lnTo>
                    <a:lnTo>
                      <a:pt x="2904" y="6644"/>
                    </a:lnTo>
                    <a:lnTo>
                      <a:pt x="3432" y="6644"/>
                    </a:lnTo>
                    <a:lnTo>
                      <a:pt x="3432" y="7260"/>
                    </a:lnTo>
                    <a:close/>
                    <a:moveTo>
                      <a:pt x="3432" y="5060"/>
                    </a:moveTo>
                    <a:lnTo>
                      <a:pt x="2904" y="5060"/>
                    </a:lnTo>
                    <a:lnTo>
                      <a:pt x="2904" y="4444"/>
                    </a:lnTo>
                    <a:lnTo>
                      <a:pt x="3432" y="4444"/>
                    </a:lnTo>
                    <a:lnTo>
                      <a:pt x="3432" y="5060"/>
                    </a:lnTo>
                    <a:close/>
                    <a:moveTo>
                      <a:pt x="3432" y="3960"/>
                    </a:moveTo>
                    <a:lnTo>
                      <a:pt x="2904" y="3960"/>
                    </a:lnTo>
                    <a:lnTo>
                      <a:pt x="2904" y="3344"/>
                    </a:lnTo>
                    <a:lnTo>
                      <a:pt x="3432" y="3344"/>
                    </a:lnTo>
                    <a:lnTo>
                      <a:pt x="3432" y="3960"/>
                    </a:lnTo>
                    <a:close/>
                    <a:moveTo>
                      <a:pt x="6336" y="8096"/>
                    </a:moveTo>
                    <a:lnTo>
                      <a:pt x="5544" y="8096"/>
                    </a:lnTo>
                    <a:lnTo>
                      <a:pt x="5544" y="7084"/>
                    </a:lnTo>
                    <a:lnTo>
                      <a:pt x="6336" y="7084"/>
                    </a:lnTo>
                    <a:lnTo>
                      <a:pt x="6336" y="8096"/>
                    </a:lnTo>
                    <a:close/>
                    <a:moveTo>
                      <a:pt x="6336" y="6336"/>
                    </a:moveTo>
                    <a:lnTo>
                      <a:pt x="5544" y="6336"/>
                    </a:lnTo>
                    <a:lnTo>
                      <a:pt x="5544" y="5324"/>
                    </a:lnTo>
                    <a:lnTo>
                      <a:pt x="6336" y="5324"/>
                    </a:lnTo>
                    <a:lnTo>
                      <a:pt x="6336" y="6336"/>
                    </a:lnTo>
                    <a:close/>
                    <a:moveTo>
                      <a:pt x="6336" y="4488"/>
                    </a:moveTo>
                    <a:lnTo>
                      <a:pt x="5544" y="4488"/>
                    </a:lnTo>
                    <a:lnTo>
                      <a:pt x="5544" y="3476"/>
                    </a:lnTo>
                    <a:lnTo>
                      <a:pt x="6336" y="3476"/>
                    </a:lnTo>
                    <a:lnTo>
                      <a:pt x="6336" y="4488"/>
                    </a:lnTo>
                    <a:close/>
                    <a:moveTo>
                      <a:pt x="6336" y="2684"/>
                    </a:moveTo>
                    <a:lnTo>
                      <a:pt x="5544" y="2684"/>
                    </a:lnTo>
                    <a:lnTo>
                      <a:pt x="5544" y="1672"/>
                    </a:lnTo>
                    <a:lnTo>
                      <a:pt x="6336" y="1672"/>
                    </a:lnTo>
                    <a:lnTo>
                      <a:pt x="6336" y="2684"/>
                    </a:lnTo>
                    <a:close/>
                    <a:moveTo>
                      <a:pt x="7612" y="4488"/>
                    </a:moveTo>
                    <a:lnTo>
                      <a:pt x="6820" y="4488"/>
                    </a:lnTo>
                    <a:lnTo>
                      <a:pt x="6820" y="3476"/>
                    </a:lnTo>
                    <a:lnTo>
                      <a:pt x="7612" y="3476"/>
                    </a:lnTo>
                    <a:lnTo>
                      <a:pt x="7612" y="4488"/>
                    </a:lnTo>
                    <a:close/>
                    <a:moveTo>
                      <a:pt x="8844" y="8096"/>
                    </a:moveTo>
                    <a:lnTo>
                      <a:pt x="8008" y="8096"/>
                    </a:lnTo>
                    <a:lnTo>
                      <a:pt x="8008" y="7084"/>
                    </a:lnTo>
                    <a:lnTo>
                      <a:pt x="8844" y="7084"/>
                    </a:lnTo>
                    <a:lnTo>
                      <a:pt x="8844" y="8096"/>
                    </a:lnTo>
                    <a:close/>
                    <a:moveTo>
                      <a:pt x="8844" y="4488"/>
                    </a:moveTo>
                    <a:lnTo>
                      <a:pt x="8008" y="4488"/>
                    </a:lnTo>
                    <a:lnTo>
                      <a:pt x="8008" y="3476"/>
                    </a:lnTo>
                    <a:lnTo>
                      <a:pt x="8844" y="3476"/>
                    </a:lnTo>
                    <a:lnTo>
                      <a:pt x="8844" y="4488"/>
                    </a:lnTo>
                    <a:close/>
                    <a:moveTo>
                      <a:pt x="8844" y="2684"/>
                    </a:moveTo>
                    <a:lnTo>
                      <a:pt x="8008" y="2684"/>
                    </a:lnTo>
                    <a:lnTo>
                      <a:pt x="8008" y="1672"/>
                    </a:lnTo>
                    <a:lnTo>
                      <a:pt x="8844" y="1672"/>
                    </a:lnTo>
                    <a:lnTo>
                      <a:pt x="8844" y="2684"/>
                    </a:lnTo>
                    <a:close/>
                    <a:moveTo>
                      <a:pt x="10076" y="6336"/>
                    </a:moveTo>
                    <a:lnTo>
                      <a:pt x="9240" y="6336"/>
                    </a:lnTo>
                    <a:lnTo>
                      <a:pt x="9240" y="5324"/>
                    </a:lnTo>
                    <a:lnTo>
                      <a:pt x="10076" y="5324"/>
                    </a:lnTo>
                    <a:lnTo>
                      <a:pt x="10076" y="6336"/>
                    </a:lnTo>
                    <a:close/>
                    <a:moveTo>
                      <a:pt x="10076" y="4488"/>
                    </a:moveTo>
                    <a:lnTo>
                      <a:pt x="9240" y="4488"/>
                    </a:lnTo>
                    <a:lnTo>
                      <a:pt x="9240" y="3476"/>
                    </a:lnTo>
                    <a:lnTo>
                      <a:pt x="10076" y="3476"/>
                    </a:lnTo>
                    <a:lnTo>
                      <a:pt x="10076" y="4488"/>
                    </a:lnTo>
                    <a:close/>
                    <a:moveTo>
                      <a:pt x="10076" y="2684"/>
                    </a:moveTo>
                    <a:lnTo>
                      <a:pt x="9240" y="2684"/>
                    </a:lnTo>
                    <a:lnTo>
                      <a:pt x="9240" y="1672"/>
                    </a:lnTo>
                    <a:lnTo>
                      <a:pt x="10076" y="1672"/>
                    </a:lnTo>
                    <a:lnTo>
                      <a:pt x="10076" y="2684"/>
                    </a:lnTo>
                    <a:close/>
                    <a:moveTo>
                      <a:pt x="12892" y="7832"/>
                    </a:moveTo>
                    <a:lnTo>
                      <a:pt x="12276" y="7832"/>
                    </a:lnTo>
                    <a:lnTo>
                      <a:pt x="12276" y="7084"/>
                    </a:lnTo>
                    <a:lnTo>
                      <a:pt x="12892" y="7084"/>
                    </a:lnTo>
                    <a:lnTo>
                      <a:pt x="12892" y="7832"/>
                    </a:lnTo>
                    <a:close/>
                    <a:moveTo>
                      <a:pt x="12892" y="6512"/>
                    </a:moveTo>
                    <a:lnTo>
                      <a:pt x="12276" y="6512"/>
                    </a:lnTo>
                    <a:lnTo>
                      <a:pt x="12276" y="5720"/>
                    </a:lnTo>
                    <a:lnTo>
                      <a:pt x="12892" y="5720"/>
                    </a:lnTo>
                    <a:lnTo>
                      <a:pt x="12892" y="6512"/>
                    </a:lnTo>
                    <a:close/>
                    <a:moveTo>
                      <a:pt x="12892" y="3784"/>
                    </a:moveTo>
                    <a:lnTo>
                      <a:pt x="12276" y="3784"/>
                    </a:lnTo>
                    <a:lnTo>
                      <a:pt x="12276" y="2992"/>
                    </a:lnTo>
                    <a:lnTo>
                      <a:pt x="12892" y="2992"/>
                    </a:lnTo>
                    <a:lnTo>
                      <a:pt x="12892" y="3784"/>
                    </a:lnTo>
                    <a:close/>
                    <a:moveTo>
                      <a:pt x="13860" y="5104"/>
                    </a:moveTo>
                    <a:lnTo>
                      <a:pt x="13244" y="5104"/>
                    </a:lnTo>
                    <a:lnTo>
                      <a:pt x="13244" y="4356"/>
                    </a:lnTo>
                    <a:lnTo>
                      <a:pt x="13860" y="4356"/>
                    </a:lnTo>
                    <a:lnTo>
                      <a:pt x="13860" y="5104"/>
                    </a:lnTo>
                    <a:close/>
                    <a:moveTo>
                      <a:pt x="13860" y="3784"/>
                    </a:moveTo>
                    <a:lnTo>
                      <a:pt x="13244" y="3784"/>
                    </a:lnTo>
                    <a:lnTo>
                      <a:pt x="13244" y="2992"/>
                    </a:lnTo>
                    <a:lnTo>
                      <a:pt x="13860" y="2992"/>
                    </a:lnTo>
                    <a:lnTo>
                      <a:pt x="13860" y="37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grpSp>
      <p:sp>
        <p:nvSpPr>
          <p:cNvPr id="164" name="矩形 163"/>
          <p:cNvSpPr/>
          <p:nvPr/>
        </p:nvSpPr>
        <p:spPr bwMode="auto">
          <a:xfrm>
            <a:off x="820807" y="5097379"/>
            <a:ext cx="3969359" cy="2073442"/>
          </a:xfrm>
          <a:prstGeom prst="rect">
            <a:avLst/>
          </a:prstGeom>
          <a:solidFill>
            <a:srgbClr val="C00000"/>
          </a:solidFill>
          <a:ln w="9525" algn="ctr">
            <a:noFill/>
            <a:round/>
            <a:headEnd/>
            <a:tailEnd/>
          </a:ln>
          <a:effectLst>
            <a:outerShdw blurRad="50800" dist="38100" dir="2700000" algn="tl" rotWithShape="0">
              <a:prstClr val="black">
                <a:alpha val="40000"/>
              </a:prstClr>
            </a:outerShdw>
            <a:softEdge rad="12700"/>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Lst>
        </p:spPr>
        <p:txBody>
          <a:bodyPr wrap="none" lIns="91368" tIns="45681" rIns="91368" bIns="45681" anchor="ctr"/>
          <a:lstStyle/>
          <a:p>
            <a:pPr marL="180868" indent="-180868" algn="ctr" eaLnBrk="0" fontAlgn="auto" hangingPunct="0">
              <a:lnSpc>
                <a:spcPct val="150000"/>
              </a:lnSpc>
              <a:spcBef>
                <a:spcPts val="0"/>
              </a:spcBef>
              <a:spcAft>
                <a:spcPts val="0"/>
              </a:spcAft>
              <a:buClr>
                <a:srgbClr val="990000"/>
              </a:buClr>
              <a:buSzPct val="60000"/>
              <a:buFont typeface="Arial" pitchFamily="34" charset="0"/>
              <a:buChar char="•"/>
              <a:defRPr/>
            </a:pPr>
            <a:endParaRPr lang="zh-CN" altLang="en-US" sz="400" kern="0" dirty="0">
              <a:solidFill>
                <a:srgbClr val="5F5F5F"/>
              </a:solidFill>
              <a:latin typeface="Arial" pitchFamily="34" charset="0"/>
              <a:ea typeface="Arial Unicode MS" pitchFamily="34" charset="-122"/>
              <a:cs typeface="Arial" pitchFamily="34" charset="0"/>
            </a:endParaRPr>
          </a:p>
        </p:txBody>
      </p:sp>
      <p:sp>
        <p:nvSpPr>
          <p:cNvPr id="165" name="矩形 164"/>
          <p:cNvSpPr/>
          <p:nvPr/>
        </p:nvSpPr>
        <p:spPr bwMode="auto">
          <a:xfrm>
            <a:off x="5158606" y="5121449"/>
            <a:ext cx="3969359" cy="2073442"/>
          </a:xfrm>
          <a:prstGeom prst="rect">
            <a:avLst/>
          </a:prstGeom>
          <a:solidFill>
            <a:srgbClr val="C00000"/>
          </a:solidFill>
          <a:ln w="9525" algn="ctr">
            <a:noFill/>
            <a:round/>
            <a:headEnd/>
            <a:tailEnd/>
          </a:ln>
          <a:effectLst>
            <a:outerShdw blurRad="50800" dist="38100" dir="2700000" algn="tl" rotWithShape="0">
              <a:prstClr val="black">
                <a:alpha val="40000"/>
              </a:prstClr>
            </a:outerShdw>
            <a:softEdge rad="12700"/>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Lst>
        </p:spPr>
        <p:txBody>
          <a:bodyPr wrap="none" lIns="91368" tIns="45681" rIns="91368" bIns="45681" anchor="ctr"/>
          <a:lstStyle/>
          <a:p>
            <a:pPr marL="180868" indent="-180868" algn="ctr" eaLnBrk="0" fontAlgn="auto" hangingPunct="0">
              <a:lnSpc>
                <a:spcPct val="150000"/>
              </a:lnSpc>
              <a:spcBef>
                <a:spcPts val="0"/>
              </a:spcBef>
              <a:spcAft>
                <a:spcPts val="0"/>
              </a:spcAft>
              <a:buClr>
                <a:srgbClr val="990000"/>
              </a:buClr>
              <a:buSzPct val="60000"/>
              <a:buFont typeface="Arial" pitchFamily="34" charset="0"/>
              <a:buChar char="•"/>
              <a:defRPr/>
            </a:pPr>
            <a:endParaRPr lang="zh-CN" altLang="en-US" sz="400" kern="0" dirty="0">
              <a:solidFill>
                <a:srgbClr val="5F5F5F"/>
              </a:solidFill>
              <a:latin typeface="Arial" pitchFamily="34" charset="0"/>
              <a:ea typeface="Arial Unicode MS" pitchFamily="34" charset="-122"/>
              <a:cs typeface="Arial" pitchFamily="34" charset="0"/>
            </a:endParaRPr>
          </a:p>
        </p:txBody>
      </p:sp>
      <p:sp>
        <p:nvSpPr>
          <p:cNvPr id="167" name="矩形 166"/>
          <p:cNvSpPr/>
          <p:nvPr/>
        </p:nvSpPr>
        <p:spPr bwMode="auto">
          <a:xfrm>
            <a:off x="9457207" y="5097379"/>
            <a:ext cx="3969359" cy="2073442"/>
          </a:xfrm>
          <a:prstGeom prst="rect">
            <a:avLst/>
          </a:prstGeom>
          <a:solidFill>
            <a:srgbClr val="C00000"/>
          </a:solidFill>
          <a:ln w="9525" algn="ctr">
            <a:noFill/>
            <a:round/>
            <a:headEnd/>
            <a:tailEnd/>
          </a:ln>
          <a:effectLst>
            <a:outerShdw blurRad="50800" dist="38100" dir="2700000" algn="tl" rotWithShape="0">
              <a:prstClr val="black">
                <a:alpha val="40000"/>
              </a:prstClr>
            </a:outerShdw>
            <a:softEdge rad="12700"/>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Lst>
        </p:spPr>
        <p:txBody>
          <a:bodyPr wrap="none" lIns="91368" tIns="45681" rIns="91368" bIns="45681" anchor="ctr"/>
          <a:lstStyle/>
          <a:p>
            <a:pPr marL="180868" indent="-180868" algn="ctr" eaLnBrk="0" fontAlgn="auto" hangingPunct="0">
              <a:lnSpc>
                <a:spcPct val="150000"/>
              </a:lnSpc>
              <a:spcBef>
                <a:spcPts val="0"/>
              </a:spcBef>
              <a:spcAft>
                <a:spcPts val="0"/>
              </a:spcAft>
              <a:buClr>
                <a:srgbClr val="990000"/>
              </a:buClr>
              <a:buSzPct val="60000"/>
              <a:buFont typeface="Arial" pitchFamily="34" charset="0"/>
              <a:buChar char="•"/>
              <a:defRPr/>
            </a:pPr>
            <a:endParaRPr lang="zh-CN" altLang="en-US" sz="400" kern="0" dirty="0">
              <a:solidFill>
                <a:srgbClr val="5F5F5F"/>
              </a:solidFill>
              <a:latin typeface="Arial" pitchFamily="34" charset="0"/>
              <a:ea typeface="Arial Unicode MS" pitchFamily="34" charset="-122"/>
              <a:cs typeface="Arial" pitchFamily="34" charset="0"/>
            </a:endParaRPr>
          </a:p>
        </p:txBody>
      </p:sp>
      <p:sp>
        <p:nvSpPr>
          <p:cNvPr id="169" name="矩形 168"/>
          <p:cNvSpPr/>
          <p:nvPr/>
        </p:nvSpPr>
        <p:spPr bwMode="auto">
          <a:xfrm>
            <a:off x="13773218" y="5097379"/>
            <a:ext cx="3969359" cy="2073442"/>
          </a:xfrm>
          <a:prstGeom prst="rect">
            <a:avLst/>
          </a:prstGeom>
          <a:solidFill>
            <a:srgbClr val="C00000"/>
          </a:solidFill>
          <a:ln w="9525" algn="ctr">
            <a:noFill/>
            <a:round/>
            <a:headEnd/>
            <a:tailEnd/>
          </a:ln>
          <a:effectLst>
            <a:outerShdw blurRad="50800" dist="38100" dir="2700000" algn="tl" rotWithShape="0">
              <a:prstClr val="black">
                <a:alpha val="40000"/>
              </a:prstClr>
            </a:outerShdw>
            <a:softEdge rad="12700"/>
          </a:effectLst>
          <a:extLs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Lst>
        </p:spPr>
        <p:txBody>
          <a:bodyPr wrap="none" lIns="91368" tIns="45681" rIns="91368" bIns="45681" anchor="ctr"/>
          <a:lstStyle/>
          <a:p>
            <a:pPr marL="180868" indent="-180868" algn="ctr" eaLnBrk="0" fontAlgn="auto" hangingPunct="0">
              <a:lnSpc>
                <a:spcPct val="150000"/>
              </a:lnSpc>
              <a:spcBef>
                <a:spcPts val="0"/>
              </a:spcBef>
              <a:spcAft>
                <a:spcPts val="0"/>
              </a:spcAft>
              <a:buClr>
                <a:srgbClr val="990000"/>
              </a:buClr>
              <a:buSzPct val="60000"/>
              <a:buFont typeface="Arial" pitchFamily="34" charset="0"/>
              <a:buChar char="•"/>
              <a:defRPr/>
            </a:pPr>
            <a:endParaRPr lang="zh-CN" altLang="en-US" sz="400" kern="0" dirty="0">
              <a:solidFill>
                <a:srgbClr val="5F5F5F"/>
              </a:solidFill>
              <a:latin typeface="Arial" pitchFamily="34" charset="0"/>
              <a:ea typeface="Arial Unicode MS" pitchFamily="34" charset="-122"/>
              <a:cs typeface="Arial" pitchFamily="34" charset="0"/>
            </a:endParaRPr>
          </a:p>
        </p:txBody>
      </p:sp>
      <p:grpSp>
        <p:nvGrpSpPr>
          <p:cNvPr id="99" name="组合 98"/>
          <p:cNvGrpSpPr/>
          <p:nvPr/>
        </p:nvGrpSpPr>
        <p:grpSpPr>
          <a:xfrm>
            <a:off x="820592" y="1615756"/>
            <a:ext cx="16913956" cy="909900"/>
            <a:chOff x="820593" y="1302929"/>
            <a:chExt cx="16913956" cy="909900"/>
          </a:xfrm>
        </p:grpSpPr>
        <p:sp>
          <p:nvSpPr>
            <p:cNvPr id="163" name="TextBox 9"/>
            <p:cNvSpPr txBox="1">
              <a:spLocks noChangeArrowheads="1"/>
            </p:cNvSpPr>
            <p:nvPr/>
          </p:nvSpPr>
          <p:spPr bwMode="auto">
            <a:xfrm>
              <a:off x="820593" y="1302929"/>
              <a:ext cx="3943913" cy="861774"/>
            </a:xfrm>
            <a:prstGeom prst="rect">
              <a:avLst/>
            </a:prstGeom>
            <a:noFill/>
            <a:ln>
              <a:noFill/>
            </a:ln>
            <a:effectLst/>
            <a:ex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anchor="ctr">
              <a:spAutoFit/>
            </a:bodyPr>
            <a:lstStyle>
              <a:defPPr>
                <a:defRPr lang="zh-CN"/>
              </a:defPPr>
              <a:lvl1pPr algn="ctr">
                <a:defRPr>
                  <a:solidFill>
                    <a:schemeClr val="lt1"/>
                  </a:solidFill>
                  <a:latin typeface="FrutigerNext LT Medium" pitchFamily="34" charset="0"/>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defRPr/>
              </a:pPr>
              <a:r>
                <a:rPr lang="en-US" altLang="zh-CN" sz="2800" b="1" dirty="0" smtClean="0">
                  <a:solidFill>
                    <a:srgbClr val="595959"/>
                  </a:solidFill>
                  <a:latin typeface="Arial" pitchFamily="34" charset="0"/>
                  <a:ea typeface="Arial Unicode MS" pitchFamily="34" charset="-122"/>
                  <a:cs typeface="Arial" pitchFamily="34" charset="0"/>
                </a:rPr>
                <a:t>Corporate globalization</a:t>
              </a:r>
            </a:p>
          </p:txBody>
        </p:sp>
        <p:sp>
          <p:nvSpPr>
            <p:cNvPr id="166" name="TextBox 9"/>
            <p:cNvSpPr txBox="1">
              <a:spLocks noChangeArrowheads="1"/>
            </p:cNvSpPr>
            <p:nvPr/>
          </p:nvSpPr>
          <p:spPr bwMode="auto">
            <a:xfrm>
              <a:off x="5103835" y="1351055"/>
              <a:ext cx="3943913" cy="861774"/>
            </a:xfrm>
            <a:prstGeom prst="rect">
              <a:avLst/>
            </a:prstGeom>
            <a:noFill/>
            <a:ln>
              <a:noFill/>
            </a:ln>
            <a:effectLst/>
            <a:ex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anchor="ctr">
              <a:spAutoFit/>
            </a:bodyPr>
            <a:lstStyle>
              <a:defPPr>
                <a:defRPr lang="zh-CN"/>
              </a:defPPr>
              <a:lvl1pPr algn="ctr">
                <a:defRPr>
                  <a:solidFill>
                    <a:schemeClr val="lt1"/>
                  </a:solidFill>
                  <a:latin typeface="FrutigerNext LT Medium" pitchFamily="34" charset="0"/>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defRPr/>
              </a:pPr>
              <a:r>
                <a:rPr lang="en-US" altLang="zh-CN" sz="2800" b="1" dirty="0" smtClean="0">
                  <a:solidFill>
                    <a:srgbClr val="595959"/>
                  </a:solidFill>
                  <a:latin typeface="Arial" pitchFamily="34" charset="0"/>
                  <a:ea typeface="Arial Unicode MS" pitchFamily="34" charset="-122"/>
                  <a:cs typeface="Arial" pitchFamily="34" charset="0"/>
                </a:rPr>
                <a:t>Mobile Internet </a:t>
              </a:r>
            </a:p>
            <a:p>
              <a:pPr>
                <a:defRPr/>
              </a:pPr>
              <a:r>
                <a:rPr lang="en-US" altLang="zh-CN" sz="2800" b="1" dirty="0" smtClean="0">
                  <a:solidFill>
                    <a:srgbClr val="595959"/>
                  </a:solidFill>
                  <a:latin typeface="Arial" pitchFamily="34" charset="0"/>
                  <a:ea typeface="Arial Unicode MS" pitchFamily="34" charset="-122"/>
                  <a:cs typeface="Arial" pitchFamily="34" charset="0"/>
                </a:rPr>
                <a:t>Era</a:t>
              </a:r>
            </a:p>
          </p:txBody>
        </p:sp>
        <p:sp>
          <p:nvSpPr>
            <p:cNvPr id="168" name="TextBox 9"/>
            <p:cNvSpPr txBox="1">
              <a:spLocks noChangeArrowheads="1"/>
            </p:cNvSpPr>
            <p:nvPr/>
          </p:nvSpPr>
          <p:spPr bwMode="auto">
            <a:xfrm>
              <a:off x="9459268" y="1351055"/>
              <a:ext cx="3943913" cy="861774"/>
            </a:xfrm>
            <a:prstGeom prst="rect">
              <a:avLst/>
            </a:prstGeom>
            <a:noFill/>
            <a:ln>
              <a:noFill/>
            </a:ln>
            <a:effectLst/>
            <a:ex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anchor="ctr">
              <a:spAutoFit/>
            </a:bodyPr>
            <a:lstStyle>
              <a:defPPr>
                <a:defRPr lang="zh-CN"/>
              </a:defPPr>
              <a:lvl1pPr algn="ctr">
                <a:defRPr>
                  <a:solidFill>
                    <a:schemeClr val="lt1"/>
                  </a:solidFill>
                  <a:latin typeface="FrutigerNext LT Medium" pitchFamily="34" charset="0"/>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defRPr/>
              </a:pPr>
              <a:r>
                <a:rPr lang="en-US" altLang="zh-CN" sz="2800" b="1" dirty="0" smtClean="0">
                  <a:solidFill>
                    <a:srgbClr val="595959"/>
                  </a:solidFill>
                  <a:latin typeface="Arial" pitchFamily="34" charset="0"/>
                  <a:ea typeface="Arial Unicode MS" pitchFamily="34" charset="-122"/>
                  <a:cs typeface="Arial" pitchFamily="34" charset="0"/>
                </a:rPr>
                <a:t>Internet Banking Impact</a:t>
              </a:r>
            </a:p>
          </p:txBody>
        </p:sp>
        <p:sp>
          <p:nvSpPr>
            <p:cNvPr id="170" name="TextBox 9"/>
            <p:cNvSpPr txBox="1">
              <a:spLocks noChangeArrowheads="1"/>
            </p:cNvSpPr>
            <p:nvPr/>
          </p:nvSpPr>
          <p:spPr bwMode="auto">
            <a:xfrm>
              <a:off x="13790636" y="1351055"/>
              <a:ext cx="3943913" cy="861774"/>
            </a:xfrm>
            <a:prstGeom prst="rect">
              <a:avLst/>
            </a:prstGeom>
            <a:noFill/>
            <a:ln>
              <a:noFill/>
            </a:ln>
            <a:effectLst/>
            <a:ex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anchor="ctr">
              <a:spAutoFit/>
            </a:bodyPr>
            <a:lstStyle>
              <a:defPPr>
                <a:defRPr lang="zh-CN"/>
              </a:defPPr>
              <a:lvl1pPr algn="ctr">
                <a:defRPr>
                  <a:solidFill>
                    <a:schemeClr val="lt1"/>
                  </a:solidFill>
                  <a:latin typeface="FrutigerNext LT Medium" pitchFamily="34" charset="0"/>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defRPr/>
              </a:pPr>
              <a:r>
                <a:rPr lang="en-US" altLang="zh-CN" sz="2800" b="1" dirty="0" smtClean="0">
                  <a:solidFill>
                    <a:srgbClr val="595959"/>
                  </a:solidFill>
                  <a:latin typeface="Arial" pitchFamily="34" charset="0"/>
                  <a:ea typeface="Arial Unicode MS" pitchFamily="34" charset="-122"/>
                  <a:cs typeface="Arial" pitchFamily="34" charset="0"/>
                </a:rPr>
                <a:t>Whole network security threats</a:t>
              </a:r>
            </a:p>
          </p:txBody>
        </p:sp>
      </p:grpSp>
      <p:grpSp>
        <p:nvGrpSpPr>
          <p:cNvPr id="4" name="组合 647"/>
          <p:cNvGrpSpPr/>
          <p:nvPr/>
        </p:nvGrpSpPr>
        <p:grpSpPr>
          <a:xfrm>
            <a:off x="6766951" y="3030682"/>
            <a:ext cx="331680" cy="578797"/>
            <a:chOff x="11514138" y="5227638"/>
            <a:chExt cx="354013" cy="592138"/>
          </a:xfrm>
          <a:solidFill>
            <a:schemeClr val="tx1">
              <a:lumMod val="50000"/>
              <a:lumOff val="50000"/>
            </a:schemeClr>
          </a:solidFill>
        </p:grpSpPr>
        <p:sp>
          <p:nvSpPr>
            <p:cNvPr id="176" name="Freeform 954"/>
            <p:cNvSpPr>
              <a:spLocks/>
            </p:cNvSpPr>
            <p:nvPr/>
          </p:nvSpPr>
          <p:spPr bwMode="auto">
            <a:xfrm>
              <a:off x="11514138" y="5227638"/>
              <a:ext cx="354013" cy="592138"/>
            </a:xfrm>
            <a:custGeom>
              <a:avLst/>
              <a:gdLst/>
              <a:ahLst/>
              <a:cxnLst>
                <a:cxn ang="0">
                  <a:pos x="196" y="326"/>
                </a:cxn>
                <a:cxn ang="0">
                  <a:pos x="196" y="334"/>
                </a:cxn>
                <a:cxn ang="0">
                  <a:pos x="184" y="345"/>
                </a:cxn>
                <a:cxn ang="0">
                  <a:pos x="47" y="347"/>
                </a:cxn>
                <a:cxn ang="0">
                  <a:pos x="39" y="345"/>
                </a:cxn>
                <a:cxn ang="0">
                  <a:pos x="29" y="334"/>
                </a:cxn>
                <a:cxn ang="0">
                  <a:pos x="27" y="47"/>
                </a:cxn>
                <a:cxn ang="0">
                  <a:pos x="29" y="39"/>
                </a:cxn>
                <a:cxn ang="0">
                  <a:pos x="39" y="29"/>
                </a:cxn>
                <a:cxn ang="0">
                  <a:pos x="176" y="27"/>
                </a:cxn>
                <a:cxn ang="0">
                  <a:pos x="184" y="29"/>
                </a:cxn>
                <a:cxn ang="0">
                  <a:pos x="196" y="39"/>
                </a:cxn>
                <a:cxn ang="0">
                  <a:pos x="196" y="326"/>
                </a:cxn>
                <a:cxn ang="0">
                  <a:pos x="223" y="326"/>
                </a:cxn>
                <a:cxn ang="0">
                  <a:pos x="223" y="47"/>
                </a:cxn>
                <a:cxn ang="0">
                  <a:pos x="218" y="29"/>
                </a:cxn>
                <a:cxn ang="0">
                  <a:pos x="208" y="14"/>
                </a:cxn>
                <a:cxn ang="0">
                  <a:pos x="194" y="4"/>
                </a:cxn>
                <a:cxn ang="0">
                  <a:pos x="176" y="0"/>
                </a:cxn>
                <a:cxn ang="0">
                  <a:pos x="47" y="0"/>
                </a:cxn>
                <a:cxn ang="0">
                  <a:pos x="29" y="4"/>
                </a:cxn>
                <a:cxn ang="0">
                  <a:pos x="15" y="14"/>
                </a:cxn>
                <a:cxn ang="0">
                  <a:pos x="4" y="29"/>
                </a:cxn>
                <a:cxn ang="0">
                  <a:pos x="0" y="47"/>
                </a:cxn>
                <a:cxn ang="0">
                  <a:pos x="0" y="326"/>
                </a:cxn>
                <a:cxn ang="0">
                  <a:pos x="4" y="345"/>
                </a:cxn>
                <a:cxn ang="0">
                  <a:pos x="15" y="359"/>
                </a:cxn>
                <a:cxn ang="0">
                  <a:pos x="29" y="369"/>
                </a:cxn>
                <a:cxn ang="0">
                  <a:pos x="47" y="373"/>
                </a:cxn>
                <a:cxn ang="0">
                  <a:pos x="176" y="373"/>
                </a:cxn>
                <a:cxn ang="0">
                  <a:pos x="194" y="369"/>
                </a:cxn>
                <a:cxn ang="0">
                  <a:pos x="208" y="359"/>
                </a:cxn>
                <a:cxn ang="0">
                  <a:pos x="218" y="345"/>
                </a:cxn>
                <a:cxn ang="0">
                  <a:pos x="223" y="326"/>
                </a:cxn>
              </a:cxnLst>
              <a:rect l="0" t="0" r="r" b="b"/>
              <a:pathLst>
                <a:path w="223" h="373">
                  <a:moveTo>
                    <a:pt x="210" y="326"/>
                  </a:moveTo>
                  <a:lnTo>
                    <a:pt x="196" y="326"/>
                  </a:lnTo>
                  <a:lnTo>
                    <a:pt x="196" y="326"/>
                  </a:lnTo>
                  <a:lnTo>
                    <a:pt x="196" y="334"/>
                  </a:lnTo>
                  <a:lnTo>
                    <a:pt x="190" y="340"/>
                  </a:lnTo>
                  <a:lnTo>
                    <a:pt x="184" y="345"/>
                  </a:lnTo>
                  <a:lnTo>
                    <a:pt x="176" y="347"/>
                  </a:lnTo>
                  <a:lnTo>
                    <a:pt x="47" y="347"/>
                  </a:lnTo>
                  <a:lnTo>
                    <a:pt x="47" y="347"/>
                  </a:lnTo>
                  <a:lnTo>
                    <a:pt x="39" y="345"/>
                  </a:lnTo>
                  <a:lnTo>
                    <a:pt x="33" y="340"/>
                  </a:lnTo>
                  <a:lnTo>
                    <a:pt x="29" y="334"/>
                  </a:lnTo>
                  <a:lnTo>
                    <a:pt x="27" y="326"/>
                  </a:lnTo>
                  <a:lnTo>
                    <a:pt x="27" y="47"/>
                  </a:lnTo>
                  <a:lnTo>
                    <a:pt x="27" y="47"/>
                  </a:lnTo>
                  <a:lnTo>
                    <a:pt x="29" y="39"/>
                  </a:lnTo>
                  <a:lnTo>
                    <a:pt x="33" y="33"/>
                  </a:lnTo>
                  <a:lnTo>
                    <a:pt x="39" y="29"/>
                  </a:lnTo>
                  <a:lnTo>
                    <a:pt x="47" y="27"/>
                  </a:lnTo>
                  <a:lnTo>
                    <a:pt x="176" y="27"/>
                  </a:lnTo>
                  <a:lnTo>
                    <a:pt x="176" y="27"/>
                  </a:lnTo>
                  <a:lnTo>
                    <a:pt x="184" y="29"/>
                  </a:lnTo>
                  <a:lnTo>
                    <a:pt x="190" y="33"/>
                  </a:lnTo>
                  <a:lnTo>
                    <a:pt x="196" y="39"/>
                  </a:lnTo>
                  <a:lnTo>
                    <a:pt x="196" y="47"/>
                  </a:lnTo>
                  <a:lnTo>
                    <a:pt x="196" y="326"/>
                  </a:lnTo>
                  <a:lnTo>
                    <a:pt x="210" y="326"/>
                  </a:lnTo>
                  <a:lnTo>
                    <a:pt x="223" y="326"/>
                  </a:lnTo>
                  <a:lnTo>
                    <a:pt x="223" y="47"/>
                  </a:lnTo>
                  <a:lnTo>
                    <a:pt x="223" y="47"/>
                  </a:lnTo>
                  <a:lnTo>
                    <a:pt x="223" y="39"/>
                  </a:lnTo>
                  <a:lnTo>
                    <a:pt x="218" y="29"/>
                  </a:lnTo>
                  <a:lnTo>
                    <a:pt x="214" y="20"/>
                  </a:lnTo>
                  <a:lnTo>
                    <a:pt x="208" y="14"/>
                  </a:lnTo>
                  <a:lnTo>
                    <a:pt x="202" y="8"/>
                  </a:lnTo>
                  <a:lnTo>
                    <a:pt x="194" y="4"/>
                  </a:lnTo>
                  <a:lnTo>
                    <a:pt x="186" y="2"/>
                  </a:lnTo>
                  <a:lnTo>
                    <a:pt x="176" y="0"/>
                  </a:lnTo>
                  <a:lnTo>
                    <a:pt x="47" y="0"/>
                  </a:lnTo>
                  <a:lnTo>
                    <a:pt x="47" y="0"/>
                  </a:lnTo>
                  <a:lnTo>
                    <a:pt x="39" y="2"/>
                  </a:lnTo>
                  <a:lnTo>
                    <a:pt x="29" y="4"/>
                  </a:lnTo>
                  <a:lnTo>
                    <a:pt x="23" y="8"/>
                  </a:lnTo>
                  <a:lnTo>
                    <a:pt x="15" y="14"/>
                  </a:lnTo>
                  <a:lnTo>
                    <a:pt x="8" y="20"/>
                  </a:lnTo>
                  <a:lnTo>
                    <a:pt x="4" y="29"/>
                  </a:lnTo>
                  <a:lnTo>
                    <a:pt x="2" y="39"/>
                  </a:lnTo>
                  <a:lnTo>
                    <a:pt x="0" y="47"/>
                  </a:lnTo>
                  <a:lnTo>
                    <a:pt x="0" y="326"/>
                  </a:lnTo>
                  <a:lnTo>
                    <a:pt x="0" y="326"/>
                  </a:lnTo>
                  <a:lnTo>
                    <a:pt x="2" y="334"/>
                  </a:lnTo>
                  <a:lnTo>
                    <a:pt x="4" y="345"/>
                  </a:lnTo>
                  <a:lnTo>
                    <a:pt x="8" y="353"/>
                  </a:lnTo>
                  <a:lnTo>
                    <a:pt x="15" y="359"/>
                  </a:lnTo>
                  <a:lnTo>
                    <a:pt x="23" y="365"/>
                  </a:lnTo>
                  <a:lnTo>
                    <a:pt x="29" y="369"/>
                  </a:lnTo>
                  <a:lnTo>
                    <a:pt x="39" y="371"/>
                  </a:lnTo>
                  <a:lnTo>
                    <a:pt x="47" y="373"/>
                  </a:lnTo>
                  <a:lnTo>
                    <a:pt x="176" y="373"/>
                  </a:lnTo>
                  <a:lnTo>
                    <a:pt x="176" y="373"/>
                  </a:lnTo>
                  <a:lnTo>
                    <a:pt x="186" y="371"/>
                  </a:lnTo>
                  <a:lnTo>
                    <a:pt x="194" y="369"/>
                  </a:lnTo>
                  <a:lnTo>
                    <a:pt x="202" y="365"/>
                  </a:lnTo>
                  <a:lnTo>
                    <a:pt x="208" y="359"/>
                  </a:lnTo>
                  <a:lnTo>
                    <a:pt x="214" y="353"/>
                  </a:lnTo>
                  <a:lnTo>
                    <a:pt x="218" y="345"/>
                  </a:lnTo>
                  <a:lnTo>
                    <a:pt x="223" y="334"/>
                  </a:lnTo>
                  <a:lnTo>
                    <a:pt x="223" y="326"/>
                  </a:lnTo>
                  <a:lnTo>
                    <a:pt x="210" y="32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177" name="Rectangle 955"/>
            <p:cNvSpPr>
              <a:spLocks noChangeArrowheads="1"/>
            </p:cNvSpPr>
            <p:nvPr/>
          </p:nvSpPr>
          <p:spPr bwMode="auto">
            <a:xfrm>
              <a:off x="11582400" y="5354638"/>
              <a:ext cx="220663" cy="325438"/>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178" name="Freeform 956"/>
            <p:cNvSpPr>
              <a:spLocks/>
            </p:cNvSpPr>
            <p:nvPr/>
          </p:nvSpPr>
          <p:spPr bwMode="auto">
            <a:xfrm>
              <a:off x="11660188" y="5302251"/>
              <a:ext cx="65088" cy="15875"/>
            </a:xfrm>
            <a:custGeom>
              <a:avLst/>
              <a:gdLst/>
              <a:ahLst/>
              <a:cxnLst>
                <a:cxn ang="0">
                  <a:pos x="0" y="6"/>
                </a:cxn>
                <a:cxn ang="0">
                  <a:pos x="0" y="6"/>
                </a:cxn>
                <a:cxn ang="0">
                  <a:pos x="0" y="2"/>
                </a:cxn>
                <a:cxn ang="0">
                  <a:pos x="4" y="0"/>
                </a:cxn>
                <a:cxn ang="0">
                  <a:pos x="35" y="0"/>
                </a:cxn>
                <a:cxn ang="0">
                  <a:pos x="35" y="0"/>
                </a:cxn>
                <a:cxn ang="0">
                  <a:pos x="39" y="2"/>
                </a:cxn>
                <a:cxn ang="0">
                  <a:pos x="41" y="6"/>
                </a:cxn>
                <a:cxn ang="0">
                  <a:pos x="41" y="6"/>
                </a:cxn>
                <a:cxn ang="0">
                  <a:pos x="39" y="8"/>
                </a:cxn>
                <a:cxn ang="0">
                  <a:pos x="35" y="10"/>
                </a:cxn>
                <a:cxn ang="0">
                  <a:pos x="4" y="10"/>
                </a:cxn>
                <a:cxn ang="0">
                  <a:pos x="4" y="10"/>
                </a:cxn>
                <a:cxn ang="0">
                  <a:pos x="0" y="8"/>
                </a:cxn>
                <a:cxn ang="0">
                  <a:pos x="0" y="6"/>
                </a:cxn>
                <a:cxn ang="0">
                  <a:pos x="0" y="6"/>
                </a:cxn>
              </a:cxnLst>
              <a:rect l="0" t="0" r="r" b="b"/>
              <a:pathLst>
                <a:path w="41" h="10">
                  <a:moveTo>
                    <a:pt x="0" y="6"/>
                  </a:moveTo>
                  <a:lnTo>
                    <a:pt x="0" y="6"/>
                  </a:lnTo>
                  <a:lnTo>
                    <a:pt x="0" y="2"/>
                  </a:lnTo>
                  <a:lnTo>
                    <a:pt x="4" y="0"/>
                  </a:lnTo>
                  <a:lnTo>
                    <a:pt x="35" y="0"/>
                  </a:lnTo>
                  <a:lnTo>
                    <a:pt x="35" y="0"/>
                  </a:lnTo>
                  <a:lnTo>
                    <a:pt x="39" y="2"/>
                  </a:lnTo>
                  <a:lnTo>
                    <a:pt x="41" y="6"/>
                  </a:lnTo>
                  <a:lnTo>
                    <a:pt x="41" y="6"/>
                  </a:lnTo>
                  <a:lnTo>
                    <a:pt x="39" y="8"/>
                  </a:lnTo>
                  <a:lnTo>
                    <a:pt x="35" y="10"/>
                  </a:lnTo>
                  <a:lnTo>
                    <a:pt x="4" y="10"/>
                  </a:lnTo>
                  <a:lnTo>
                    <a:pt x="4" y="10"/>
                  </a:lnTo>
                  <a:lnTo>
                    <a:pt x="0" y="8"/>
                  </a:lnTo>
                  <a:lnTo>
                    <a:pt x="0" y="6"/>
                  </a:lnTo>
                  <a:lnTo>
                    <a:pt x="0" y="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179" name="Freeform 957"/>
            <p:cNvSpPr>
              <a:spLocks/>
            </p:cNvSpPr>
            <p:nvPr/>
          </p:nvSpPr>
          <p:spPr bwMode="auto">
            <a:xfrm>
              <a:off x="11631613" y="5710238"/>
              <a:ext cx="31750" cy="31750"/>
            </a:xfrm>
            <a:custGeom>
              <a:avLst/>
              <a:gdLst/>
              <a:ahLst/>
              <a:cxnLst>
                <a:cxn ang="0">
                  <a:pos x="0" y="10"/>
                </a:cxn>
                <a:cxn ang="0">
                  <a:pos x="0" y="10"/>
                </a:cxn>
                <a:cxn ang="0">
                  <a:pos x="0" y="6"/>
                </a:cxn>
                <a:cxn ang="0">
                  <a:pos x="2" y="2"/>
                </a:cxn>
                <a:cxn ang="0">
                  <a:pos x="6" y="0"/>
                </a:cxn>
                <a:cxn ang="0">
                  <a:pos x="10" y="0"/>
                </a:cxn>
                <a:cxn ang="0">
                  <a:pos x="10" y="0"/>
                </a:cxn>
                <a:cxn ang="0">
                  <a:pos x="14" y="0"/>
                </a:cxn>
                <a:cxn ang="0">
                  <a:pos x="16" y="2"/>
                </a:cxn>
                <a:cxn ang="0">
                  <a:pos x="18" y="6"/>
                </a:cxn>
                <a:cxn ang="0">
                  <a:pos x="20" y="10"/>
                </a:cxn>
                <a:cxn ang="0">
                  <a:pos x="20" y="10"/>
                </a:cxn>
                <a:cxn ang="0">
                  <a:pos x="18" y="14"/>
                </a:cxn>
                <a:cxn ang="0">
                  <a:pos x="16" y="16"/>
                </a:cxn>
                <a:cxn ang="0">
                  <a:pos x="14" y="20"/>
                </a:cxn>
                <a:cxn ang="0">
                  <a:pos x="10" y="20"/>
                </a:cxn>
                <a:cxn ang="0">
                  <a:pos x="10" y="20"/>
                </a:cxn>
                <a:cxn ang="0">
                  <a:pos x="6" y="20"/>
                </a:cxn>
                <a:cxn ang="0">
                  <a:pos x="2" y="16"/>
                </a:cxn>
                <a:cxn ang="0">
                  <a:pos x="0" y="14"/>
                </a:cxn>
                <a:cxn ang="0">
                  <a:pos x="0" y="10"/>
                </a:cxn>
                <a:cxn ang="0">
                  <a:pos x="0" y="10"/>
                </a:cxn>
              </a:cxnLst>
              <a:rect l="0" t="0" r="r" b="b"/>
              <a:pathLst>
                <a:path w="20" h="20">
                  <a:moveTo>
                    <a:pt x="0" y="10"/>
                  </a:moveTo>
                  <a:lnTo>
                    <a:pt x="0" y="10"/>
                  </a:lnTo>
                  <a:lnTo>
                    <a:pt x="0" y="6"/>
                  </a:lnTo>
                  <a:lnTo>
                    <a:pt x="2" y="2"/>
                  </a:lnTo>
                  <a:lnTo>
                    <a:pt x="6" y="0"/>
                  </a:lnTo>
                  <a:lnTo>
                    <a:pt x="10" y="0"/>
                  </a:lnTo>
                  <a:lnTo>
                    <a:pt x="10" y="0"/>
                  </a:lnTo>
                  <a:lnTo>
                    <a:pt x="14" y="0"/>
                  </a:lnTo>
                  <a:lnTo>
                    <a:pt x="16" y="2"/>
                  </a:lnTo>
                  <a:lnTo>
                    <a:pt x="18" y="6"/>
                  </a:lnTo>
                  <a:lnTo>
                    <a:pt x="20" y="10"/>
                  </a:lnTo>
                  <a:lnTo>
                    <a:pt x="20" y="10"/>
                  </a:lnTo>
                  <a:lnTo>
                    <a:pt x="18" y="14"/>
                  </a:lnTo>
                  <a:lnTo>
                    <a:pt x="16" y="16"/>
                  </a:lnTo>
                  <a:lnTo>
                    <a:pt x="14" y="20"/>
                  </a:lnTo>
                  <a:lnTo>
                    <a:pt x="10" y="20"/>
                  </a:lnTo>
                  <a:lnTo>
                    <a:pt x="10" y="20"/>
                  </a:lnTo>
                  <a:lnTo>
                    <a:pt x="6" y="20"/>
                  </a:lnTo>
                  <a:lnTo>
                    <a:pt x="2" y="16"/>
                  </a:lnTo>
                  <a:lnTo>
                    <a:pt x="0" y="14"/>
                  </a:lnTo>
                  <a:lnTo>
                    <a:pt x="0" y="10"/>
                  </a:lnTo>
                  <a:lnTo>
                    <a:pt x="0" y="1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180" name="Freeform 958"/>
            <p:cNvSpPr>
              <a:spLocks/>
            </p:cNvSpPr>
            <p:nvPr/>
          </p:nvSpPr>
          <p:spPr bwMode="auto">
            <a:xfrm>
              <a:off x="11676063" y="5710238"/>
              <a:ext cx="33338" cy="31750"/>
            </a:xfrm>
            <a:custGeom>
              <a:avLst/>
              <a:gdLst/>
              <a:ahLst/>
              <a:cxnLst>
                <a:cxn ang="0">
                  <a:pos x="0" y="10"/>
                </a:cxn>
                <a:cxn ang="0">
                  <a:pos x="0" y="10"/>
                </a:cxn>
                <a:cxn ang="0">
                  <a:pos x="0" y="6"/>
                </a:cxn>
                <a:cxn ang="0">
                  <a:pos x="2" y="2"/>
                </a:cxn>
                <a:cxn ang="0">
                  <a:pos x="6" y="0"/>
                </a:cxn>
                <a:cxn ang="0">
                  <a:pos x="10" y="0"/>
                </a:cxn>
                <a:cxn ang="0">
                  <a:pos x="10" y="0"/>
                </a:cxn>
                <a:cxn ang="0">
                  <a:pos x="15" y="0"/>
                </a:cxn>
                <a:cxn ang="0">
                  <a:pos x="17" y="2"/>
                </a:cxn>
                <a:cxn ang="0">
                  <a:pos x="19" y="6"/>
                </a:cxn>
                <a:cxn ang="0">
                  <a:pos x="21" y="10"/>
                </a:cxn>
                <a:cxn ang="0">
                  <a:pos x="21" y="10"/>
                </a:cxn>
                <a:cxn ang="0">
                  <a:pos x="19" y="14"/>
                </a:cxn>
                <a:cxn ang="0">
                  <a:pos x="17" y="16"/>
                </a:cxn>
                <a:cxn ang="0">
                  <a:pos x="15" y="20"/>
                </a:cxn>
                <a:cxn ang="0">
                  <a:pos x="10" y="20"/>
                </a:cxn>
                <a:cxn ang="0">
                  <a:pos x="10" y="20"/>
                </a:cxn>
                <a:cxn ang="0">
                  <a:pos x="6" y="20"/>
                </a:cxn>
                <a:cxn ang="0">
                  <a:pos x="2" y="16"/>
                </a:cxn>
                <a:cxn ang="0">
                  <a:pos x="0" y="14"/>
                </a:cxn>
                <a:cxn ang="0">
                  <a:pos x="0" y="10"/>
                </a:cxn>
                <a:cxn ang="0">
                  <a:pos x="0" y="10"/>
                </a:cxn>
              </a:cxnLst>
              <a:rect l="0" t="0" r="r" b="b"/>
              <a:pathLst>
                <a:path w="21" h="20">
                  <a:moveTo>
                    <a:pt x="0" y="10"/>
                  </a:moveTo>
                  <a:lnTo>
                    <a:pt x="0" y="10"/>
                  </a:lnTo>
                  <a:lnTo>
                    <a:pt x="0" y="6"/>
                  </a:lnTo>
                  <a:lnTo>
                    <a:pt x="2" y="2"/>
                  </a:lnTo>
                  <a:lnTo>
                    <a:pt x="6" y="0"/>
                  </a:lnTo>
                  <a:lnTo>
                    <a:pt x="10" y="0"/>
                  </a:lnTo>
                  <a:lnTo>
                    <a:pt x="10" y="0"/>
                  </a:lnTo>
                  <a:lnTo>
                    <a:pt x="15" y="0"/>
                  </a:lnTo>
                  <a:lnTo>
                    <a:pt x="17" y="2"/>
                  </a:lnTo>
                  <a:lnTo>
                    <a:pt x="19" y="6"/>
                  </a:lnTo>
                  <a:lnTo>
                    <a:pt x="21" y="10"/>
                  </a:lnTo>
                  <a:lnTo>
                    <a:pt x="21" y="10"/>
                  </a:lnTo>
                  <a:lnTo>
                    <a:pt x="19" y="14"/>
                  </a:lnTo>
                  <a:lnTo>
                    <a:pt x="17" y="16"/>
                  </a:lnTo>
                  <a:lnTo>
                    <a:pt x="15" y="20"/>
                  </a:lnTo>
                  <a:lnTo>
                    <a:pt x="10" y="20"/>
                  </a:lnTo>
                  <a:lnTo>
                    <a:pt x="10" y="20"/>
                  </a:lnTo>
                  <a:lnTo>
                    <a:pt x="6" y="20"/>
                  </a:lnTo>
                  <a:lnTo>
                    <a:pt x="2" y="16"/>
                  </a:lnTo>
                  <a:lnTo>
                    <a:pt x="0" y="14"/>
                  </a:lnTo>
                  <a:lnTo>
                    <a:pt x="0" y="10"/>
                  </a:lnTo>
                  <a:lnTo>
                    <a:pt x="0" y="1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181" name="Freeform 959"/>
            <p:cNvSpPr>
              <a:spLocks/>
            </p:cNvSpPr>
            <p:nvPr/>
          </p:nvSpPr>
          <p:spPr bwMode="auto">
            <a:xfrm>
              <a:off x="11722100" y="5710238"/>
              <a:ext cx="31750" cy="31750"/>
            </a:xfrm>
            <a:custGeom>
              <a:avLst/>
              <a:gdLst/>
              <a:ahLst/>
              <a:cxnLst>
                <a:cxn ang="0">
                  <a:pos x="0" y="10"/>
                </a:cxn>
                <a:cxn ang="0">
                  <a:pos x="0" y="10"/>
                </a:cxn>
                <a:cxn ang="0">
                  <a:pos x="0" y="6"/>
                </a:cxn>
                <a:cxn ang="0">
                  <a:pos x="2" y="2"/>
                </a:cxn>
                <a:cxn ang="0">
                  <a:pos x="6" y="0"/>
                </a:cxn>
                <a:cxn ang="0">
                  <a:pos x="10" y="0"/>
                </a:cxn>
                <a:cxn ang="0">
                  <a:pos x="10" y="0"/>
                </a:cxn>
                <a:cxn ang="0">
                  <a:pos x="14" y="0"/>
                </a:cxn>
                <a:cxn ang="0">
                  <a:pos x="16" y="2"/>
                </a:cxn>
                <a:cxn ang="0">
                  <a:pos x="18" y="6"/>
                </a:cxn>
                <a:cxn ang="0">
                  <a:pos x="20" y="10"/>
                </a:cxn>
                <a:cxn ang="0">
                  <a:pos x="20" y="10"/>
                </a:cxn>
                <a:cxn ang="0">
                  <a:pos x="18" y="14"/>
                </a:cxn>
                <a:cxn ang="0">
                  <a:pos x="16" y="16"/>
                </a:cxn>
                <a:cxn ang="0">
                  <a:pos x="14" y="20"/>
                </a:cxn>
                <a:cxn ang="0">
                  <a:pos x="10" y="20"/>
                </a:cxn>
                <a:cxn ang="0">
                  <a:pos x="10" y="20"/>
                </a:cxn>
                <a:cxn ang="0">
                  <a:pos x="6" y="20"/>
                </a:cxn>
                <a:cxn ang="0">
                  <a:pos x="2" y="16"/>
                </a:cxn>
                <a:cxn ang="0">
                  <a:pos x="0" y="14"/>
                </a:cxn>
                <a:cxn ang="0">
                  <a:pos x="0" y="10"/>
                </a:cxn>
                <a:cxn ang="0">
                  <a:pos x="0" y="10"/>
                </a:cxn>
              </a:cxnLst>
              <a:rect l="0" t="0" r="r" b="b"/>
              <a:pathLst>
                <a:path w="20" h="20">
                  <a:moveTo>
                    <a:pt x="0" y="10"/>
                  </a:moveTo>
                  <a:lnTo>
                    <a:pt x="0" y="10"/>
                  </a:lnTo>
                  <a:lnTo>
                    <a:pt x="0" y="6"/>
                  </a:lnTo>
                  <a:lnTo>
                    <a:pt x="2" y="2"/>
                  </a:lnTo>
                  <a:lnTo>
                    <a:pt x="6" y="0"/>
                  </a:lnTo>
                  <a:lnTo>
                    <a:pt x="10" y="0"/>
                  </a:lnTo>
                  <a:lnTo>
                    <a:pt x="10" y="0"/>
                  </a:lnTo>
                  <a:lnTo>
                    <a:pt x="14" y="0"/>
                  </a:lnTo>
                  <a:lnTo>
                    <a:pt x="16" y="2"/>
                  </a:lnTo>
                  <a:lnTo>
                    <a:pt x="18" y="6"/>
                  </a:lnTo>
                  <a:lnTo>
                    <a:pt x="20" y="10"/>
                  </a:lnTo>
                  <a:lnTo>
                    <a:pt x="20" y="10"/>
                  </a:lnTo>
                  <a:lnTo>
                    <a:pt x="18" y="14"/>
                  </a:lnTo>
                  <a:lnTo>
                    <a:pt x="16" y="16"/>
                  </a:lnTo>
                  <a:lnTo>
                    <a:pt x="14" y="20"/>
                  </a:lnTo>
                  <a:lnTo>
                    <a:pt x="10" y="20"/>
                  </a:lnTo>
                  <a:lnTo>
                    <a:pt x="10" y="20"/>
                  </a:lnTo>
                  <a:lnTo>
                    <a:pt x="6" y="20"/>
                  </a:lnTo>
                  <a:lnTo>
                    <a:pt x="2" y="16"/>
                  </a:lnTo>
                  <a:lnTo>
                    <a:pt x="0" y="14"/>
                  </a:lnTo>
                  <a:lnTo>
                    <a:pt x="0" y="10"/>
                  </a:lnTo>
                  <a:lnTo>
                    <a:pt x="0" y="1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grpSp>
        <p:nvGrpSpPr>
          <p:cNvPr id="5" name="组合 478"/>
          <p:cNvGrpSpPr/>
          <p:nvPr/>
        </p:nvGrpSpPr>
        <p:grpSpPr>
          <a:xfrm>
            <a:off x="7278596" y="3010839"/>
            <a:ext cx="1119446" cy="718950"/>
            <a:chOff x="9796411" y="2826066"/>
            <a:chExt cx="1683501" cy="985148"/>
          </a:xfrm>
        </p:grpSpPr>
        <p:sp>
          <p:nvSpPr>
            <p:cNvPr id="204" name="Freeform 27"/>
            <p:cNvSpPr>
              <a:spLocks noEditPoints="1"/>
            </p:cNvSpPr>
            <p:nvPr/>
          </p:nvSpPr>
          <p:spPr bwMode="auto">
            <a:xfrm>
              <a:off x="9796411" y="2826066"/>
              <a:ext cx="1683501" cy="985148"/>
            </a:xfrm>
            <a:custGeom>
              <a:avLst/>
              <a:gdLst/>
              <a:ahLst/>
              <a:cxnLst>
                <a:cxn ang="0">
                  <a:pos x="8324" y="38"/>
                </a:cxn>
                <a:cxn ang="0">
                  <a:pos x="9087" y="203"/>
                </a:cxn>
                <a:cxn ang="0">
                  <a:pos x="9799" y="487"/>
                </a:cxn>
                <a:cxn ang="0">
                  <a:pos x="10451" y="880"/>
                </a:cxn>
                <a:cxn ang="0">
                  <a:pos x="11031" y="1370"/>
                </a:cxn>
                <a:cxn ang="0">
                  <a:pos x="11529" y="1947"/>
                </a:cxn>
                <a:cxn ang="0">
                  <a:pos x="11934" y="2598"/>
                </a:cxn>
                <a:cxn ang="0">
                  <a:pos x="12234" y="3314"/>
                </a:cxn>
                <a:cxn ang="0">
                  <a:pos x="12378" y="3497"/>
                </a:cxn>
                <a:cxn ang="0">
                  <a:pos x="12496" y="3494"/>
                </a:cxn>
                <a:cxn ang="0">
                  <a:pos x="13119" y="3540"/>
                </a:cxn>
                <a:cxn ang="0">
                  <a:pos x="13870" y="3738"/>
                </a:cxn>
                <a:cxn ang="0">
                  <a:pos x="14554" y="4074"/>
                </a:cxn>
                <a:cxn ang="0">
                  <a:pos x="15156" y="4535"/>
                </a:cxn>
                <a:cxn ang="0">
                  <a:pos x="15663" y="5102"/>
                </a:cxn>
                <a:cxn ang="0">
                  <a:pos x="16056" y="5761"/>
                </a:cxn>
                <a:cxn ang="0">
                  <a:pos x="16320" y="6494"/>
                </a:cxn>
                <a:cxn ang="0">
                  <a:pos x="16438" y="7286"/>
                </a:cxn>
                <a:cxn ang="0">
                  <a:pos x="16401" y="8075"/>
                </a:cxn>
                <a:cxn ang="0">
                  <a:pos x="16222" y="8813"/>
                </a:cxn>
                <a:cxn ang="0">
                  <a:pos x="15915" y="9491"/>
                </a:cxn>
                <a:cxn ang="0">
                  <a:pos x="15494" y="10093"/>
                </a:cxn>
                <a:cxn ang="0">
                  <a:pos x="14974" y="10606"/>
                </a:cxn>
                <a:cxn ang="0">
                  <a:pos x="14369" y="11014"/>
                </a:cxn>
                <a:cxn ang="0">
                  <a:pos x="13693" y="11305"/>
                </a:cxn>
                <a:cxn ang="0">
                  <a:pos x="12960" y="11462"/>
                </a:cxn>
                <a:cxn ang="0">
                  <a:pos x="3341" y="11487"/>
                </a:cxn>
                <a:cxn ang="0">
                  <a:pos x="2760" y="11436"/>
                </a:cxn>
                <a:cxn ang="0">
                  <a:pos x="2156" y="11265"/>
                </a:cxn>
                <a:cxn ang="0">
                  <a:pos x="1603" y="10987"/>
                </a:cxn>
                <a:cxn ang="0">
                  <a:pos x="1113" y="10615"/>
                </a:cxn>
                <a:cxn ang="0">
                  <a:pos x="697" y="10159"/>
                </a:cxn>
                <a:cxn ang="0">
                  <a:pos x="368" y="9631"/>
                </a:cxn>
                <a:cxn ang="0">
                  <a:pos x="137" y="9044"/>
                </a:cxn>
                <a:cxn ang="0">
                  <a:pos x="15" y="8410"/>
                </a:cxn>
                <a:cxn ang="0">
                  <a:pos x="15" y="7754"/>
                </a:cxn>
                <a:cxn ang="0">
                  <a:pos x="132" y="7132"/>
                </a:cxn>
                <a:cxn ang="0">
                  <a:pos x="354" y="6556"/>
                </a:cxn>
                <a:cxn ang="0">
                  <a:pos x="671" y="6034"/>
                </a:cxn>
                <a:cxn ang="0">
                  <a:pos x="1072" y="5582"/>
                </a:cxn>
                <a:cxn ang="0">
                  <a:pos x="1546" y="5208"/>
                </a:cxn>
                <a:cxn ang="0">
                  <a:pos x="2082" y="4924"/>
                </a:cxn>
                <a:cxn ang="0">
                  <a:pos x="2668" y="4741"/>
                </a:cxn>
                <a:cxn ang="0">
                  <a:pos x="3015" y="4212"/>
                </a:cxn>
                <a:cxn ang="0">
                  <a:pos x="3225" y="3295"/>
                </a:cxn>
                <a:cxn ang="0">
                  <a:pos x="3597" y="2453"/>
                </a:cxn>
                <a:cxn ang="0">
                  <a:pos x="4113" y="1704"/>
                </a:cxn>
                <a:cxn ang="0">
                  <a:pos x="4754" y="1069"/>
                </a:cxn>
                <a:cxn ang="0">
                  <a:pos x="5503" y="565"/>
                </a:cxn>
                <a:cxn ang="0">
                  <a:pos x="6342" y="211"/>
                </a:cxn>
                <a:cxn ang="0">
                  <a:pos x="7250" y="25"/>
                </a:cxn>
                <a:cxn ang="0">
                  <a:pos x="9148" y="9515"/>
                </a:cxn>
                <a:cxn ang="0">
                  <a:pos x="9106" y="9484"/>
                </a:cxn>
                <a:cxn ang="0">
                  <a:pos x="9023" y="9509"/>
                </a:cxn>
                <a:cxn ang="0">
                  <a:pos x="9156" y="9528"/>
                </a:cxn>
                <a:cxn ang="0">
                  <a:pos x="6408" y="9503"/>
                </a:cxn>
                <a:cxn ang="0">
                  <a:pos x="6368" y="9519"/>
                </a:cxn>
              </a:cxnLst>
              <a:rect l="0" t="0" r="r" b="b"/>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nvGrpSpPr>
            <p:cNvPr id="6" name="组合 381"/>
            <p:cNvGrpSpPr/>
            <p:nvPr/>
          </p:nvGrpSpPr>
          <p:grpSpPr>
            <a:xfrm>
              <a:off x="10563731" y="2944420"/>
              <a:ext cx="385622" cy="366875"/>
              <a:chOff x="12379325" y="6088063"/>
              <a:chExt cx="601663" cy="606425"/>
            </a:xfrm>
            <a:solidFill>
              <a:schemeClr val="bg1">
                <a:lumMod val="95000"/>
              </a:schemeClr>
            </a:solidFill>
          </p:grpSpPr>
          <p:sp>
            <p:nvSpPr>
              <p:cNvPr id="225" name="Freeform 721"/>
              <p:cNvSpPr>
                <a:spLocks/>
              </p:cNvSpPr>
              <p:nvPr/>
            </p:nvSpPr>
            <p:spPr bwMode="auto">
              <a:xfrm>
                <a:off x="12379325" y="6088063"/>
                <a:ext cx="601663" cy="606425"/>
              </a:xfrm>
              <a:custGeom>
                <a:avLst/>
                <a:gdLst/>
                <a:ahLst/>
                <a:cxnLst>
                  <a:cxn ang="0">
                    <a:pos x="346" y="190"/>
                  </a:cxn>
                  <a:cxn ang="0">
                    <a:pos x="338" y="237"/>
                  </a:cxn>
                  <a:cxn ang="0">
                    <a:pos x="320" y="278"/>
                  </a:cxn>
                  <a:cxn ang="0">
                    <a:pos x="299" y="302"/>
                  </a:cxn>
                  <a:cxn ang="0">
                    <a:pos x="265" y="329"/>
                  </a:cxn>
                  <a:cxn ang="0">
                    <a:pos x="220" y="345"/>
                  </a:cxn>
                  <a:cxn ang="0">
                    <a:pos x="189" y="347"/>
                  </a:cxn>
                  <a:cxn ang="0">
                    <a:pos x="142" y="341"/>
                  </a:cxn>
                  <a:cxn ang="0">
                    <a:pos x="102" y="320"/>
                  </a:cxn>
                  <a:cxn ang="0">
                    <a:pos x="79" y="302"/>
                  </a:cxn>
                  <a:cxn ang="0">
                    <a:pos x="51" y="265"/>
                  </a:cxn>
                  <a:cxn ang="0">
                    <a:pos x="36" y="223"/>
                  </a:cxn>
                  <a:cxn ang="0">
                    <a:pos x="32" y="190"/>
                  </a:cxn>
                  <a:cxn ang="0">
                    <a:pos x="38" y="143"/>
                  </a:cxn>
                  <a:cxn ang="0">
                    <a:pos x="59" y="102"/>
                  </a:cxn>
                  <a:cxn ang="0">
                    <a:pos x="79" y="80"/>
                  </a:cxn>
                  <a:cxn ang="0">
                    <a:pos x="114" y="53"/>
                  </a:cxn>
                  <a:cxn ang="0">
                    <a:pos x="157" y="37"/>
                  </a:cxn>
                  <a:cxn ang="0">
                    <a:pos x="189" y="33"/>
                  </a:cxn>
                  <a:cxn ang="0">
                    <a:pos x="236" y="41"/>
                  </a:cxn>
                  <a:cxn ang="0">
                    <a:pos x="277" y="62"/>
                  </a:cxn>
                  <a:cxn ang="0">
                    <a:pos x="299" y="80"/>
                  </a:cxn>
                  <a:cxn ang="0">
                    <a:pos x="328" y="117"/>
                  </a:cxn>
                  <a:cxn ang="0">
                    <a:pos x="342" y="159"/>
                  </a:cxn>
                  <a:cxn ang="0">
                    <a:pos x="363" y="190"/>
                  </a:cxn>
                  <a:cxn ang="0">
                    <a:pos x="379" y="172"/>
                  </a:cxn>
                  <a:cxn ang="0">
                    <a:pos x="365" y="117"/>
                  </a:cxn>
                  <a:cxn ang="0">
                    <a:pos x="336" y="70"/>
                  </a:cxn>
                  <a:cxn ang="0">
                    <a:pos x="295" y="33"/>
                  </a:cxn>
                  <a:cxn ang="0">
                    <a:pos x="246" y="8"/>
                  </a:cxn>
                  <a:cxn ang="0">
                    <a:pos x="189" y="0"/>
                  </a:cxn>
                  <a:cxn ang="0">
                    <a:pos x="151" y="4"/>
                  </a:cxn>
                  <a:cxn ang="0">
                    <a:pos x="98" y="23"/>
                  </a:cxn>
                  <a:cxn ang="0">
                    <a:pos x="55" y="55"/>
                  </a:cxn>
                  <a:cxn ang="0">
                    <a:pos x="22" y="100"/>
                  </a:cxn>
                  <a:cxn ang="0">
                    <a:pos x="4" y="151"/>
                  </a:cxn>
                  <a:cxn ang="0">
                    <a:pos x="0" y="190"/>
                  </a:cxn>
                  <a:cxn ang="0">
                    <a:pos x="8" y="247"/>
                  </a:cxn>
                  <a:cxn ang="0">
                    <a:pos x="32" y="296"/>
                  </a:cxn>
                  <a:cxn ang="0">
                    <a:pos x="69" y="337"/>
                  </a:cxn>
                  <a:cxn ang="0">
                    <a:pos x="116" y="365"/>
                  </a:cxn>
                  <a:cxn ang="0">
                    <a:pos x="169" y="380"/>
                  </a:cxn>
                  <a:cxn ang="0">
                    <a:pos x="208" y="380"/>
                  </a:cxn>
                  <a:cxn ang="0">
                    <a:pos x="263" y="365"/>
                  </a:cxn>
                  <a:cxn ang="0">
                    <a:pos x="310" y="337"/>
                  </a:cxn>
                  <a:cxn ang="0">
                    <a:pos x="346" y="296"/>
                  </a:cxn>
                  <a:cxn ang="0">
                    <a:pos x="371" y="247"/>
                  </a:cxn>
                  <a:cxn ang="0">
                    <a:pos x="379" y="190"/>
                  </a:cxn>
                </a:cxnLst>
                <a:rect l="0" t="0" r="r" b="b"/>
                <a:pathLst>
                  <a:path w="379" h="382">
                    <a:moveTo>
                      <a:pt x="363" y="190"/>
                    </a:moveTo>
                    <a:lnTo>
                      <a:pt x="346" y="190"/>
                    </a:lnTo>
                    <a:lnTo>
                      <a:pt x="346" y="190"/>
                    </a:lnTo>
                    <a:lnTo>
                      <a:pt x="344" y="206"/>
                    </a:lnTo>
                    <a:lnTo>
                      <a:pt x="342" y="223"/>
                    </a:lnTo>
                    <a:lnTo>
                      <a:pt x="338" y="237"/>
                    </a:lnTo>
                    <a:lnTo>
                      <a:pt x="334" y="251"/>
                    </a:lnTo>
                    <a:lnTo>
                      <a:pt x="328" y="265"/>
                    </a:lnTo>
                    <a:lnTo>
                      <a:pt x="320" y="278"/>
                    </a:lnTo>
                    <a:lnTo>
                      <a:pt x="310" y="290"/>
                    </a:lnTo>
                    <a:lnTo>
                      <a:pt x="299" y="302"/>
                    </a:lnTo>
                    <a:lnTo>
                      <a:pt x="299" y="302"/>
                    </a:lnTo>
                    <a:lnTo>
                      <a:pt x="289" y="312"/>
                    </a:lnTo>
                    <a:lnTo>
                      <a:pt x="277" y="320"/>
                    </a:lnTo>
                    <a:lnTo>
                      <a:pt x="265" y="329"/>
                    </a:lnTo>
                    <a:lnTo>
                      <a:pt x="250" y="335"/>
                    </a:lnTo>
                    <a:lnTo>
                      <a:pt x="236" y="341"/>
                    </a:lnTo>
                    <a:lnTo>
                      <a:pt x="220" y="345"/>
                    </a:lnTo>
                    <a:lnTo>
                      <a:pt x="206" y="347"/>
                    </a:lnTo>
                    <a:lnTo>
                      <a:pt x="189" y="347"/>
                    </a:lnTo>
                    <a:lnTo>
                      <a:pt x="189" y="347"/>
                    </a:lnTo>
                    <a:lnTo>
                      <a:pt x="173" y="347"/>
                    </a:lnTo>
                    <a:lnTo>
                      <a:pt x="157" y="345"/>
                    </a:lnTo>
                    <a:lnTo>
                      <a:pt x="142" y="341"/>
                    </a:lnTo>
                    <a:lnTo>
                      <a:pt x="128" y="335"/>
                    </a:lnTo>
                    <a:lnTo>
                      <a:pt x="114" y="329"/>
                    </a:lnTo>
                    <a:lnTo>
                      <a:pt x="102" y="320"/>
                    </a:lnTo>
                    <a:lnTo>
                      <a:pt x="89" y="312"/>
                    </a:lnTo>
                    <a:lnTo>
                      <a:pt x="79" y="302"/>
                    </a:lnTo>
                    <a:lnTo>
                      <a:pt x="79" y="302"/>
                    </a:lnTo>
                    <a:lnTo>
                      <a:pt x="69" y="290"/>
                    </a:lnTo>
                    <a:lnTo>
                      <a:pt x="59" y="278"/>
                    </a:lnTo>
                    <a:lnTo>
                      <a:pt x="51" y="265"/>
                    </a:lnTo>
                    <a:lnTo>
                      <a:pt x="45" y="251"/>
                    </a:lnTo>
                    <a:lnTo>
                      <a:pt x="38" y="237"/>
                    </a:lnTo>
                    <a:lnTo>
                      <a:pt x="36" y="223"/>
                    </a:lnTo>
                    <a:lnTo>
                      <a:pt x="32" y="206"/>
                    </a:lnTo>
                    <a:lnTo>
                      <a:pt x="32" y="190"/>
                    </a:lnTo>
                    <a:lnTo>
                      <a:pt x="32" y="190"/>
                    </a:lnTo>
                    <a:lnTo>
                      <a:pt x="32" y="174"/>
                    </a:lnTo>
                    <a:lnTo>
                      <a:pt x="36" y="159"/>
                    </a:lnTo>
                    <a:lnTo>
                      <a:pt x="38" y="143"/>
                    </a:lnTo>
                    <a:lnTo>
                      <a:pt x="45" y="129"/>
                    </a:lnTo>
                    <a:lnTo>
                      <a:pt x="51" y="117"/>
                    </a:lnTo>
                    <a:lnTo>
                      <a:pt x="59" y="102"/>
                    </a:lnTo>
                    <a:lnTo>
                      <a:pt x="69" y="90"/>
                    </a:lnTo>
                    <a:lnTo>
                      <a:pt x="79" y="80"/>
                    </a:lnTo>
                    <a:lnTo>
                      <a:pt x="79" y="80"/>
                    </a:lnTo>
                    <a:lnTo>
                      <a:pt x="89" y="70"/>
                    </a:lnTo>
                    <a:lnTo>
                      <a:pt x="102" y="62"/>
                    </a:lnTo>
                    <a:lnTo>
                      <a:pt x="114" y="53"/>
                    </a:lnTo>
                    <a:lnTo>
                      <a:pt x="128" y="45"/>
                    </a:lnTo>
                    <a:lnTo>
                      <a:pt x="142" y="41"/>
                    </a:lnTo>
                    <a:lnTo>
                      <a:pt x="157" y="37"/>
                    </a:lnTo>
                    <a:lnTo>
                      <a:pt x="173" y="35"/>
                    </a:lnTo>
                    <a:lnTo>
                      <a:pt x="189" y="33"/>
                    </a:lnTo>
                    <a:lnTo>
                      <a:pt x="189" y="33"/>
                    </a:lnTo>
                    <a:lnTo>
                      <a:pt x="206" y="35"/>
                    </a:lnTo>
                    <a:lnTo>
                      <a:pt x="220" y="37"/>
                    </a:lnTo>
                    <a:lnTo>
                      <a:pt x="236" y="41"/>
                    </a:lnTo>
                    <a:lnTo>
                      <a:pt x="250" y="45"/>
                    </a:lnTo>
                    <a:lnTo>
                      <a:pt x="265" y="53"/>
                    </a:lnTo>
                    <a:lnTo>
                      <a:pt x="277" y="62"/>
                    </a:lnTo>
                    <a:lnTo>
                      <a:pt x="289" y="70"/>
                    </a:lnTo>
                    <a:lnTo>
                      <a:pt x="299" y="80"/>
                    </a:lnTo>
                    <a:lnTo>
                      <a:pt x="299" y="80"/>
                    </a:lnTo>
                    <a:lnTo>
                      <a:pt x="310" y="90"/>
                    </a:lnTo>
                    <a:lnTo>
                      <a:pt x="320" y="102"/>
                    </a:lnTo>
                    <a:lnTo>
                      <a:pt x="328" y="117"/>
                    </a:lnTo>
                    <a:lnTo>
                      <a:pt x="334" y="129"/>
                    </a:lnTo>
                    <a:lnTo>
                      <a:pt x="338" y="143"/>
                    </a:lnTo>
                    <a:lnTo>
                      <a:pt x="342" y="159"/>
                    </a:lnTo>
                    <a:lnTo>
                      <a:pt x="344" y="174"/>
                    </a:lnTo>
                    <a:lnTo>
                      <a:pt x="346" y="190"/>
                    </a:lnTo>
                    <a:lnTo>
                      <a:pt x="363" y="190"/>
                    </a:lnTo>
                    <a:lnTo>
                      <a:pt x="379" y="190"/>
                    </a:lnTo>
                    <a:lnTo>
                      <a:pt x="379" y="190"/>
                    </a:lnTo>
                    <a:lnTo>
                      <a:pt x="379" y="172"/>
                    </a:lnTo>
                    <a:lnTo>
                      <a:pt x="375" y="151"/>
                    </a:lnTo>
                    <a:lnTo>
                      <a:pt x="371" y="135"/>
                    </a:lnTo>
                    <a:lnTo>
                      <a:pt x="365" y="117"/>
                    </a:lnTo>
                    <a:lnTo>
                      <a:pt x="356" y="100"/>
                    </a:lnTo>
                    <a:lnTo>
                      <a:pt x="346" y="84"/>
                    </a:lnTo>
                    <a:lnTo>
                      <a:pt x="336" y="70"/>
                    </a:lnTo>
                    <a:lnTo>
                      <a:pt x="324" y="55"/>
                    </a:lnTo>
                    <a:lnTo>
                      <a:pt x="310" y="43"/>
                    </a:lnTo>
                    <a:lnTo>
                      <a:pt x="295" y="33"/>
                    </a:lnTo>
                    <a:lnTo>
                      <a:pt x="279" y="23"/>
                    </a:lnTo>
                    <a:lnTo>
                      <a:pt x="263" y="15"/>
                    </a:lnTo>
                    <a:lnTo>
                      <a:pt x="246" y="8"/>
                    </a:lnTo>
                    <a:lnTo>
                      <a:pt x="228" y="4"/>
                    </a:lnTo>
                    <a:lnTo>
                      <a:pt x="208" y="2"/>
                    </a:lnTo>
                    <a:lnTo>
                      <a:pt x="189" y="0"/>
                    </a:lnTo>
                    <a:lnTo>
                      <a:pt x="189" y="0"/>
                    </a:lnTo>
                    <a:lnTo>
                      <a:pt x="169" y="2"/>
                    </a:lnTo>
                    <a:lnTo>
                      <a:pt x="151" y="4"/>
                    </a:lnTo>
                    <a:lnTo>
                      <a:pt x="132" y="8"/>
                    </a:lnTo>
                    <a:lnTo>
                      <a:pt x="116" y="15"/>
                    </a:lnTo>
                    <a:lnTo>
                      <a:pt x="98" y="23"/>
                    </a:lnTo>
                    <a:lnTo>
                      <a:pt x="83" y="33"/>
                    </a:lnTo>
                    <a:lnTo>
                      <a:pt x="69" y="43"/>
                    </a:lnTo>
                    <a:lnTo>
                      <a:pt x="55" y="55"/>
                    </a:lnTo>
                    <a:lnTo>
                      <a:pt x="42" y="70"/>
                    </a:lnTo>
                    <a:lnTo>
                      <a:pt x="32" y="84"/>
                    </a:lnTo>
                    <a:lnTo>
                      <a:pt x="22" y="100"/>
                    </a:lnTo>
                    <a:lnTo>
                      <a:pt x="14" y="117"/>
                    </a:lnTo>
                    <a:lnTo>
                      <a:pt x="8" y="135"/>
                    </a:lnTo>
                    <a:lnTo>
                      <a:pt x="4" y="151"/>
                    </a:lnTo>
                    <a:lnTo>
                      <a:pt x="0" y="172"/>
                    </a:lnTo>
                    <a:lnTo>
                      <a:pt x="0" y="190"/>
                    </a:lnTo>
                    <a:lnTo>
                      <a:pt x="0" y="190"/>
                    </a:lnTo>
                    <a:lnTo>
                      <a:pt x="0" y="210"/>
                    </a:lnTo>
                    <a:lnTo>
                      <a:pt x="4" y="229"/>
                    </a:lnTo>
                    <a:lnTo>
                      <a:pt x="8" y="247"/>
                    </a:lnTo>
                    <a:lnTo>
                      <a:pt x="14" y="265"/>
                    </a:lnTo>
                    <a:lnTo>
                      <a:pt x="22" y="282"/>
                    </a:lnTo>
                    <a:lnTo>
                      <a:pt x="32" y="296"/>
                    </a:lnTo>
                    <a:lnTo>
                      <a:pt x="42" y="312"/>
                    </a:lnTo>
                    <a:lnTo>
                      <a:pt x="55" y="325"/>
                    </a:lnTo>
                    <a:lnTo>
                      <a:pt x="69" y="337"/>
                    </a:lnTo>
                    <a:lnTo>
                      <a:pt x="83" y="349"/>
                    </a:lnTo>
                    <a:lnTo>
                      <a:pt x="98" y="357"/>
                    </a:lnTo>
                    <a:lnTo>
                      <a:pt x="116" y="365"/>
                    </a:lnTo>
                    <a:lnTo>
                      <a:pt x="132" y="371"/>
                    </a:lnTo>
                    <a:lnTo>
                      <a:pt x="151" y="378"/>
                    </a:lnTo>
                    <a:lnTo>
                      <a:pt x="169" y="380"/>
                    </a:lnTo>
                    <a:lnTo>
                      <a:pt x="189" y="382"/>
                    </a:lnTo>
                    <a:lnTo>
                      <a:pt x="189" y="382"/>
                    </a:lnTo>
                    <a:lnTo>
                      <a:pt x="208" y="380"/>
                    </a:lnTo>
                    <a:lnTo>
                      <a:pt x="228" y="378"/>
                    </a:lnTo>
                    <a:lnTo>
                      <a:pt x="246" y="371"/>
                    </a:lnTo>
                    <a:lnTo>
                      <a:pt x="263" y="365"/>
                    </a:lnTo>
                    <a:lnTo>
                      <a:pt x="279" y="357"/>
                    </a:lnTo>
                    <a:lnTo>
                      <a:pt x="295" y="349"/>
                    </a:lnTo>
                    <a:lnTo>
                      <a:pt x="310" y="337"/>
                    </a:lnTo>
                    <a:lnTo>
                      <a:pt x="324" y="325"/>
                    </a:lnTo>
                    <a:lnTo>
                      <a:pt x="336" y="312"/>
                    </a:lnTo>
                    <a:lnTo>
                      <a:pt x="346" y="296"/>
                    </a:lnTo>
                    <a:lnTo>
                      <a:pt x="356" y="282"/>
                    </a:lnTo>
                    <a:lnTo>
                      <a:pt x="365" y="265"/>
                    </a:lnTo>
                    <a:lnTo>
                      <a:pt x="371" y="247"/>
                    </a:lnTo>
                    <a:lnTo>
                      <a:pt x="375" y="229"/>
                    </a:lnTo>
                    <a:lnTo>
                      <a:pt x="379" y="210"/>
                    </a:lnTo>
                    <a:lnTo>
                      <a:pt x="379" y="190"/>
                    </a:lnTo>
                    <a:lnTo>
                      <a:pt x="363" y="19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26" name="Freeform 722"/>
              <p:cNvSpPr>
                <a:spLocks noEditPoints="1"/>
              </p:cNvSpPr>
              <p:nvPr/>
            </p:nvSpPr>
            <p:spPr bwMode="auto">
              <a:xfrm>
                <a:off x="12634913" y="6240463"/>
                <a:ext cx="284163" cy="336550"/>
              </a:xfrm>
              <a:custGeom>
                <a:avLst/>
                <a:gdLst/>
                <a:ahLst/>
                <a:cxnLst>
                  <a:cxn ang="0">
                    <a:pos x="163" y="39"/>
                  </a:cxn>
                  <a:cxn ang="0">
                    <a:pos x="144" y="21"/>
                  </a:cxn>
                  <a:cxn ang="0">
                    <a:pos x="122" y="8"/>
                  </a:cxn>
                  <a:cxn ang="0">
                    <a:pos x="83" y="10"/>
                  </a:cxn>
                  <a:cxn ang="0">
                    <a:pos x="73" y="10"/>
                  </a:cxn>
                  <a:cxn ang="0">
                    <a:pos x="53" y="0"/>
                  </a:cxn>
                  <a:cxn ang="0">
                    <a:pos x="41" y="2"/>
                  </a:cxn>
                  <a:cxn ang="0">
                    <a:pos x="36" y="16"/>
                  </a:cxn>
                  <a:cxn ang="0">
                    <a:pos x="32" y="37"/>
                  </a:cxn>
                  <a:cxn ang="0">
                    <a:pos x="16" y="39"/>
                  </a:cxn>
                  <a:cxn ang="0">
                    <a:pos x="20" y="49"/>
                  </a:cxn>
                  <a:cxn ang="0">
                    <a:pos x="28" y="55"/>
                  </a:cxn>
                  <a:cxn ang="0">
                    <a:pos x="16" y="59"/>
                  </a:cxn>
                  <a:cxn ang="0">
                    <a:pos x="10" y="63"/>
                  </a:cxn>
                  <a:cxn ang="0">
                    <a:pos x="18" y="67"/>
                  </a:cxn>
                  <a:cxn ang="0">
                    <a:pos x="14" y="76"/>
                  </a:cxn>
                  <a:cxn ang="0">
                    <a:pos x="2" y="96"/>
                  </a:cxn>
                  <a:cxn ang="0">
                    <a:pos x="2" y="125"/>
                  </a:cxn>
                  <a:cxn ang="0">
                    <a:pos x="14" y="133"/>
                  </a:cxn>
                  <a:cxn ang="0">
                    <a:pos x="34" y="139"/>
                  </a:cxn>
                  <a:cxn ang="0">
                    <a:pos x="38" y="147"/>
                  </a:cxn>
                  <a:cxn ang="0">
                    <a:pos x="38" y="190"/>
                  </a:cxn>
                  <a:cxn ang="0">
                    <a:pos x="43" y="206"/>
                  </a:cxn>
                  <a:cxn ang="0">
                    <a:pos x="57" y="210"/>
                  </a:cxn>
                  <a:cxn ang="0">
                    <a:pos x="63" y="206"/>
                  </a:cxn>
                  <a:cxn ang="0">
                    <a:pos x="71" y="182"/>
                  </a:cxn>
                  <a:cxn ang="0">
                    <a:pos x="83" y="186"/>
                  </a:cxn>
                  <a:cxn ang="0">
                    <a:pos x="91" y="184"/>
                  </a:cxn>
                  <a:cxn ang="0">
                    <a:pos x="94" y="169"/>
                  </a:cxn>
                  <a:cxn ang="0">
                    <a:pos x="83" y="165"/>
                  </a:cxn>
                  <a:cxn ang="0">
                    <a:pos x="81" y="159"/>
                  </a:cxn>
                  <a:cxn ang="0">
                    <a:pos x="94" y="143"/>
                  </a:cxn>
                  <a:cxn ang="0">
                    <a:pos x="98" y="125"/>
                  </a:cxn>
                  <a:cxn ang="0">
                    <a:pos x="110" y="100"/>
                  </a:cxn>
                  <a:cxn ang="0">
                    <a:pos x="122" y="100"/>
                  </a:cxn>
                  <a:cxn ang="0">
                    <a:pos x="134" y="127"/>
                  </a:cxn>
                  <a:cxn ang="0">
                    <a:pos x="140" y="118"/>
                  </a:cxn>
                  <a:cxn ang="0">
                    <a:pos x="147" y="106"/>
                  </a:cxn>
                  <a:cxn ang="0">
                    <a:pos x="157" y="116"/>
                  </a:cxn>
                  <a:cxn ang="0">
                    <a:pos x="167" y="151"/>
                  </a:cxn>
                  <a:cxn ang="0">
                    <a:pos x="177" y="118"/>
                  </a:cxn>
                  <a:cxn ang="0">
                    <a:pos x="175" y="72"/>
                  </a:cxn>
                  <a:cxn ang="0">
                    <a:pos x="163" y="39"/>
                  </a:cxn>
                  <a:cxn ang="0">
                    <a:pos x="75" y="82"/>
                  </a:cxn>
                  <a:cxn ang="0">
                    <a:pos x="61" y="84"/>
                  </a:cxn>
                  <a:cxn ang="0">
                    <a:pos x="51" y="78"/>
                  </a:cxn>
                  <a:cxn ang="0">
                    <a:pos x="45" y="74"/>
                  </a:cxn>
                  <a:cxn ang="0">
                    <a:pos x="41" y="63"/>
                  </a:cxn>
                  <a:cxn ang="0">
                    <a:pos x="47" y="57"/>
                  </a:cxn>
                  <a:cxn ang="0">
                    <a:pos x="51" y="59"/>
                  </a:cxn>
                  <a:cxn ang="0">
                    <a:pos x="53" y="67"/>
                  </a:cxn>
                  <a:cxn ang="0">
                    <a:pos x="57" y="67"/>
                  </a:cxn>
                  <a:cxn ang="0">
                    <a:pos x="65" y="61"/>
                  </a:cxn>
                  <a:cxn ang="0">
                    <a:pos x="75" y="72"/>
                  </a:cxn>
                </a:cxnLst>
                <a:rect l="0" t="0" r="r" b="b"/>
                <a:pathLst>
                  <a:path w="179" h="212">
                    <a:moveTo>
                      <a:pt x="6" y="82"/>
                    </a:moveTo>
                    <a:lnTo>
                      <a:pt x="6" y="82"/>
                    </a:lnTo>
                    <a:close/>
                    <a:moveTo>
                      <a:pt x="163" y="39"/>
                    </a:moveTo>
                    <a:lnTo>
                      <a:pt x="163" y="39"/>
                    </a:lnTo>
                    <a:lnTo>
                      <a:pt x="155" y="29"/>
                    </a:lnTo>
                    <a:lnTo>
                      <a:pt x="144" y="21"/>
                    </a:lnTo>
                    <a:lnTo>
                      <a:pt x="134" y="14"/>
                    </a:lnTo>
                    <a:lnTo>
                      <a:pt x="122" y="8"/>
                    </a:lnTo>
                    <a:lnTo>
                      <a:pt x="122" y="8"/>
                    </a:lnTo>
                    <a:lnTo>
                      <a:pt x="110" y="4"/>
                    </a:lnTo>
                    <a:lnTo>
                      <a:pt x="104" y="4"/>
                    </a:lnTo>
                    <a:lnTo>
                      <a:pt x="83" y="10"/>
                    </a:lnTo>
                    <a:lnTo>
                      <a:pt x="83" y="10"/>
                    </a:lnTo>
                    <a:lnTo>
                      <a:pt x="79" y="12"/>
                    </a:lnTo>
                    <a:lnTo>
                      <a:pt x="73" y="10"/>
                    </a:lnTo>
                    <a:lnTo>
                      <a:pt x="65" y="6"/>
                    </a:lnTo>
                    <a:lnTo>
                      <a:pt x="57" y="0"/>
                    </a:lnTo>
                    <a:lnTo>
                      <a:pt x="53" y="0"/>
                    </a:lnTo>
                    <a:lnTo>
                      <a:pt x="47" y="0"/>
                    </a:lnTo>
                    <a:lnTo>
                      <a:pt x="47" y="0"/>
                    </a:lnTo>
                    <a:lnTo>
                      <a:pt x="41" y="2"/>
                    </a:lnTo>
                    <a:lnTo>
                      <a:pt x="38" y="6"/>
                    </a:lnTo>
                    <a:lnTo>
                      <a:pt x="36" y="10"/>
                    </a:lnTo>
                    <a:lnTo>
                      <a:pt x="36" y="16"/>
                    </a:lnTo>
                    <a:lnTo>
                      <a:pt x="36" y="29"/>
                    </a:lnTo>
                    <a:lnTo>
                      <a:pt x="36" y="35"/>
                    </a:lnTo>
                    <a:lnTo>
                      <a:pt x="32" y="37"/>
                    </a:lnTo>
                    <a:lnTo>
                      <a:pt x="32" y="37"/>
                    </a:lnTo>
                    <a:lnTo>
                      <a:pt x="18" y="39"/>
                    </a:lnTo>
                    <a:lnTo>
                      <a:pt x="16" y="39"/>
                    </a:lnTo>
                    <a:lnTo>
                      <a:pt x="14" y="41"/>
                    </a:lnTo>
                    <a:lnTo>
                      <a:pt x="16" y="43"/>
                    </a:lnTo>
                    <a:lnTo>
                      <a:pt x="20" y="49"/>
                    </a:lnTo>
                    <a:lnTo>
                      <a:pt x="20" y="49"/>
                    </a:lnTo>
                    <a:lnTo>
                      <a:pt x="26" y="53"/>
                    </a:lnTo>
                    <a:lnTo>
                      <a:pt x="28" y="55"/>
                    </a:lnTo>
                    <a:lnTo>
                      <a:pt x="26" y="57"/>
                    </a:lnTo>
                    <a:lnTo>
                      <a:pt x="24" y="57"/>
                    </a:lnTo>
                    <a:lnTo>
                      <a:pt x="16" y="59"/>
                    </a:lnTo>
                    <a:lnTo>
                      <a:pt x="12" y="61"/>
                    </a:lnTo>
                    <a:lnTo>
                      <a:pt x="10" y="63"/>
                    </a:lnTo>
                    <a:lnTo>
                      <a:pt x="10" y="63"/>
                    </a:lnTo>
                    <a:lnTo>
                      <a:pt x="14" y="67"/>
                    </a:lnTo>
                    <a:lnTo>
                      <a:pt x="18" y="67"/>
                    </a:lnTo>
                    <a:lnTo>
                      <a:pt x="18" y="67"/>
                    </a:lnTo>
                    <a:lnTo>
                      <a:pt x="18" y="69"/>
                    </a:lnTo>
                    <a:lnTo>
                      <a:pt x="18" y="72"/>
                    </a:lnTo>
                    <a:lnTo>
                      <a:pt x="14" y="76"/>
                    </a:lnTo>
                    <a:lnTo>
                      <a:pt x="6" y="82"/>
                    </a:lnTo>
                    <a:lnTo>
                      <a:pt x="6" y="82"/>
                    </a:lnTo>
                    <a:lnTo>
                      <a:pt x="2" y="96"/>
                    </a:lnTo>
                    <a:lnTo>
                      <a:pt x="0" y="110"/>
                    </a:lnTo>
                    <a:lnTo>
                      <a:pt x="0" y="118"/>
                    </a:lnTo>
                    <a:lnTo>
                      <a:pt x="2" y="125"/>
                    </a:lnTo>
                    <a:lnTo>
                      <a:pt x="6" y="129"/>
                    </a:lnTo>
                    <a:lnTo>
                      <a:pt x="14" y="133"/>
                    </a:lnTo>
                    <a:lnTo>
                      <a:pt x="14" y="133"/>
                    </a:lnTo>
                    <a:lnTo>
                      <a:pt x="22" y="135"/>
                    </a:lnTo>
                    <a:lnTo>
                      <a:pt x="28" y="137"/>
                    </a:lnTo>
                    <a:lnTo>
                      <a:pt x="34" y="139"/>
                    </a:lnTo>
                    <a:lnTo>
                      <a:pt x="36" y="143"/>
                    </a:lnTo>
                    <a:lnTo>
                      <a:pt x="38" y="147"/>
                    </a:lnTo>
                    <a:lnTo>
                      <a:pt x="38" y="147"/>
                    </a:lnTo>
                    <a:lnTo>
                      <a:pt x="38" y="159"/>
                    </a:lnTo>
                    <a:lnTo>
                      <a:pt x="38" y="169"/>
                    </a:lnTo>
                    <a:lnTo>
                      <a:pt x="38" y="190"/>
                    </a:lnTo>
                    <a:lnTo>
                      <a:pt x="38" y="190"/>
                    </a:lnTo>
                    <a:lnTo>
                      <a:pt x="38" y="198"/>
                    </a:lnTo>
                    <a:lnTo>
                      <a:pt x="43" y="206"/>
                    </a:lnTo>
                    <a:lnTo>
                      <a:pt x="49" y="210"/>
                    </a:lnTo>
                    <a:lnTo>
                      <a:pt x="53" y="212"/>
                    </a:lnTo>
                    <a:lnTo>
                      <a:pt x="57" y="210"/>
                    </a:lnTo>
                    <a:lnTo>
                      <a:pt x="57" y="210"/>
                    </a:lnTo>
                    <a:lnTo>
                      <a:pt x="59" y="208"/>
                    </a:lnTo>
                    <a:lnTo>
                      <a:pt x="63" y="206"/>
                    </a:lnTo>
                    <a:lnTo>
                      <a:pt x="67" y="198"/>
                    </a:lnTo>
                    <a:lnTo>
                      <a:pt x="71" y="182"/>
                    </a:lnTo>
                    <a:lnTo>
                      <a:pt x="71" y="182"/>
                    </a:lnTo>
                    <a:lnTo>
                      <a:pt x="75" y="180"/>
                    </a:lnTo>
                    <a:lnTo>
                      <a:pt x="77" y="180"/>
                    </a:lnTo>
                    <a:lnTo>
                      <a:pt x="83" y="186"/>
                    </a:lnTo>
                    <a:lnTo>
                      <a:pt x="87" y="188"/>
                    </a:lnTo>
                    <a:lnTo>
                      <a:pt x="89" y="188"/>
                    </a:lnTo>
                    <a:lnTo>
                      <a:pt x="91" y="184"/>
                    </a:lnTo>
                    <a:lnTo>
                      <a:pt x="94" y="175"/>
                    </a:lnTo>
                    <a:lnTo>
                      <a:pt x="94" y="175"/>
                    </a:lnTo>
                    <a:lnTo>
                      <a:pt x="94" y="169"/>
                    </a:lnTo>
                    <a:lnTo>
                      <a:pt x="91" y="167"/>
                    </a:lnTo>
                    <a:lnTo>
                      <a:pt x="87" y="165"/>
                    </a:lnTo>
                    <a:lnTo>
                      <a:pt x="83" y="165"/>
                    </a:lnTo>
                    <a:lnTo>
                      <a:pt x="83" y="163"/>
                    </a:lnTo>
                    <a:lnTo>
                      <a:pt x="81" y="159"/>
                    </a:lnTo>
                    <a:lnTo>
                      <a:pt x="81" y="159"/>
                    </a:lnTo>
                    <a:lnTo>
                      <a:pt x="83" y="153"/>
                    </a:lnTo>
                    <a:lnTo>
                      <a:pt x="89" y="147"/>
                    </a:lnTo>
                    <a:lnTo>
                      <a:pt x="94" y="143"/>
                    </a:lnTo>
                    <a:lnTo>
                      <a:pt x="96" y="137"/>
                    </a:lnTo>
                    <a:lnTo>
                      <a:pt x="96" y="137"/>
                    </a:lnTo>
                    <a:lnTo>
                      <a:pt x="98" y="125"/>
                    </a:lnTo>
                    <a:lnTo>
                      <a:pt x="102" y="110"/>
                    </a:lnTo>
                    <a:lnTo>
                      <a:pt x="106" y="104"/>
                    </a:lnTo>
                    <a:lnTo>
                      <a:pt x="110" y="100"/>
                    </a:lnTo>
                    <a:lnTo>
                      <a:pt x="116" y="98"/>
                    </a:lnTo>
                    <a:lnTo>
                      <a:pt x="122" y="100"/>
                    </a:lnTo>
                    <a:lnTo>
                      <a:pt x="122" y="100"/>
                    </a:lnTo>
                    <a:lnTo>
                      <a:pt x="126" y="108"/>
                    </a:lnTo>
                    <a:lnTo>
                      <a:pt x="130" y="120"/>
                    </a:lnTo>
                    <a:lnTo>
                      <a:pt x="134" y="127"/>
                    </a:lnTo>
                    <a:lnTo>
                      <a:pt x="136" y="129"/>
                    </a:lnTo>
                    <a:lnTo>
                      <a:pt x="138" y="127"/>
                    </a:lnTo>
                    <a:lnTo>
                      <a:pt x="140" y="118"/>
                    </a:lnTo>
                    <a:lnTo>
                      <a:pt x="140" y="118"/>
                    </a:lnTo>
                    <a:lnTo>
                      <a:pt x="144" y="108"/>
                    </a:lnTo>
                    <a:lnTo>
                      <a:pt x="147" y="106"/>
                    </a:lnTo>
                    <a:lnTo>
                      <a:pt x="149" y="106"/>
                    </a:lnTo>
                    <a:lnTo>
                      <a:pt x="153" y="110"/>
                    </a:lnTo>
                    <a:lnTo>
                      <a:pt x="157" y="116"/>
                    </a:lnTo>
                    <a:lnTo>
                      <a:pt x="163" y="135"/>
                    </a:lnTo>
                    <a:lnTo>
                      <a:pt x="167" y="151"/>
                    </a:lnTo>
                    <a:lnTo>
                      <a:pt x="167" y="151"/>
                    </a:lnTo>
                    <a:lnTo>
                      <a:pt x="171" y="143"/>
                    </a:lnTo>
                    <a:lnTo>
                      <a:pt x="175" y="133"/>
                    </a:lnTo>
                    <a:lnTo>
                      <a:pt x="177" y="118"/>
                    </a:lnTo>
                    <a:lnTo>
                      <a:pt x="179" y="104"/>
                    </a:lnTo>
                    <a:lnTo>
                      <a:pt x="179" y="88"/>
                    </a:lnTo>
                    <a:lnTo>
                      <a:pt x="175" y="72"/>
                    </a:lnTo>
                    <a:lnTo>
                      <a:pt x="171" y="55"/>
                    </a:lnTo>
                    <a:lnTo>
                      <a:pt x="163" y="39"/>
                    </a:lnTo>
                    <a:lnTo>
                      <a:pt x="163" y="39"/>
                    </a:lnTo>
                    <a:close/>
                    <a:moveTo>
                      <a:pt x="77" y="80"/>
                    </a:moveTo>
                    <a:lnTo>
                      <a:pt x="77" y="80"/>
                    </a:lnTo>
                    <a:lnTo>
                      <a:pt x="75" y="82"/>
                    </a:lnTo>
                    <a:lnTo>
                      <a:pt x="73" y="84"/>
                    </a:lnTo>
                    <a:lnTo>
                      <a:pt x="67" y="86"/>
                    </a:lnTo>
                    <a:lnTo>
                      <a:pt x="61" y="84"/>
                    </a:lnTo>
                    <a:lnTo>
                      <a:pt x="55" y="82"/>
                    </a:lnTo>
                    <a:lnTo>
                      <a:pt x="55" y="82"/>
                    </a:lnTo>
                    <a:lnTo>
                      <a:pt x="51" y="78"/>
                    </a:lnTo>
                    <a:lnTo>
                      <a:pt x="51" y="78"/>
                    </a:lnTo>
                    <a:lnTo>
                      <a:pt x="45" y="74"/>
                    </a:lnTo>
                    <a:lnTo>
                      <a:pt x="45" y="74"/>
                    </a:lnTo>
                    <a:lnTo>
                      <a:pt x="41" y="69"/>
                    </a:lnTo>
                    <a:lnTo>
                      <a:pt x="41" y="65"/>
                    </a:lnTo>
                    <a:lnTo>
                      <a:pt x="41" y="63"/>
                    </a:lnTo>
                    <a:lnTo>
                      <a:pt x="41" y="63"/>
                    </a:lnTo>
                    <a:lnTo>
                      <a:pt x="43" y="59"/>
                    </a:lnTo>
                    <a:lnTo>
                      <a:pt x="47" y="57"/>
                    </a:lnTo>
                    <a:lnTo>
                      <a:pt x="49" y="57"/>
                    </a:lnTo>
                    <a:lnTo>
                      <a:pt x="49" y="57"/>
                    </a:lnTo>
                    <a:lnTo>
                      <a:pt x="51" y="59"/>
                    </a:lnTo>
                    <a:lnTo>
                      <a:pt x="51" y="61"/>
                    </a:lnTo>
                    <a:lnTo>
                      <a:pt x="51" y="65"/>
                    </a:lnTo>
                    <a:lnTo>
                      <a:pt x="53" y="67"/>
                    </a:lnTo>
                    <a:lnTo>
                      <a:pt x="53" y="67"/>
                    </a:lnTo>
                    <a:lnTo>
                      <a:pt x="55" y="69"/>
                    </a:lnTo>
                    <a:lnTo>
                      <a:pt x="57" y="67"/>
                    </a:lnTo>
                    <a:lnTo>
                      <a:pt x="61" y="61"/>
                    </a:lnTo>
                    <a:lnTo>
                      <a:pt x="61" y="61"/>
                    </a:lnTo>
                    <a:lnTo>
                      <a:pt x="65" y="61"/>
                    </a:lnTo>
                    <a:lnTo>
                      <a:pt x="67" y="61"/>
                    </a:lnTo>
                    <a:lnTo>
                      <a:pt x="73" y="65"/>
                    </a:lnTo>
                    <a:lnTo>
                      <a:pt x="75" y="72"/>
                    </a:lnTo>
                    <a:lnTo>
                      <a:pt x="77" y="80"/>
                    </a:lnTo>
                    <a:lnTo>
                      <a:pt x="77" y="8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27" name="Line 723"/>
              <p:cNvSpPr>
                <a:spLocks noChangeShapeType="1"/>
              </p:cNvSpPr>
              <p:nvPr/>
            </p:nvSpPr>
            <p:spPr bwMode="auto">
              <a:xfrm>
                <a:off x="12644438" y="6370638"/>
                <a:ext cx="1588" cy="1588"/>
              </a:xfrm>
              <a:prstGeom prst="line">
                <a:avLst/>
              </a:pr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28" name="Freeform 724"/>
              <p:cNvSpPr>
                <a:spLocks/>
              </p:cNvSpPr>
              <p:nvPr/>
            </p:nvSpPr>
            <p:spPr bwMode="auto">
              <a:xfrm>
                <a:off x="12634913" y="6240463"/>
                <a:ext cx="284163" cy="336550"/>
              </a:xfrm>
              <a:custGeom>
                <a:avLst/>
                <a:gdLst/>
                <a:ahLst/>
                <a:cxnLst>
                  <a:cxn ang="0">
                    <a:pos x="163" y="39"/>
                  </a:cxn>
                  <a:cxn ang="0">
                    <a:pos x="144" y="21"/>
                  </a:cxn>
                  <a:cxn ang="0">
                    <a:pos x="122" y="8"/>
                  </a:cxn>
                  <a:cxn ang="0">
                    <a:pos x="110" y="4"/>
                  </a:cxn>
                  <a:cxn ang="0">
                    <a:pos x="83" y="10"/>
                  </a:cxn>
                  <a:cxn ang="0">
                    <a:pos x="79" y="12"/>
                  </a:cxn>
                  <a:cxn ang="0">
                    <a:pos x="65" y="6"/>
                  </a:cxn>
                  <a:cxn ang="0">
                    <a:pos x="53" y="0"/>
                  </a:cxn>
                  <a:cxn ang="0">
                    <a:pos x="47" y="0"/>
                  </a:cxn>
                  <a:cxn ang="0">
                    <a:pos x="38" y="6"/>
                  </a:cxn>
                  <a:cxn ang="0">
                    <a:pos x="36" y="16"/>
                  </a:cxn>
                  <a:cxn ang="0">
                    <a:pos x="36" y="35"/>
                  </a:cxn>
                  <a:cxn ang="0">
                    <a:pos x="32" y="37"/>
                  </a:cxn>
                  <a:cxn ang="0">
                    <a:pos x="16" y="39"/>
                  </a:cxn>
                  <a:cxn ang="0">
                    <a:pos x="16" y="43"/>
                  </a:cxn>
                  <a:cxn ang="0">
                    <a:pos x="20" y="49"/>
                  </a:cxn>
                  <a:cxn ang="0">
                    <a:pos x="28" y="55"/>
                  </a:cxn>
                  <a:cxn ang="0">
                    <a:pos x="24" y="57"/>
                  </a:cxn>
                  <a:cxn ang="0">
                    <a:pos x="12" y="61"/>
                  </a:cxn>
                  <a:cxn ang="0">
                    <a:pos x="10" y="63"/>
                  </a:cxn>
                  <a:cxn ang="0">
                    <a:pos x="18" y="67"/>
                  </a:cxn>
                  <a:cxn ang="0">
                    <a:pos x="18" y="69"/>
                  </a:cxn>
                  <a:cxn ang="0">
                    <a:pos x="14" y="76"/>
                  </a:cxn>
                  <a:cxn ang="0">
                    <a:pos x="6" y="82"/>
                  </a:cxn>
                  <a:cxn ang="0">
                    <a:pos x="0" y="110"/>
                  </a:cxn>
                  <a:cxn ang="0">
                    <a:pos x="2" y="125"/>
                  </a:cxn>
                  <a:cxn ang="0">
                    <a:pos x="14" y="133"/>
                  </a:cxn>
                  <a:cxn ang="0">
                    <a:pos x="22" y="135"/>
                  </a:cxn>
                  <a:cxn ang="0">
                    <a:pos x="34" y="139"/>
                  </a:cxn>
                  <a:cxn ang="0">
                    <a:pos x="38" y="147"/>
                  </a:cxn>
                  <a:cxn ang="0">
                    <a:pos x="38" y="159"/>
                  </a:cxn>
                  <a:cxn ang="0">
                    <a:pos x="38" y="190"/>
                  </a:cxn>
                  <a:cxn ang="0">
                    <a:pos x="38" y="198"/>
                  </a:cxn>
                  <a:cxn ang="0">
                    <a:pos x="49" y="210"/>
                  </a:cxn>
                  <a:cxn ang="0">
                    <a:pos x="57" y="210"/>
                  </a:cxn>
                  <a:cxn ang="0">
                    <a:pos x="59" y="208"/>
                  </a:cxn>
                  <a:cxn ang="0">
                    <a:pos x="67" y="198"/>
                  </a:cxn>
                  <a:cxn ang="0">
                    <a:pos x="71" y="182"/>
                  </a:cxn>
                  <a:cxn ang="0">
                    <a:pos x="77" y="180"/>
                  </a:cxn>
                  <a:cxn ang="0">
                    <a:pos x="87" y="188"/>
                  </a:cxn>
                  <a:cxn ang="0">
                    <a:pos x="91" y="184"/>
                  </a:cxn>
                  <a:cxn ang="0">
                    <a:pos x="94" y="175"/>
                  </a:cxn>
                  <a:cxn ang="0">
                    <a:pos x="91" y="167"/>
                  </a:cxn>
                  <a:cxn ang="0">
                    <a:pos x="83" y="165"/>
                  </a:cxn>
                  <a:cxn ang="0">
                    <a:pos x="81" y="159"/>
                  </a:cxn>
                  <a:cxn ang="0">
                    <a:pos x="83" y="153"/>
                  </a:cxn>
                  <a:cxn ang="0">
                    <a:pos x="94" y="143"/>
                  </a:cxn>
                  <a:cxn ang="0">
                    <a:pos x="96" y="137"/>
                  </a:cxn>
                  <a:cxn ang="0">
                    <a:pos x="102" y="110"/>
                  </a:cxn>
                  <a:cxn ang="0">
                    <a:pos x="110" y="100"/>
                  </a:cxn>
                  <a:cxn ang="0">
                    <a:pos x="122" y="100"/>
                  </a:cxn>
                  <a:cxn ang="0">
                    <a:pos x="126" y="108"/>
                  </a:cxn>
                  <a:cxn ang="0">
                    <a:pos x="134" y="127"/>
                  </a:cxn>
                  <a:cxn ang="0">
                    <a:pos x="138" y="127"/>
                  </a:cxn>
                  <a:cxn ang="0">
                    <a:pos x="140" y="118"/>
                  </a:cxn>
                  <a:cxn ang="0">
                    <a:pos x="147" y="106"/>
                  </a:cxn>
                  <a:cxn ang="0">
                    <a:pos x="153" y="110"/>
                  </a:cxn>
                  <a:cxn ang="0">
                    <a:pos x="163" y="135"/>
                  </a:cxn>
                  <a:cxn ang="0">
                    <a:pos x="167" y="151"/>
                  </a:cxn>
                  <a:cxn ang="0">
                    <a:pos x="175" y="133"/>
                  </a:cxn>
                  <a:cxn ang="0">
                    <a:pos x="179" y="104"/>
                  </a:cxn>
                  <a:cxn ang="0">
                    <a:pos x="175" y="72"/>
                  </a:cxn>
                  <a:cxn ang="0">
                    <a:pos x="163" y="39"/>
                  </a:cxn>
                </a:cxnLst>
                <a:rect l="0" t="0" r="r" b="b"/>
                <a:pathLst>
                  <a:path w="179" h="212">
                    <a:moveTo>
                      <a:pt x="163" y="39"/>
                    </a:moveTo>
                    <a:lnTo>
                      <a:pt x="163" y="39"/>
                    </a:lnTo>
                    <a:lnTo>
                      <a:pt x="155" y="29"/>
                    </a:lnTo>
                    <a:lnTo>
                      <a:pt x="144" y="21"/>
                    </a:lnTo>
                    <a:lnTo>
                      <a:pt x="134" y="14"/>
                    </a:lnTo>
                    <a:lnTo>
                      <a:pt x="122" y="8"/>
                    </a:lnTo>
                    <a:lnTo>
                      <a:pt x="122" y="8"/>
                    </a:lnTo>
                    <a:lnTo>
                      <a:pt x="110" y="4"/>
                    </a:lnTo>
                    <a:lnTo>
                      <a:pt x="104" y="4"/>
                    </a:lnTo>
                    <a:lnTo>
                      <a:pt x="83" y="10"/>
                    </a:lnTo>
                    <a:lnTo>
                      <a:pt x="83" y="10"/>
                    </a:lnTo>
                    <a:lnTo>
                      <a:pt x="79" y="12"/>
                    </a:lnTo>
                    <a:lnTo>
                      <a:pt x="73" y="10"/>
                    </a:lnTo>
                    <a:lnTo>
                      <a:pt x="65" y="6"/>
                    </a:lnTo>
                    <a:lnTo>
                      <a:pt x="57" y="0"/>
                    </a:lnTo>
                    <a:lnTo>
                      <a:pt x="53" y="0"/>
                    </a:lnTo>
                    <a:lnTo>
                      <a:pt x="47" y="0"/>
                    </a:lnTo>
                    <a:lnTo>
                      <a:pt x="47" y="0"/>
                    </a:lnTo>
                    <a:lnTo>
                      <a:pt x="41" y="2"/>
                    </a:lnTo>
                    <a:lnTo>
                      <a:pt x="38" y="6"/>
                    </a:lnTo>
                    <a:lnTo>
                      <a:pt x="36" y="10"/>
                    </a:lnTo>
                    <a:lnTo>
                      <a:pt x="36" y="16"/>
                    </a:lnTo>
                    <a:lnTo>
                      <a:pt x="36" y="29"/>
                    </a:lnTo>
                    <a:lnTo>
                      <a:pt x="36" y="35"/>
                    </a:lnTo>
                    <a:lnTo>
                      <a:pt x="32" y="37"/>
                    </a:lnTo>
                    <a:lnTo>
                      <a:pt x="32" y="37"/>
                    </a:lnTo>
                    <a:lnTo>
                      <a:pt x="18" y="39"/>
                    </a:lnTo>
                    <a:lnTo>
                      <a:pt x="16" y="39"/>
                    </a:lnTo>
                    <a:lnTo>
                      <a:pt x="14" y="41"/>
                    </a:lnTo>
                    <a:lnTo>
                      <a:pt x="16" y="43"/>
                    </a:lnTo>
                    <a:lnTo>
                      <a:pt x="20" y="49"/>
                    </a:lnTo>
                    <a:lnTo>
                      <a:pt x="20" y="49"/>
                    </a:lnTo>
                    <a:lnTo>
                      <a:pt x="26" y="53"/>
                    </a:lnTo>
                    <a:lnTo>
                      <a:pt x="28" y="55"/>
                    </a:lnTo>
                    <a:lnTo>
                      <a:pt x="26" y="57"/>
                    </a:lnTo>
                    <a:lnTo>
                      <a:pt x="24" y="57"/>
                    </a:lnTo>
                    <a:lnTo>
                      <a:pt x="16" y="59"/>
                    </a:lnTo>
                    <a:lnTo>
                      <a:pt x="12" y="61"/>
                    </a:lnTo>
                    <a:lnTo>
                      <a:pt x="10" y="63"/>
                    </a:lnTo>
                    <a:lnTo>
                      <a:pt x="10" y="63"/>
                    </a:lnTo>
                    <a:lnTo>
                      <a:pt x="14" y="67"/>
                    </a:lnTo>
                    <a:lnTo>
                      <a:pt x="18" y="67"/>
                    </a:lnTo>
                    <a:lnTo>
                      <a:pt x="18" y="67"/>
                    </a:lnTo>
                    <a:lnTo>
                      <a:pt x="18" y="69"/>
                    </a:lnTo>
                    <a:lnTo>
                      <a:pt x="18" y="72"/>
                    </a:lnTo>
                    <a:lnTo>
                      <a:pt x="14" y="76"/>
                    </a:lnTo>
                    <a:lnTo>
                      <a:pt x="6" y="82"/>
                    </a:lnTo>
                    <a:lnTo>
                      <a:pt x="6" y="82"/>
                    </a:lnTo>
                    <a:lnTo>
                      <a:pt x="2" y="96"/>
                    </a:lnTo>
                    <a:lnTo>
                      <a:pt x="0" y="110"/>
                    </a:lnTo>
                    <a:lnTo>
                      <a:pt x="0" y="118"/>
                    </a:lnTo>
                    <a:lnTo>
                      <a:pt x="2" y="125"/>
                    </a:lnTo>
                    <a:lnTo>
                      <a:pt x="6" y="129"/>
                    </a:lnTo>
                    <a:lnTo>
                      <a:pt x="14" y="133"/>
                    </a:lnTo>
                    <a:lnTo>
                      <a:pt x="14" y="133"/>
                    </a:lnTo>
                    <a:lnTo>
                      <a:pt x="22" y="135"/>
                    </a:lnTo>
                    <a:lnTo>
                      <a:pt x="28" y="137"/>
                    </a:lnTo>
                    <a:lnTo>
                      <a:pt x="34" y="139"/>
                    </a:lnTo>
                    <a:lnTo>
                      <a:pt x="36" y="143"/>
                    </a:lnTo>
                    <a:lnTo>
                      <a:pt x="38" y="147"/>
                    </a:lnTo>
                    <a:lnTo>
                      <a:pt x="38" y="147"/>
                    </a:lnTo>
                    <a:lnTo>
                      <a:pt x="38" y="159"/>
                    </a:lnTo>
                    <a:lnTo>
                      <a:pt x="38" y="169"/>
                    </a:lnTo>
                    <a:lnTo>
                      <a:pt x="38" y="190"/>
                    </a:lnTo>
                    <a:lnTo>
                      <a:pt x="38" y="190"/>
                    </a:lnTo>
                    <a:lnTo>
                      <a:pt x="38" y="198"/>
                    </a:lnTo>
                    <a:lnTo>
                      <a:pt x="43" y="206"/>
                    </a:lnTo>
                    <a:lnTo>
                      <a:pt x="49" y="210"/>
                    </a:lnTo>
                    <a:lnTo>
                      <a:pt x="53" y="212"/>
                    </a:lnTo>
                    <a:lnTo>
                      <a:pt x="57" y="210"/>
                    </a:lnTo>
                    <a:lnTo>
                      <a:pt x="57" y="210"/>
                    </a:lnTo>
                    <a:lnTo>
                      <a:pt x="59" y="208"/>
                    </a:lnTo>
                    <a:lnTo>
                      <a:pt x="63" y="206"/>
                    </a:lnTo>
                    <a:lnTo>
                      <a:pt x="67" y="198"/>
                    </a:lnTo>
                    <a:lnTo>
                      <a:pt x="71" y="182"/>
                    </a:lnTo>
                    <a:lnTo>
                      <a:pt x="71" y="182"/>
                    </a:lnTo>
                    <a:lnTo>
                      <a:pt x="75" y="180"/>
                    </a:lnTo>
                    <a:lnTo>
                      <a:pt x="77" y="180"/>
                    </a:lnTo>
                    <a:lnTo>
                      <a:pt x="83" y="186"/>
                    </a:lnTo>
                    <a:lnTo>
                      <a:pt x="87" y="188"/>
                    </a:lnTo>
                    <a:lnTo>
                      <a:pt x="89" y="188"/>
                    </a:lnTo>
                    <a:lnTo>
                      <a:pt x="91" y="184"/>
                    </a:lnTo>
                    <a:lnTo>
                      <a:pt x="94" y="175"/>
                    </a:lnTo>
                    <a:lnTo>
                      <a:pt x="94" y="175"/>
                    </a:lnTo>
                    <a:lnTo>
                      <a:pt x="94" y="169"/>
                    </a:lnTo>
                    <a:lnTo>
                      <a:pt x="91" y="167"/>
                    </a:lnTo>
                    <a:lnTo>
                      <a:pt x="87" y="165"/>
                    </a:lnTo>
                    <a:lnTo>
                      <a:pt x="83" y="165"/>
                    </a:lnTo>
                    <a:lnTo>
                      <a:pt x="83" y="163"/>
                    </a:lnTo>
                    <a:lnTo>
                      <a:pt x="81" y="159"/>
                    </a:lnTo>
                    <a:lnTo>
                      <a:pt x="81" y="159"/>
                    </a:lnTo>
                    <a:lnTo>
                      <a:pt x="83" y="153"/>
                    </a:lnTo>
                    <a:lnTo>
                      <a:pt x="89" y="147"/>
                    </a:lnTo>
                    <a:lnTo>
                      <a:pt x="94" y="143"/>
                    </a:lnTo>
                    <a:lnTo>
                      <a:pt x="96" y="137"/>
                    </a:lnTo>
                    <a:lnTo>
                      <a:pt x="96" y="137"/>
                    </a:lnTo>
                    <a:lnTo>
                      <a:pt x="98" y="125"/>
                    </a:lnTo>
                    <a:lnTo>
                      <a:pt x="102" y="110"/>
                    </a:lnTo>
                    <a:lnTo>
                      <a:pt x="106" y="104"/>
                    </a:lnTo>
                    <a:lnTo>
                      <a:pt x="110" y="100"/>
                    </a:lnTo>
                    <a:lnTo>
                      <a:pt x="116" y="98"/>
                    </a:lnTo>
                    <a:lnTo>
                      <a:pt x="122" y="100"/>
                    </a:lnTo>
                    <a:lnTo>
                      <a:pt x="122" y="100"/>
                    </a:lnTo>
                    <a:lnTo>
                      <a:pt x="126" y="108"/>
                    </a:lnTo>
                    <a:lnTo>
                      <a:pt x="130" y="120"/>
                    </a:lnTo>
                    <a:lnTo>
                      <a:pt x="134" y="127"/>
                    </a:lnTo>
                    <a:lnTo>
                      <a:pt x="136" y="129"/>
                    </a:lnTo>
                    <a:lnTo>
                      <a:pt x="138" y="127"/>
                    </a:lnTo>
                    <a:lnTo>
                      <a:pt x="140" y="118"/>
                    </a:lnTo>
                    <a:lnTo>
                      <a:pt x="140" y="118"/>
                    </a:lnTo>
                    <a:lnTo>
                      <a:pt x="144" y="108"/>
                    </a:lnTo>
                    <a:lnTo>
                      <a:pt x="147" y="106"/>
                    </a:lnTo>
                    <a:lnTo>
                      <a:pt x="149" y="106"/>
                    </a:lnTo>
                    <a:lnTo>
                      <a:pt x="153" y="110"/>
                    </a:lnTo>
                    <a:lnTo>
                      <a:pt x="157" y="116"/>
                    </a:lnTo>
                    <a:lnTo>
                      <a:pt x="163" y="135"/>
                    </a:lnTo>
                    <a:lnTo>
                      <a:pt x="167" y="151"/>
                    </a:lnTo>
                    <a:lnTo>
                      <a:pt x="167" y="151"/>
                    </a:lnTo>
                    <a:lnTo>
                      <a:pt x="171" y="143"/>
                    </a:lnTo>
                    <a:lnTo>
                      <a:pt x="175" y="133"/>
                    </a:lnTo>
                    <a:lnTo>
                      <a:pt x="177" y="118"/>
                    </a:lnTo>
                    <a:lnTo>
                      <a:pt x="179" y="104"/>
                    </a:lnTo>
                    <a:lnTo>
                      <a:pt x="179" y="88"/>
                    </a:lnTo>
                    <a:lnTo>
                      <a:pt x="175" y="72"/>
                    </a:lnTo>
                    <a:lnTo>
                      <a:pt x="171" y="55"/>
                    </a:lnTo>
                    <a:lnTo>
                      <a:pt x="163" y="39"/>
                    </a:lnTo>
                    <a:lnTo>
                      <a:pt x="163" y="39"/>
                    </a:lnTo>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29" name="Freeform 725"/>
              <p:cNvSpPr>
                <a:spLocks/>
              </p:cNvSpPr>
              <p:nvPr/>
            </p:nvSpPr>
            <p:spPr bwMode="auto">
              <a:xfrm>
                <a:off x="12700000" y="6330950"/>
                <a:ext cx="57150" cy="46038"/>
              </a:xfrm>
              <a:custGeom>
                <a:avLst/>
                <a:gdLst/>
                <a:ahLst/>
                <a:cxnLst>
                  <a:cxn ang="0">
                    <a:pos x="36" y="23"/>
                  </a:cxn>
                  <a:cxn ang="0">
                    <a:pos x="36" y="23"/>
                  </a:cxn>
                  <a:cxn ang="0">
                    <a:pos x="34" y="25"/>
                  </a:cxn>
                  <a:cxn ang="0">
                    <a:pos x="32" y="27"/>
                  </a:cxn>
                  <a:cxn ang="0">
                    <a:pos x="26" y="29"/>
                  </a:cxn>
                  <a:cxn ang="0">
                    <a:pos x="20" y="27"/>
                  </a:cxn>
                  <a:cxn ang="0">
                    <a:pos x="14" y="25"/>
                  </a:cxn>
                  <a:cxn ang="0">
                    <a:pos x="14" y="25"/>
                  </a:cxn>
                  <a:cxn ang="0">
                    <a:pos x="10" y="21"/>
                  </a:cxn>
                  <a:cxn ang="0">
                    <a:pos x="10" y="21"/>
                  </a:cxn>
                  <a:cxn ang="0">
                    <a:pos x="4" y="17"/>
                  </a:cxn>
                  <a:cxn ang="0">
                    <a:pos x="4" y="17"/>
                  </a:cxn>
                  <a:cxn ang="0">
                    <a:pos x="0" y="12"/>
                  </a:cxn>
                  <a:cxn ang="0">
                    <a:pos x="0" y="8"/>
                  </a:cxn>
                  <a:cxn ang="0">
                    <a:pos x="0" y="6"/>
                  </a:cxn>
                  <a:cxn ang="0">
                    <a:pos x="0" y="6"/>
                  </a:cxn>
                  <a:cxn ang="0">
                    <a:pos x="2" y="2"/>
                  </a:cxn>
                  <a:cxn ang="0">
                    <a:pos x="6" y="0"/>
                  </a:cxn>
                  <a:cxn ang="0">
                    <a:pos x="8" y="0"/>
                  </a:cxn>
                  <a:cxn ang="0">
                    <a:pos x="8" y="0"/>
                  </a:cxn>
                  <a:cxn ang="0">
                    <a:pos x="10" y="2"/>
                  </a:cxn>
                  <a:cxn ang="0">
                    <a:pos x="10" y="4"/>
                  </a:cxn>
                  <a:cxn ang="0">
                    <a:pos x="10" y="8"/>
                  </a:cxn>
                  <a:cxn ang="0">
                    <a:pos x="12" y="10"/>
                  </a:cxn>
                  <a:cxn ang="0">
                    <a:pos x="12" y="10"/>
                  </a:cxn>
                  <a:cxn ang="0">
                    <a:pos x="14" y="12"/>
                  </a:cxn>
                  <a:cxn ang="0">
                    <a:pos x="16" y="10"/>
                  </a:cxn>
                  <a:cxn ang="0">
                    <a:pos x="20" y="4"/>
                  </a:cxn>
                  <a:cxn ang="0">
                    <a:pos x="20" y="4"/>
                  </a:cxn>
                  <a:cxn ang="0">
                    <a:pos x="24" y="4"/>
                  </a:cxn>
                  <a:cxn ang="0">
                    <a:pos x="26" y="4"/>
                  </a:cxn>
                  <a:cxn ang="0">
                    <a:pos x="32" y="8"/>
                  </a:cxn>
                  <a:cxn ang="0">
                    <a:pos x="34" y="15"/>
                  </a:cxn>
                  <a:cxn ang="0">
                    <a:pos x="36" y="23"/>
                  </a:cxn>
                  <a:cxn ang="0">
                    <a:pos x="36" y="23"/>
                  </a:cxn>
                </a:cxnLst>
                <a:rect l="0" t="0" r="r" b="b"/>
                <a:pathLst>
                  <a:path w="36" h="29">
                    <a:moveTo>
                      <a:pt x="36" y="23"/>
                    </a:moveTo>
                    <a:lnTo>
                      <a:pt x="36" y="23"/>
                    </a:lnTo>
                    <a:lnTo>
                      <a:pt x="34" y="25"/>
                    </a:lnTo>
                    <a:lnTo>
                      <a:pt x="32" y="27"/>
                    </a:lnTo>
                    <a:lnTo>
                      <a:pt x="26" y="29"/>
                    </a:lnTo>
                    <a:lnTo>
                      <a:pt x="20" y="27"/>
                    </a:lnTo>
                    <a:lnTo>
                      <a:pt x="14" y="25"/>
                    </a:lnTo>
                    <a:lnTo>
                      <a:pt x="14" y="25"/>
                    </a:lnTo>
                    <a:lnTo>
                      <a:pt x="10" y="21"/>
                    </a:lnTo>
                    <a:lnTo>
                      <a:pt x="10" y="21"/>
                    </a:lnTo>
                    <a:lnTo>
                      <a:pt x="4" y="17"/>
                    </a:lnTo>
                    <a:lnTo>
                      <a:pt x="4" y="17"/>
                    </a:lnTo>
                    <a:lnTo>
                      <a:pt x="0" y="12"/>
                    </a:lnTo>
                    <a:lnTo>
                      <a:pt x="0" y="8"/>
                    </a:lnTo>
                    <a:lnTo>
                      <a:pt x="0" y="6"/>
                    </a:lnTo>
                    <a:lnTo>
                      <a:pt x="0" y="6"/>
                    </a:lnTo>
                    <a:lnTo>
                      <a:pt x="2" y="2"/>
                    </a:lnTo>
                    <a:lnTo>
                      <a:pt x="6" y="0"/>
                    </a:lnTo>
                    <a:lnTo>
                      <a:pt x="8" y="0"/>
                    </a:lnTo>
                    <a:lnTo>
                      <a:pt x="8" y="0"/>
                    </a:lnTo>
                    <a:lnTo>
                      <a:pt x="10" y="2"/>
                    </a:lnTo>
                    <a:lnTo>
                      <a:pt x="10" y="4"/>
                    </a:lnTo>
                    <a:lnTo>
                      <a:pt x="10" y="8"/>
                    </a:lnTo>
                    <a:lnTo>
                      <a:pt x="12" y="10"/>
                    </a:lnTo>
                    <a:lnTo>
                      <a:pt x="12" y="10"/>
                    </a:lnTo>
                    <a:lnTo>
                      <a:pt x="14" y="12"/>
                    </a:lnTo>
                    <a:lnTo>
                      <a:pt x="16" y="10"/>
                    </a:lnTo>
                    <a:lnTo>
                      <a:pt x="20" y="4"/>
                    </a:lnTo>
                    <a:lnTo>
                      <a:pt x="20" y="4"/>
                    </a:lnTo>
                    <a:lnTo>
                      <a:pt x="24" y="4"/>
                    </a:lnTo>
                    <a:lnTo>
                      <a:pt x="26" y="4"/>
                    </a:lnTo>
                    <a:lnTo>
                      <a:pt x="32" y="8"/>
                    </a:lnTo>
                    <a:lnTo>
                      <a:pt x="34" y="15"/>
                    </a:lnTo>
                    <a:lnTo>
                      <a:pt x="36" y="23"/>
                    </a:lnTo>
                    <a:lnTo>
                      <a:pt x="36" y="23"/>
                    </a:lnTo>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30" name="Freeform 726"/>
              <p:cNvSpPr>
                <a:spLocks/>
              </p:cNvSpPr>
              <p:nvPr/>
            </p:nvSpPr>
            <p:spPr bwMode="auto">
              <a:xfrm>
                <a:off x="12442825" y="6215063"/>
                <a:ext cx="185738" cy="187325"/>
              </a:xfrm>
              <a:custGeom>
                <a:avLst/>
                <a:gdLst/>
                <a:ahLst/>
                <a:cxnLst>
                  <a:cxn ang="0">
                    <a:pos x="15" y="102"/>
                  </a:cxn>
                  <a:cxn ang="0">
                    <a:pos x="7" y="98"/>
                  </a:cxn>
                  <a:cxn ang="0">
                    <a:pos x="2" y="90"/>
                  </a:cxn>
                  <a:cxn ang="0">
                    <a:pos x="0" y="81"/>
                  </a:cxn>
                  <a:cxn ang="0">
                    <a:pos x="5" y="63"/>
                  </a:cxn>
                  <a:cxn ang="0">
                    <a:pos x="11" y="55"/>
                  </a:cxn>
                  <a:cxn ang="0">
                    <a:pos x="51" y="20"/>
                  </a:cxn>
                  <a:cxn ang="0">
                    <a:pos x="58" y="18"/>
                  </a:cxn>
                  <a:cxn ang="0">
                    <a:pos x="62" y="22"/>
                  </a:cxn>
                  <a:cxn ang="0">
                    <a:pos x="68" y="22"/>
                  </a:cxn>
                  <a:cxn ang="0">
                    <a:pos x="82" y="8"/>
                  </a:cxn>
                  <a:cxn ang="0">
                    <a:pos x="92" y="2"/>
                  </a:cxn>
                  <a:cxn ang="0">
                    <a:pos x="102" y="0"/>
                  </a:cxn>
                  <a:cxn ang="0">
                    <a:pos x="115" y="4"/>
                  </a:cxn>
                  <a:cxn ang="0">
                    <a:pos x="117" y="12"/>
                  </a:cxn>
                  <a:cxn ang="0">
                    <a:pos x="111" y="24"/>
                  </a:cxn>
                  <a:cxn ang="0">
                    <a:pos x="102" y="30"/>
                  </a:cxn>
                  <a:cxn ang="0">
                    <a:pos x="86" y="45"/>
                  </a:cxn>
                  <a:cxn ang="0">
                    <a:pos x="80" y="43"/>
                  </a:cxn>
                  <a:cxn ang="0">
                    <a:pos x="80" y="39"/>
                  </a:cxn>
                  <a:cxn ang="0">
                    <a:pos x="82" y="32"/>
                  </a:cxn>
                  <a:cxn ang="0">
                    <a:pos x="84" y="22"/>
                  </a:cxn>
                  <a:cxn ang="0">
                    <a:pos x="84" y="20"/>
                  </a:cxn>
                  <a:cxn ang="0">
                    <a:pos x="76" y="20"/>
                  </a:cxn>
                  <a:cxn ang="0">
                    <a:pos x="72" y="28"/>
                  </a:cxn>
                  <a:cxn ang="0">
                    <a:pos x="72" y="32"/>
                  </a:cxn>
                  <a:cxn ang="0">
                    <a:pos x="72" y="41"/>
                  </a:cxn>
                  <a:cxn ang="0">
                    <a:pos x="66" y="47"/>
                  </a:cxn>
                  <a:cxn ang="0">
                    <a:pos x="64" y="51"/>
                  </a:cxn>
                  <a:cxn ang="0">
                    <a:pos x="68" y="61"/>
                  </a:cxn>
                  <a:cxn ang="0">
                    <a:pos x="66" y="67"/>
                  </a:cxn>
                  <a:cxn ang="0">
                    <a:pos x="60" y="73"/>
                  </a:cxn>
                  <a:cxn ang="0">
                    <a:pos x="39" y="83"/>
                  </a:cxn>
                  <a:cxn ang="0">
                    <a:pos x="35" y="85"/>
                  </a:cxn>
                  <a:cxn ang="0">
                    <a:pos x="25" y="98"/>
                  </a:cxn>
                  <a:cxn ang="0">
                    <a:pos x="23" y="100"/>
                  </a:cxn>
                  <a:cxn ang="0">
                    <a:pos x="25" y="106"/>
                  </a:cxn>
                  <a:cxn ang="0">
                    <a:pos x="31" y="114"/>
                  </a:cxn>
                  <a:cxn ang="0">
                    <a:pos x="31" y="118"/>
                  </a:cxn>
                  <a:cxn ang="0">
                    <a:pos x="23" y="112"/>
                  </a:cxn>
                  <a:cxn ang="0">
                    <a:pos x="15" y="102"/>
                  </a:cxn>
                  <a:cxn ang="0">
                    <a:pos x="15" y="102"/>
                  </a:cxn>
                </a:cxnLst>
                <a:rect l="0" t="0" r="r" b="b"/>
                <a:pathLst>
                  <a:path w="117" h="118">
                    <a:moveTo>
                      <a:pt x="15" y="102"/>
                    </a:moveTo>
                    <a:lnTo>
                      <a:pt x="15" y="102"/>
                    </a:lnTo>
                    <a:lnTo>
                      <a:pt x="11" y="100"/>
                    </a:lnTo>
                    <a:lnTo>
                      <a:pt x="7" y="98"/>
                    </a:lnTo>
                    <a:lnTo>
                      <a:pt x="5" y="98"/>
                    </a:lnTo>
                    <a:lnTo>
                      <a:pt x="2" y="90"/>
                    </a:lnTo>
                    <a:lnTo>
                      <a:pt x="2" y="90"/>
                    </a:lnTo>
                    <a:lnTo>
                      <a:pt x="0" y="81"/>
                    </a:lnTo>
                    <a:lnTo>
                      <a:pt x="2" y="71"/>
                    </a:lnTo>
                    <a:lnTo>
                      <a:pt x="5" y="63"/>
                    </a:lnTo>
                    <a:lnTo>
                      <a:pt x="11" y="55"/>
                    </a:lnTo>
                    <a:lnTo>
                      <a:pt x="11" y="55"/>
                    </a:lnTo>
                    <a:lnTo>
                      <a:pt x="35" y="32"/>
                    </a:lnTo>
                    <a:lnTo>
                      <a:pt x="51" y="20"/>
                    </a:lnTo>
                    <a:lnTo>
                      <a:pt x="55" y="16"/>
                    </a:lnTo>
                    <a:lnTo>
                      <a:pt x="58" y="18"/>
                    </a:lnTo>
                    <a:lnTo>
                      <a:pt x="58" y="18"/>
                    </a:lnTo>
                    <a:lnTo>
                      <a:pt x="62" y="22"/>
                    </a:lnTo>
                    <a:lnTo>
                      <a:pt x="64" y="22"/>
                    </a:lnTo>
                    <a:lnTo>
                      <a:pt x="68" y="22"/>
                    </a:lnTo>
                    <a:lnTo>
                      <a:pt x="74" y="18"/>
                    </a:lnTo>
                    <a:lnTo>
                      <a:pt x="82" y="8"/>
                    </a:lnTo>
                    <a:lnTo>
                      <a:pt x="88" y="4"/>
                    </a:lnTo>
                    <a:lnTo>
                      <a:pt x="92" y="2"/>
                    </a:lnTo>
                    <a:lnTo>
                      <a:pt x="92" y="2"/>
                    </a:lnTo>
                    <a:lnTo>
                      <a:pt x="102" y="0"/>
                    </a:lnTo>
                    <a:lnTo>
                      <a:pt x="111" y="2"/>
                    </a:lnTo>
                    <a:lnTo>
                      <a:pt x="115" y="4"/>
                    </a:lnTo>
                    <a:lnTo>
                      <a:pt x="117" y="8"/>
                    </a:lnTo>
                    <a:lnTo>
                      <a:pt x="117" y="12"/>
                    </a:lnTo>
                    <a:lnTo>
                      <a:pt x="115" y="18"/>
                    </a:lnTo>
                    <a:lnTo>
                      <a:pt x="111" y="24"/>
                    </a:lnTo>
                    <a:lnTo>
                      <a:pt x="102" y="30"/>
                    </a:lnTo>
                    <a:lnTo>
                      <a:pt x="102" y="30"/>
                    </a:lnTo>
                    <a:lnTo>
                      <a:pt x="92" y="41"/>
                    </a:lnTo>
                    <a:lnTo>
                      <a:pt x="86" y="45"/>
                    </a:lnTo>
                    <a:lnTo>
                      <a:pt x="84" y="45"/>
                    </a:lnTo>
                    <a:lnTo>
                      <a:pt x="80" y="43"/>
                    </a:lnTo>
                    <a:lnTo>
                      <a:pt x="80" y="43"/>
                    </a:lnTo>
                    <a:lnTo>
                      <a:pt x="80" y="39"/>
                    </a:lnTo>
                    <a:lnTo>
                      <a:pt x="80" y="37"/>
                    </a:lnTo>
                    <a:lnTo>
                      <a:pt x="82" y="32"/>
                    </a:lnTo>
                    <a:lnTo>
                      <a:pt x="84" y="28"/>
                    </a:lnTo>
                    <a:lnTo>
                      <a:pt x="84" y="22"/>
                    </a:lnTo>
                    <a:lnTo>
                      <a:pt x="84" y="22"/>
                    </a:lnTo>
                    <a:lnTo>
                      <a:pt x="84" y="20"/>
                    </a:lnTo>
                    <a:lnTo>
                      <a:pt x="82" y="20"/>
                    </a:lnTo>
                    <a:lnTo>
                      <a:pt x="76" y="20"/>
                    </a:lnTo>
                    <a:lnTo>
                      <a:pt x="72" y="26"/>
                    </a:lnTo>
                    <a:lnTo>
                      <a:pt x="72" y="28"/>
                    </a:lnTo>
                    <a:lnTo>
                      <a:pt x="72" y="32"/>
                    </a:lnTo>
                    <a:lnTo>
                      <a:pt x="72" y="32"/>
                    </a:lnTo>
                    <a:lnTo>
                      <a:pt x="74" y="39"/>
                    </a:lnTo>
                    <a:lnTo>
                      <a:pt x="72" y="41"/>
                    </a:lnTo>
                    <a:lnTo>
                      <a:pt x="70" y="43"/>
                    </a:lnTo>
                    <a:lnTo>
                      <a:pt x="66" y="47"/>
                    </a:lnTo>
                    <a:lnTo>
                      <a:pt x="66" y="47"/>
                    </a:lnTo>
                    <a:lnTo>
                      <a:pt x="64" y="51"/>
                    </a:lnTo>
                    <a:lnTo>
                      <a:pt x="66" y="57"/>
                    </a:lnTo>
                    <a:lnTo>
                      <a:pt x="68" y="61"/>
                    </a:lnTo>
                    <a:lnTo>
                      <a:pt x="68" y="65"/>
                    </a:lnTo>
                    <a:lnTo>
                      <a:pt x="66" y="67"/>
                    </a:lnTo>
                    <a:lnTo>
                      <a:pt x="66" y="67"/>
                    </a:lnTo>
                    <a:lnTo>
                      <a:pt x="60" y="73"/>
                    </a:lnTo>
                    <a:lnTo>
                      <a:pt x="53" y="77"/>
                    </a:lnTo>
                    <a:lnTo>
                      <a:pt x="39" y="83"/>
                    </a:lnTo>
                    <a:lnTo>
                      <a:pt x="39" y="83"/>
                    </a:lnTo>
                    <a:lnTo>
                      <a:pt x="35" y="85"/>
                    </a:lnTo>
                    <a:lnTo>
                      <a:pt x="31" y="90"/>
                    </a:lnTo>
                    <a:lnTo>
                      <a:pt x="25" y="98"/>
                    </a:lnTo>
                    <a:lnTo>
                      <a:pt x="25" y="98"/>
                    </a:lnTo>
                    <a:lnTo>
                      <a:pt x="23" y="100"/>
                    </a:lnTo>
                    <a:lnTo>
                      <a:pt x="23" y="104"/>
                    </a:lnTo>
                    <a:lnTo>
                      <a:pt x="25" y="106"/>
                    </a:lnTo>
                    <a:lnTo>
                      <a:pt x="29" y="110"/>
                    </a:lnTo>
                    <a:lnTo>
                      <a:pt x="31" y="114"/>
                    </a:lnTo>
                    <a:lnTo>
                      <a:pt x="31" y="114"/>
                    </a:lnTo>
                    <a:lnTo>
                      <a:pt x="31" y="118"/>
                    </a:lnTo>
                    <a:lnTo>
                      <a:pt x="29" y="118"/>
                    </a:lnTo>
                    <a:lnTo>
                      <a:pt x="23" y="112"/>
                    </a:lnTo>
                    <a:lnTo>
                      <a:pt x="15" y="102"/>
                    </a:lnTo>
                    <a:lnTo>
                      <a:pt x="15" y="102"/>
                    </a:lnTo>
                    <a:lnTo>
                      <a:pt x="15" y="102"/>
                    </a:lnTo>
                    <a:lnTo>
                      <a:pt x="15" y="102"/>
                    </a:lnTo>
                    <a:lnTo>
                      <a:pt x="15" y="10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31" name="Freeform 727"/>
              <p:cNvSpPr>
                <a:spLocks/>
              </p:cNvSpPr>
              <p:nvPr/>
            </p:nvSpPr>
            <p:spPr bwMode="auto">
              <a:xfrm>
                <a:off x="12439650" y="6396038"/>
                <a:ext cx="130175" cy="187325"/>
              </a:xfrm>
              <a:custGeom>
                <a:avLst/>
                <a:gdLst/>
                <a:ahLst/>
                <a:cxnLst>
                  <a:cxn ang="0">
                    <a:pos x="9" y="0"/>
                  </a:cxn>
                  <a:cxn ang="0">
                    <a:pos x="9" y="0"/>
                  </a:cxn>
                  <a:cxn ang="0">
                    <a:pos x="2" y="0"/>
                  </a:cxn>
                  <a:cxn ang="0">
                    <a:pos x="0" y="2"/>
                  </a:cxn>
                  <a:cxn ang="0">
                    <a:pos x="2" y="6"/>
                  </a:cxn>
                  <a:cxn ang="0">
                    <a:pos x="4" y="12"/>
                  </a:cxn>
                  <a:cxn ang="0">
                    <a:pos x="17" y="24"/>
                  </a:cxn>
                  <a:cxn ang="0">
                    <a:pos x="17" y="24"/>
                  </a:cxn>
                  <a:cxn ang="0">
                    <a:pos x="19" y="39"/>
                  </a:cxn>
                  <a:cxn ang="0">
                    <a:pos x="23" y="47"/>
                  </a:cxn>
                  <a:cxn ang="0">
                    <a:pos x="37" y="63"/>
                  </a:cxn>
                  <a:cxn ang="0">
                    <a:pos x="37" y="63"/>
                  </a:cxn>
                  <a:cxn ang="0">
                    <a:pos x="41" y="69"/>
                  </a:cxn>
                  <a:cxn ang="0">
                    <a:pos x="43" y="75"/>
                  </a:cxn>
                  <a:cxn ang="0">
                    <a:pos x="47" y="88"/>
                  </a:cxn>
                  <a:cxn ang="0">
                    <a:pos x="51" y="100"/>
                  </a:cxn>
                  <a:cxn ang="0">
                    <a:pos x="53" y="106"/>
                  </a:cxn>
                  <a:cxn ang="0">
                    <a:pos x="60" y="112"/>
                  </a:cxn>
                  <a:cxn ang="0">
                    <a:pos x="60" y="112"/>
                  </a:cxn>
                  <a:cxn ang="0">
                    <a:pos x="68" y="118"/>
                  </a:cxn>
                  <a:cxn ang="0">
                    <a:pos x="70" y="118"/>
                  </a:cxn>
                  <a:cxn ang="0">
                    <a:pos x="72" y="116"/>
                  </a:cxn>
                  <a:cxn ang="0">
                    <a:pos x="74" y="110"/>
                  </a:cxn>
                  <a:cxn ang="0">
                    <a:pos x="72" y="102"/>
                  </a:cxn>
                  <a:cxn ang="0">
                    <a:pos x="72" y="102"/>
                  </a:cxn>
                  <a:cxn ang="0">
                    <a:pos x="72" y="92"/>
                  </a:cxn>
                  <a:cxn ang="0">
                    <a:pos x="74" y="84"/>
                  </a:cxn>
                  <a:cxn ang="0">
                    <a:pos x="80" y="65"/>
                  </a:cxn>
                  <a:cxn ang="0">
                    <a:pos x="80" y="65"/>
                  </a:cxn>
                  <a:cxn ang="0">
                    <a:pos x="82" y="59"/>
                  </a:cxn>
                  <a:cxn ang="0">
                    <a:pos x="80" y="53"/>
                  </a:cxn>
                  <a:cxn ang="0">
                    <a:pos x="76" y="49"/>
                  </a:cxn>
                  <a:cxn ang="0">
                    <a:pos x="72" y="45"/>
                  </a:cxn>
                  <a:cxn ang="0">
                    <a:pos x="60" y="37"/>
                  </a:cxn>
                  <a:cxn ang="0">
                    <a:pos x="51" y="27"/>
                  </a:cxn>
                  <a:cxn ang="0">
                    <a:pos x="51" y="27"/>
                  </a:cxn>
                  <a:cxn ang="0">
                    <a:pos x="47" y="22"/>
                  </a:cxn>
                  <a:cxn ang="0">
                    <a:pos x="43" y="20"/>
                  </a:cxn>
                  <a:cxn ang="0">
                    <a:pos x="31" y="20"/>
                  </a:cxn>
                  <a:cxn ang="0">
                    <a:pos x="23" y="20"/>
                  </a:cxn>
                  <a:cxn ang="0">
                    <a:pos x="19" y="18"/>
                  </a:cxn>
                  <a:cxn ang="0">
                    <a:pos x="17" y="14"/>
                  </a:cxn>
                  <a:cxn ang="0">
                    <a:pos x="17" y="14"/>
                  </a:cxn>
                  <a:cxn ang="0">
                    <a:pos x="15" y="8"/>
                  </a:cxn>
                  <a:cxn ang="0">
                    <a:pos x="13" y="2"/>
                  </a:cxn>
                  <a:cxn ang="0">
                    <a:pos x="9" y="0"/>
                  </a:cxn>
                  <a:cxn ang="0">
                    <a:pos x="9" y="0"/>
                  </a:cxn>
                </a:cxnLst>
                <a:rect l="0" t="0" r="r" b="b"/>
                <a:pathLst>
                  <a:path w="82" h="118">
                    <a:moveTo>
                      <a:pt x="9" y="0"/>
                    </a:moveTo>
                    <a:lnTo>
                      <a:pt x="9" y="0"/>
                    </a:lnTo>
                    <a:lnTo>
                      <a:pt x="2" y="0"/>
                    </a:lnTo>
                    <a:lnTo>
                      <a:pt x="0" y="2"/>
                    </a:lnTo>
                    <a:lnTo>
                      <a:pt x="2" y="6"/>
                    </a:lnTo>
                    <a:lnTo>
                      <a:pt x="4" y="12"/>
                    </a:lnTo>
                    <a:lnTo>
                      <a:pt x="17" y="24"/>
                    </a:lnTo>
                    <a:lnTo>
                      <a:pt x="17" y="24"/>
                    </a:lnTo>
                    <a:lnTo>
                      <a:pt x="19" y="39"/>
                    </a:lnTo>
                    <a:lnTo>
                      <a:pt x="23" y="47"/>
                    </a:lnTo>
                    <a:lnTo>
                      <a:pt x="37" y="63"/>
                    </a:lnTo>
                    <a:lnTo>
                      <a:pt x="37" y="63"/>
                    </a:lnTo>
                    <a:lnTo>
                      <a:pt x="41" y="69"/>
                    </a:lnTo>
                    <a:lnTo>
                      <a:pt x="43" y="75"/>
                    </a:lnTo>
                    <a:lnTo>
                      <a:pt x="47" y="88"/>
                    </a:lnTo>
                    <a:lnTo>
                      <a:pt x="51" y="100"/>
                    </a:lnTo>
                    <a:lnTo>
                      <a:pt x="53" y="106"/>
                    </a:lnTo>
                    <a:lnTo>
                      <a:pt x="60" y="112"/>
                    </a:lnTo>
                    <a:lnTo>
                      <a:pt x="60" y="112"/>
                    </a:lnTo>
                    <a:lnTo>
                      <a:pt x="68" y="118"/>
                    </a:lnTo>
                    <a:lnTo>
                      <a:pt x="70" y="118"/>
                    </a:lnTo>
                    <a:lnTo>
                      <a:pt x="72" y="116"/>
                    </a:lnTo>
                    <a:lnTo>
                      <a:pt x="74" y="110"/>
                    </a:lnTo>
                    <a:lnTo>
                      <a:pt x="72" y="102"/>
                    </a:lnTo>
                    <a:lnTo>
                      <a:pt x="72" y="102"/>
                    </a:lnTo>
                    <a:lnTo>
                      <a:pt x="72" y="92"/>
                    </a:lnTo>
                    <a:lnTo>
                      <a:pt x="74" y="84"/>
                    </a:lnTo>
                    <a:lnTo>
                      <a:pt x="80" y="65"/>
                    </a:lnTo>
                    <a:lnTo>
                      <a:pt x="80" y="65"/>
                    </a:lnTo>
                    <a:lnTo>
                      <a:pt x="82" y="59"/>
                    </a:lnTo>
                    <a:lnTo>
                      <a:pt x="80" y="53"/>
                    </a:lnTo>
                    <a:lnTo>
                      <a:pt x="76" y="49"/>
                    </a:lnTo>
                    <a:lnTo>
                      <a:pt x="72" y="45"/>
                    </a:lnTo>
                    <a:lnTo>
                      <a:pt x="60" y="37"/>
                    </a:lnTo>
                    <a:lnTo>
                      <a:pt x="51" y="27"/>
                    </a:lnTo>
                    <a:lnTo>
                      <a:pt x="51" y="27"/>
                    </a:lnTo>
                    <a:lnTo>
                      <a:pt x="47" y="22"/>
                    </a:lnTo>
                    <a:lnTo>
                      <a:pt x="43" y="20"/>
                    </a:lnTo>
                    <a:lnTo>
                      <a:pt x="31" y="20"/>
                    </a:lnTo>
                    <a:lnTo>
                      <a:pt x="23" y="20"/>
                    </a:lnTo>
                    <a:lnTo>
                      <a:pt x="19" y="18"/>
                    </a:lnTo>
                    <a:lnTo>
                      <a:pt x="17" y="14"/>
                    </a:lnTo>
                    <a:lnTo>
                      <a:pt x="17" y="14"/>
                    </a:lnTo>
                    <a:lnTo>
                      <a:pt x="15" y="8"/>
                    </a:lnTo>
                    <a:lnTo>
                      <a:pt x="13" y="2"/>
                    </a:lnTo>
                    <a:lnTo>
                      <a:pt x="9" y="0"/>
                    </a:lnTo>
                    <a:lnTo>
                      <a:pt x="9"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32" name="Freeform 728"/>
              <p:cNvSpPr>
                <a:spLocks/>
              </p:cNvSpPr>
              <p:nvPr/>
            </p:nvSpPr>
            <p:spPr bwMode="auto">
              <a:xfrm>
                <a:off x="12614275" y="6149975"/>
                <a:ext cx="139700" cy="49213"/>
              </a:xfrm>
              <a:custGeom>
                <a:avLst/>
                <a:gdLst/>
                <a:ahLst/>
                <a:cxnLst>
                  <a:cxn ang="0">
                    <a:pos x="29" y="31"/>
                  </a:cxn>
                  <a:cxn ang="0">
                    <a:pos x="29" y="31"/>
                  </a:cxn>
                  <a:cxn ang="0">
                    <a:pos x="35" y="29"/>
                  </a:cxn>
                  <a:cxn ang="0">
                    <a:pos x="41" y="25"/>
                  </a:cxn>
                  <a:cxn ang="0">
                    <a:pos x="47" y="23"/>
                  </a:cxn>
                  <a:cxn ang="0">
                    <a:pos x="54" y="20"/>
                  </a:cxn>
                  <a:cxn ang="0">
                    <a:pos x="54" y="20"/>
                  </a:cxn>
                  <a:cxn ang="0">
                    <a:pos x="76" y="25"/>
                  </a:cxn>
                  <a:cxn ang="0">
                    <a:pos x="82" y="25"/>
                  </a:cxn>
                  <a:cxn ang="0">
                    <a:pos x="88" y="23"/>
                  </a:cxn>
                  <a:cxn ang="0">
                    <a:pos x="88" y="18"/>
                  </a:cxn>
                  <a:cxn ang="0">
                    <a:pos x="86" y="14"/>
                  </a:cxn>
                  <a:cxn ang="0">
                    <a:pos x="86" y="14"/>
                  </a:cxn>
                  <a:cxn ang="0">
                    <a:pos x="78" y="8"/>
                  </a:cxn>
                  <a:cxn ang="0">
                    <a:pos x="70" y="4"/>
                  </a:cxn>
                  <a:cxn ang="0">
                    <a:pos x="60" y="2"/>
                  </a:cxn>
                  <a:cxn ang="0">
                    <a:pos x="49" y="0"/>
                  </a:cxn>
                  <a:cxn ang="0">
                    <a:pos x="39" y="0"/>
                  </a:cxn>
                  <a:cxn ang="0">
                    <a:pos x="29" y="0"/>
                  </a:cxn>
                  <a:cxn ang="0">
                    <a:pos x="19" y="4"/>
                  </a:cxn>
                  <a:cxn ang="0">
                    <a:pos x="13" y="8"/>
                  </a:cxn>
                  <a:cxn ang="0">
                    <a:pos x="13" y="8"/>
                  </a:cxn>
                  <a:cxn ang="0">
                    <a:pos x="5" y="12"/>
                  </a:cxn>
                  <a:cxn ang="0">
                    <a:pos x="0" y="18"/>
                  </a:cxn>
                  <a:cxn ang="0">
                    <a:pos x="0" y="23"/>
                  </a:cxn>
                  <a:cxn ang="0">
                    <a:pos x="3" y="27"/>
                  </a:cxn>
                  <a:cxn ang="0">
                    <a:pos x="9" y="29"/>
                  </a:cxn>
                  <a:cxn ang="0">
                    <a:pos x="15" y="31"/>
                  </a:cxn>
                  <a:cxn ang="0">
                    <a:pos x="21" y="31"/>
                  </a:cxn>
                  <a:cxn ang="0">
                    <a:pos x="29" y="31"/>
                  </a:cxn>
                  <a:cxn ang="0">
                    <a:pos x="29" y="31"/>
                  </a:cxn>
                  <a:cxn ang="0">
                    <a:pos x="31" y="31"/>
                  </a:cxn>
                  <a:cxn ang="0">
                    <a:pos x="29" y="31"/>
                  </a:cxn>
                  <a:cxn ang="0">
                    <a:pos x="29" y="31"/>
                  </a:cxn>
                </a:cxnLst>
                <a:rect l="0" t="0" r="r" b="b"/>
                <a:pathLst>
                  <a:path w="88" h="31">
                    <a:moveTo>
                      <a:pt x="29" y="31"/>
                    </a:moveTo>
                    <a:lnTo>
                      <a:pt x="29" y="31"/>
                    </a:lnTo>
                    <a:lnTo>
                      <a:pt x="35" y="29"/>
                    </a:lnTo>
                    <a:lnTo>
                      <a:pt x="41" y="25"/>
                    </a:lnTo>
                    <a:lnTo>
                      <a:pt x="47" y="23"/>
                    </a:lnTo>
                    <a:lnTo>
                      <a:pt x="54" y="20"/>
                    </a:lnTo>
                    <a:lnTo>
                      <a:pt x="54" y="20"/>
                    </a:lnTo>
                    <a:lnTo>
                      <a:pt x="76" y="25"/>
                    </a:lnTo>
                    <a:lnTo>
                      <a:pt x="82" y="25"/>
                    </a:lnTo>
                    <a:lnTo>
                      <a:pt x="88" y="23"/>
                    </a:lnTo>
                    <a:lnTo>
                      <a:pt x="88" y="18"/>
                    </a:lnTo>
                    <a:lnTo>
                      <a:pt x="86" y="14"/>
                    </a:lnTo>
                    <a:lnTo>
                      <a:pt x="86" y="14"/>
                    </a:lnTo>
                    <a:lnTo>
                      <a:pt x="78" y="8"/>
                    </a:lnTo>
                    <a:lnTo>
                      <a:pt x="70" y="4"/>
                    </a:lnTo>
                    <a:lnTo>
                      <a:pt x="60" y="2"/>
                    </a:lnTo>
                    <a:lnTo>
                      <a:pt x="49" y="0"/>
                    </a:lnTo>
                    <a:lnTo>
                      <a:pt x="39" y="0"/>
                    </a:lnTo>
                    <a:lnTo>
                      <a:pt x="29" y="0"/>
                    </a:lnTo>
                    <a:lnTo>
                      <a:pt x="19" y="4"/>
                    </a:lnTo>
                    <a:lnTo>
                      <a:pt x="13" y="8"/>
                    </a:lnTo>
                    <a:lnTo>
                      <a:pt x="13" y="8"/>
                    </a:lnTo>
                    <a:lnTo>
                      <a:pt x="5" y="12"/>
                    </a:lnTo>
                    <a:lnTo>
                      <a:pt x="0" y="18"/>
                    </a:lnTo>
                    <a:lnTo>
                      <a:pt x="0" y="23"/>
                    </a:lnTo>
                    <a:lnTo>
                      <a:pt x="3" y="27"/>
                    </a:lnTo>
                    <a:lnTo>
                      <a:pt x="9" y="29"/>
                    </a:lnTo>
                    <a:lnTo>
                      <a:pt x="15" y="31"/>
                    </a:lnTo>
                    <a:lnTo>
                      <a:pt x="21" y="31"/>
                    </a:lnTo>
                    <a:lnTo>
                      <a:pt x="29" y="31"/>
                    </a:lnTo>
                    <a:lnTo>
                      <a:pt x="29" y="31"/>
                    </a:lnTo>
                    <a:lnTo>
                      <a:pt x="31" y="31"/>
                    </a:lnTo>
                    <a:lnTo>
                      <a:pt x="29" y="31"/>
                    </a:lnTo>
                    <a:lnTo>
                      <a:pt x="29" y="31"/>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33" name="Freeform 729"/>
              <p:cNvSpPr>
                <a:spLocks/>
              </p:cNvSpPr>
              <p:nvPr/>
            </p:nvSpPr>
            <p:spPr bwMode="auto">
              <a:xfrm>
                <a:off x="12611100" y="6580188"/>
                <a:ext cx="123825" cy="49213"/>
              </a:xfrm>
              <a:custGeom>
                <a:avLst/>
                <a:gdLst/>
                <a:ahLst/>
                <a:cxnLst>
                  <a:cxn ang="0">
                    <a:pos x="27" y="8"/>
                  </a:cxn>
                  <a:cxn ang="0">
                    <a:pos x="27" y="8"/>
                  </a:cxn>
                  <a:cxn ang="0">
                    <a:pos x="31" y="6"/>
                  </a:cxn>
                  <a:cxn ang="0">
                    <a:pos x="35" y="4"/>
                  </a:cxn>
                  <a:cxn ang="0">
                    <a:pos x="39" y="0"/>
                  </a:cxn>
                  <a:cxn ang="0">
                    <a:pos x="43" y="0"/>
                  </a:cxn>
                  <a:cxn ang="0">
                    <a:pos x="45" y="2"/>
                  </a:cxn>
                  <a:cxn ang="0">
                    <a:pos x="45" y="2"/>
                  </a:cxn>
                  <a:cxn ang="0">
                    <a:pos x="64" y="12"/>
                  </a:cxn>
                  <a:cxn ang="0">
                    <a:pos x="74" y="19"/>
                  </a:cxn>
                  <a:cxn ang="0">
                    <a:pos x="78" y="23"/>
                  </a:cxn>
                  <a:cxn ang="0">
                    <a:pos x="78" y="27"/>
                  </a:cxn>
                  <a:cxn ang="0">
                    <a:pos x="78" y="27"/>
                  </a:cxn>
                  <a:cxn ang="0">
                    <a:pos x="64" y="29"/>
                  </a:cxn>
                  <a:cxn ang="0">
                    <a:pos x="47" y="31"/>
                  </a:cxn>
                  <a:cxn ang="0">
                    <a:pos x="25" y="29"/>
                  </a:cxn>
                  <a:cxn ang="0">
                    <a:pos x="25" y="29"/>
                  </a:cxn>
                  <a:cxn ang="0">
                    <a:pos x="15" y="27"/>
                  </a:cxn>
                  <a:cxn ang="0">
                    <a:pos x="7" y="25"/>
                  </a:cxn>
                  <a:cxn ang="0">
                    <a:pos x="2" y="21"/>
                  </a:cxn>
                  <a:cxn ang="0">
                    <a:pos x="0" y="15"/>
                  </a:cxn>
                  <a:cxn ang="0">
                    <a:pos x="2" y="12"/>
                  </a:cxn>
                  <a:cxn ang="0">
                    <a:pos x="7" y="8"/>
                  </a:cxn>
                  <a:cxn ang="0">
                    <a:pos x="15" y="8"/>
                  </a:cxn>
                  <a:cxn ang="0">
                    <a:pos x="27" y="8"/>
                  </a:cxn>
                  <a:cxn ang="0">
                    <a:pos x="27" y="8"/>
                  </a:cxn>
                  <a:cxn ang="0">
                    <a:pos x="19" y="6"/>
                  </a:cxn>
                  <a:cxn ang="0">
                    <a:pos x="27" y="8"/>
                  </a:cxn>
                  <a:cxn ang="0">
                    <a:pos x="27" y="8"/>
                  </a:cxn>
                </a:cxnLst>
                <a:rect l="0" t="0" r="r" b="b"/>
                <a:pathLst>
                  <a:path w="78" h="31">
                    <a:moveTo>
                      <a:pt x="27" y="8"/>
                    </a:moveTo>
                    <a:lnTo>
                      <a:pt x="27" y="8"/>
                    </a:lnTo>
                    <a:lnTo>
                      <a:pt x="31" y="6"/>
                    </a:lnTo>
                    <a:lnTo>
                      <a:pt x="35" y="4"/>
                    </a:lnTo>
                    <a:lnTo>
                      <a:pt x="39" y="0"/>
                    </a:lnTo>
                    <a:lnTo>
                      <a:pt x="43" y="0"/>
                    </a:lnTo>
                    <a:lnTo>
                      <a:pt x="45" y="2"/>
                    </a:lnTo>
                    <a:lnTo>
                      <a:pt x="45" y="2"/>
                    </a:lnTo>
                    <a:lnTo>
                      <a:pt x="64" y="12"/>
                    </a:lnTo>
                    <a:lnTo>
                      <a:pt x="74" y="19"/>
                    </a:lnTo>
                    <a:lnTo>
                      <a:pt x="78" y="23"/>
                    </a:lnTo>
                    <a:lnTo>
                      <a:pt x="78" y="27"/>
                    </a:lnTo>
                    <a:lnTo>
                      <a:pt x="78" y="27"/>
                    </a:lnTo>
                    <a:lnTo>
                      <a:pt x="64" y="29"/>
                    </a:lnTo>
                    <a:lnTo>
                      <a:pt x="47" y="31"/>
                    </a:lnTo>
                    <a:lnTo>
                      <a:pt x="25" y="29"/>
                    </a:lnTo>
                    <a:lnTo>
                      <a:pt x="25" y="29"/>
                    </a:lnTo>
                    <a:lnTo>
                      <a:pt x="15" y="27"/>
                    </a:lnTo>
                    <a:lnTo>
                      <a:pt x="7" y="25"/>
                    </a:lnTo>
                    <a:lnTo>
                      <a:pt x="2" y="21"/>
                    </a:lnTo>
                    <a:lnTo>
                      <a:pt x="0" y="15"/>
                    </a:lnTo>
                    <a:lnTo>
                      <a:pt x="2" y="12"/>
                    </a:lnTo>
                    <a:lnTo>
                      <a:pt x="7" y="8"/>
                    </a:lnTo>
                    <a:lnTo>
                      <a:pt x="15" y="8"/>
                    </a:lnTo>
                    <a:lnTo>
                      <a:pt x="27" y="8"/>
                    </a:lnTo>
                    <a:lnTo>
                      <a:pt x="27" y="8"/>
                    </a:lnTo>
                    <a:lnTo>
                      <a:pt x="19" y="6"/>
                    </a:lnTo>
                    <a:lnTo>
                      <a:pt x="27" y="8"/>
                    </a:lnTo>
                    <a:lnTo>
                      <a:pt x="27" y="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sp>
          <p:nvSpPr>
            <p:cNvPr id="206" name="Freeform 16"/>
            <p:cNvSpPr>
              <a:spLocks noEditPoints="1"/>
            </p:cNvSpPr>
            <p:nvPr/>
          </p:nvSpPr>
          <p:spPr bwMode="auto">
            <a:xfrm>
              <a:off x="11023437" y="3193582"/>
              <a:ext cx="302235" cy="176958"/>
            </a:xfrm>
            <a:custGeom>
              <a:avLst/>
              <a:gdLst/>
              <a:ahLst/>
              <a:cxnLst>
                <a:cxn ang="0">
                  <a:pos x="38" y="0"/>
                </a:cxn>
                <a:cxn ang="0">
                  <a:pos x="30" y="2"/>
                </a:cxn>
                <a:cxn ang="0">
                  <a:pos x="16" y="8"/>
                </a:cxn>
                <a:cxn ang="0">
                  <a:pos x="6" y="18"/>
                </a:cxn>
                <a:cxn ang="0">
                  <a:pos x="0" y="32"/>
                </a:cxn>
                <a:cxn ang="0">
                  <a:pos x="0" y="96"/>
                </a:cxn>
                <a:cxn ang="0">
                  <a:pos x="0" y="104"/>
                </a:cxn>
                <a:cxn ang="0">
                  <a:pos x="6" y="118"/>
                </a:cxn>
                <a:cxn ang="0">
                  <a:pos x="16" y="128"/>
                </a:cxn>
                <a:cxn ang="0">
                  <a:pos x="30" y="134"/>
                </a:cxn>
                <a:cxn ang="0">
                  <a:pos x="166" y="136"/>
                </a:cxn>
                <a:cxn ang="0">
                  <a:pos x="174" y="134"/>
                </a:cxn>
                <a:cxn ang="0">
                  <a:pos x="188" y="128"/>
                </a:cxn>
                <a:cxn ang="0">
                  <a:pos x="198" y="118"/>
                </a:cxn>
                <a:cxn ang="0">
                  <a:pos x="204" y="104"/>
                </a:cxn>
                <a:cxn ang="0">
                  <a:pos x="206" y="40"/>
                </a:cxn>
                <a:cxn ang="0">
                  <a:pos x="204" y="32"/>
                </a:cxn>
                <a:cxn ang="0">
                  <a:pos x="198" y="18"/>
                </a:cxn>
                <a:cxn ang="0">
                  <a:pos x="188" y="8"/>
                </a:cxn>
                <a:cxn ang="0">
                  <a:pos x="174" y="2"/>
                </a:cxn>
                <a:cxn ang="0">
                  <a:pos x="166" y="0"/>
                </a:cxn>
                <a:cxn ang="0">
                  <a:pos x="196" y="116"/>
                </a:cxn>
                <a:cxn ang="0">
                  <a:pos x="194" y="116"/>
                </a:cxn>
                <a:cxn ang="0">
                  <a:pos x="190" y="116"/>
                </a:cxn>
                <a:cxn ang="0">
                  <a:pos x="106" y="92"/>
                </a:cxn>
                <a:cxn ang="0">
                  <a:pos x="102" y="94"/>
                </a:cxn>
                <a:cxn ang="0">
                  <a:pos x="100" y="92"/>
                </a:cxn>
                <a:cxn ang="0">
                  <a:pos x="16" y="114"/>
                </a:cxn>
                <a:cxn ang="0">
                  <a:pos x="14" y="114"/>
                </a:cxn>
                <a:cxn ang="0">
                  <a:pos x="14" y="114"/>
                </a:cxn>
                <a:cxn ang="0">
                  <a:pos x="10" y="114"/>
                </a:cxn>
                <a:cxn ang="0">
                  <a:pos x="10" y="110"/>
                </a:cxn>
                <a:cxn ang="0">
                  <a:pos x="12" y="108"/>
                </a:cxn>
                <a:cxn ang="0">
                  <a:pos x="14" y="22"/>
                </a:cxn>
                <a:cxn ang="0">
                  <a:pos x="14" y="18"/>
                </a:cxn>
                <a:cxn ang="0">
                  <a:pos x="14" y="16"/>
                </a:cxn>
                <a:cxn ang="0">
                  <a:pos x="20" y="16"/>
                </a:cxn>
                <a:cxn ang="0">
                  <a:pos x="102" y="84"/>
                </a:cxn>
                <a:cxn ang="0">
                  <a:pos x="184" y="14"/>
                </a:cxn>
                <a:cxn ang="0">
                  <a:pos x="188" y="14"/>
                </a:cxn>
                <a:cxn ang="0">
                  <a:pos x="190" y="16"/>
                </a:cxn>
                <a:cxn ang="0">
                  <a:pos x="190" y="22"/>
                </a:cxn>
                <a:cxn ang="0">
                  <a:pos x="196" y="110"/>
                </a:cxn>
                <a:cxn ang="0">
                  <a:pos x="198" y="112"/>
                </a:cxn>
                <a:cxn ang="0">
                  <a:pos x="198" y="112"/>
                </a:cxn>
                <a:cxn ang="0">
                  <a:pos x="196" y="116"/>
                </a:cxn>
              </a:cxnLst>
              <a:rect l="0" t="0" r="r" b="b"/>
              <a:pathLst>
                <a:path w="206" h="136">
                  <a:moveTo>
                    <a:pt x="166" y="0"/>
                  </a:moveTo>
                  <a:lnTo>
                    <a:pt x="38" y="0"/>
                  </a:lnTo>
                  <a:lnTo>
                    <a:pt x="38" y="0"/>
                  </a:lnTo>
                  <a:lnTo>
                    <a:pt x="30" y="2"/>
                  </a:lnTo>
                  <a:lnTo>
                    <a:pt x="24" y="4"/>
                  </a:lnTo>
                  <a:lnTo>
                    <a:pt x="16" y="8"/>
                  </a:lnTo>
                  <a:lnTo>
                    <a:pt x="10" y="12"/>
                  </a:lnTo>
                  <a:lnTo>
                    <a:pt x="6" y="18"/>
                  </a:lnTo>
                  <a:lnTo>
                    <a:pt x="2" y="24"/>
                  </a:lnTo>
                  <a:lnTo>
                    <a:pt x="0" y="32"/>
                  </a:lnTo>
                  <a:lnTo>
                    <a:pt x="0" y="40"/>
                  </a:lnTo>
                  <a:lnTo>
                    <a:pt x="0" y="96"/>
                  </a:lnTo>
                  <a:lnTo>
                    <a:pt x="0" y="96"/>
                  </a:lnTo>
                  <a:lnTo>
                    <a:pt x="0" y="104"/>
                  </a:lnTo>
                  <a:lnTo>
                    <a:pt x="2" y="112"/>
                  </a:lnTo>
                  <a:lnTo>
                    <a:pt x="6" y="118"/>
                  </a:lnTo>
                  <a:lnTo>
                    <a:pt x="10" y="124"/>
                  </a:lnTo>
                  <a:lnTo>
                    <a:pt x="16" y="128"/>
                  </a:lnTo>
                  <a:lnTo>
                    <a:pt x="24" y="132"/>
                  </a:lnTo>
                  <a:lnTo>
                    <a:pt x="30" y="134"/>
                  </a:lnTo>
                  <a:lnTo>
                    <a:pt x="38" y="136"/>
                  </a:lnTo>
                  <a:lnTo>
                    <a:pt x="166" y="136"/>
                  </a:lnTo>
                  <a:lnTo>
                    <a:pt x="166" y="136"/>
                  </a:lnTo>
                  <a:lnTo>
                    <a:pt x="174" y="134"/>
                  </a:lnTo>
                  <a:lnTo>
                    <a:pt x="182" y="132"/>
                  </a:lnTo>
                  <a:lnTo>
                    <a:pt x="188" y="128"/>
                  </a:lnTo>
                  <a:lnTo>
                    <a:pt x="194" y="124"/>
                  </a:lnTo>
                  <a:lnTo>
                    <a:pt x="198" y="118"/>
                  </a:lnTo>
                  <a:lnTo>
                    <a:pt x="202" y="112"/>
                  </a:lnTo>
                  <a:lnTo>
                    <a:pt x="204" y="104"/>
                  </a:lnTo>
                  <a:lnTo>
                    <a:pt x="206" y="96"/>
                  </a:lnTo>
                  <a:lnTo>
                    <a:pt x="206" y="40"/>
                  </a:lnTo>
                  <a:lnTo>
                    <a:pt x="206" y="40"/>
                  </a:lnTo>
                  <a:lnTo>
                    <a:pt x="204" y="32"/>
                  </a:lnTo>
                  <a:lnTo>
                    <a:pt x="202" y="24"/>
                  </a:lnTo>
                  <a:lnTo>
                    <a:pt x="198" y="18"/>
                  </a:lnTo>
                  <a:lnTo>
                    <a:pt x="194" y="12"/>
                  </a:lnTo>
                  <a:lnTo>
                    <a:pt x="188" y="8"/>
                  </a:lnTo>
                  <a:lnTo>
                    <a:pt x="182" y="4"/>
                  </a:lnTo>
                  <a:lnTo>
                    <a:pt x="174" y="2"/>
                  </a:lnTo>
                  <a:lnTo>
                    <a:pt x="166" y="0"/>
                  </a:lnTo>
                  <a:lnTo>
                    <a:pt x="166" y="0"/>
                  </a:lnTo>
                  <a:close/>
                  <a:moveTo>
                    <a:pt x="196" y="116"/>
                  </a:moveTo>
                  <a:lnTo>
                    <a:pt x="196" y="116"/>
                  </a:lnTo>
                  <a:lnTo>
                    <a:pt x="194" y="116"/>
                  </a:lnTo>
                  <a:lnTo>
                    <a:pt x="194" y="116"/>
                  </a:lnTo>
                  <a:lnTo>
                    <a:pt x="194" y="116"/>
                  </a:lnTo>
                  <a:lnTo>
                    <a:pt x="190" y="116"/>
                  </a:lnTo>
                  <a:lnTo>
                    <a:pt x="136" y="66"/>
                  </a:lnTo>
                  <a:lnTo>
                    <a:pt x="106" y="92"/>
                  </a:lnTo>
                  <a:lnTo>
                    <a:pt x="106" y="92"/>
                  </a:lnTo>
                  <a:lnTo>
                    <a:pt x="102" y="94"/>
                  </a:lnTo>
                  <a:lnTo>
                    <a:pt x="102" y="94"/>
                  </a:lnTo>
                  <a:lnTo>
                    <a:pt x="100" y="92"/>
                  </a:lnTo>
                  <a:lnTo>
                    <a:pt x="68" y="66"/>
                  </a:lnTo>
                  <a:lnTo>
                    <a:pt x="16" y="114"/>
                  </a:lnTo>
                  <a:lnTo>
                    <a:pt x="16" y="114"/>
                  </a:lnTo>
                  <a:lnTo>
                    <a:pt x="14" y="114"/>
                  </a:lnTo>
                  <a:lnTo>
                    <a:pt x="14" y="114"/>
                  </a:lnTo>
                  <a:lnTo>
                    <a:pt x="14" y="114"/>
                  </a:lnTo>
                  <a:lnTo>
                    <a:pt x="10" y="114"/>
                  </a:lnTo>
                  <a:lnTo>
                    <a:pt x="10" y="114"/>
                  </a:lnTo>
                  <a:lnTo>
                    <a:pt x="10" y="110"/>
                  </a:lnTo>
                  <a:lnTo>
                    <a:pt x="10" y="110"/>
                  </a:lnTo>
                  <a:lnTo>
                    <a:pt x="10" y="110"/>
                  </a:lnTo>
                  <a:lnTo>
                    <a:pt x="12" y="108"/>
                  </a:lnTo>
                  <a:lnTo>
                    <a:pt x="62" y="60"/>
                  </a:lnTo>
                  <a:lnTo>
                    <a:pt x="14" y="22"/>
                  </a:lnTo>
                  <a:lnTo>
                    <a:pt x="14" y="22"/>
                  </a:lnTo>
                  <a:lnTo>
                    <a:pt x="14" y="18"/>
                  </a:lnTo>
                  <a:lnTo>
                    <a:pt x="14" y="16"/>
                  </a:lnTo>
                  <a:lnTo>
                    <a:pt x="14" y="16"/>
                  </a:lnTo>
                  <a:lnTo>
                    <a:pt x="18" y="14"/>
                  </a:lnTo>
                  <a:lnTo>
                    <a:pt x="20" y="16"/>
                  </a:lnTo>
                  <a:lnTo>
                    <a:pt x="24" y="18"/>
                  </a:lnTo>
                  <a:lnTo>
                    <a:pt x="102" y="84"/>
                  </a:lnTo>
                  <a:lnTo>
                    <a:pt x="180" y="18"/>
                  </a:lnTo>
                  <a:lnTo>
                    <a:pt x="184" y="14"/>
                  </a:lnTo>
                  <a:lnTo>
                    <a:pt x="184" y="14"/>
                  </a:lnTo>
                  <a:lnTo>
                    <a:pt x="188" y="14"/>
                  </a:lnTo>
                  <a:lnTo>
                    <a:pt x="190" y="16"/>
                  </a:lnTo>
                  <a:lnTo>
                    <a:pt x="190" y="16"/>
                  </a:lnTo>
                  <a:lnTo>
                    <a:pt x="192" y="18"/>
                  </a:lnTo>
                  <a:lnTo>
                    <a:pt x="190" y="22"/>
                  </a:lnTo>
                  <a:lnTo>
                    <a:pt x="142" y="60"/>
                  </a:lnTo>
                  <a:lnTo>
                    <a:pt x="196" y="110"/>
                  </a:lnTo>
                  <a:lnTo>
                    <a:pt x="196" y="110"/>
                  </a:lnTo>
                  <a:lnTo>
                    <a:pt x="198" y="112"/>
                  </a:lnTo>
                  <a:lnTo>
                    <a:pt x="198" y="112"/>
                  </a:lnTo>
                  <a:lnTo>
                    <a:pt x="198" y="112"/>
                  </a:lnTo>
                  <a:lnTo>
                    <a:pt x="196" y="116"/>
                  </a:lnTo>
                  <a:lnTo>
                    <a:pt x="196" y="116"/>
                  </a:lnTo>
                  <a:close/>
                </a:path>
              </a:pathLst>
            </a:custGeom>
            <a:solidFill>
              <a:schemeClr val="bg1">
                <a:lumMod val="95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nvGrpSpPr>
            <p:cNvPr id="7" name="组合 428"/>
            <p:cNvGrpSpPr/>
            <p:nvPr/>
          </p:nvGrpSpPr>
          <p:grpSpPr>
            <a:xfrm>
              <a:off x="9885261" y="3403947"/>
              <a:ext cx="577417" cy="296007"/>
              <a:chOff x="6744313" y="3323223"/>
              <a:chExt cx="545032" cy="296007"/>
            </a:xfrm>
            <a:solidFill>
              <a:schemeClr val="bg1">
                <a:lumMod val="95000"/>
              </a:schemeClr>
            </a:solidFill>
          </p:grpSpPr>
          <p:grpSp>
            <p:nvGrpSpPr>
              <p:cNvPr id="8" name="组合 395"/>
              <p:cNvGrpSpPr/>
              <p:nvPr/>
            </p:nvGrpSpPr>
            <p:grpSpPr>
              <a:xfrm>
                <a:off x="6744313" y="3352800"/>
                <a:ext cx="229499" cy="266430"/>
                <a:chOff x="11139033" y="4151540"/>
                <a:chExt cx="276225" cy="320675"/>
              </a:xfrm>
              <a:grpFill/>
            </p:grpSpPr>
            <p:sp>
              <p:nvSpPr>
                <p:cNvPr id="221" name="Freeform 32"/>
                <p:cNvSpPr>
                  <a:spLocks/>
                </p:cNvSpPr>
                <p:nvPr/>
              </p:nvSpPr>
              <p:spPr bwMode="auto">
                <a:xfrm>
                  <a:off x="11189833" y="4399190"/>
                  <a:ext cx="60325" cy="73025"/>
                </a:xfrm>
                <a:custGeom>
                  <a:avLst/>
                  <a:gdLst/>
                  <a:ahLst/>
                  <a:cxnLst>
                    <a:cxn ang="0">
                      <a:pos x="2" y="28"/>
                    </a:cxn>
                    <a:cxn ang="0">
                      <a:pos x="2" y="28"/>
                    </a:cxn>
                    <a:cxn ang="0">
                      <a:pos x="0" y="32"/>
                    </a:cxn>
                    <a:cxn ang="0">
                      <a:pos x="2" y="36"/>
                    </a:cxn>
                    <a:cxn ang="0">
                      <a:pos x="4" y="40"/>
                    </a:cxn>
                    <a:cxn ang="0">
                      <a:pos x="6" y="44"/>
                    </a:cxn>
                    <a:cxn ang="0">
                      <a:pos x="8" y="44"/>
                    </a:cxn>
                    <a:cxn ang="0">
                      <a:pos x="8" y="44"/>
                    </a:cxn>
                    <a:cxn ang="0">
                      <a:pos x="12" y="46"/>
                    </a:cxn>
                    <a:cxn ang="0">
                      <a:pos x="16" y="44"/>
                    </a:cxn>
                    <a:cxn ang="0">
                      <a:pos x="20" y="42"/>
                    </a:cxn>
                    <a:cxn ang="0">
                      <a:pos x="24" y="40"/>
                    </a:cxn>
                    <a:cxn ang="0">
                      <a:pos x="38" y="10"/>
                    </a:cxn>
                    <a:cxn ang="0">
                      <a:pos x="38" y="10"/>
                    </a:cxn>
                    <a:cxn ang="0">
                      <a:pos x="28" y="6"/>
                    </a:cxn>
                    <a:cxn ang="0">
                      <a:pos x="16" y="0"/>
                    </a:cxn>
                    <a:cxn ang="0">
                      <a:pos x="2" y="28"/>
                    </a:cxn>
                  </a:cxnLst>
                  <a:rect l="0" t="0" r="r" b="b"/>
                  <a:pathLst>
                    <a:path w="38" h="46">
                      <a:moveTo>
                        <a:pt x="2" y="28"/>
                      </a:moveTo>
                      <a:lnTo>
                        <a:pt x="2" y="28"/>
                      </a:lnTo>
                      <a:lnTo>
                        <a:pt x="0" y="32"/>
                      </a:lnTo>
                      <a:lnTo>
                        <a:pt x="2" y="36"/>
                      </a:lnTo>
                      <a:lnTo>
                        <a:pt x="4" y="40"/>
                      </a:lnTo>
                      <a:lnTo>
                        <a:pt x="6" y="44"/>
                      </a:lnTo>
                      <a:lnTo>
                        <a:pt x="8" y="44"/>
                      </a:lnTo>
                      <a:lnTo>
                        <a:pt x="8" y="44"/>
                      </a:lnTo>
                      <a:lnTo>
                        <a:pt x="12" y="46"/>
                      </a:lnTo>
                      <a:lnTo>
                        <a:pt x="16" y="44"/>
                      </a:lnTo>
                      <a:lnTo>
                        <a:pt x="20" y="42"/>
                      </a:lnTo>
                      <a:lnTo>
                        <a:pt x="24" y="40"/>
                      </a:lnTo>
                      <a:lnTo>
                        <a:pt x="38" y="10"/>
                      </a:lnTo>
                      <a:lnTo>
                        <a:pt x="38" y="10"/>
                      </a:lnTo>
                      <a:lnTo>
                        <a:pt x="28" y="6"/>
                      </a:lnTo>
                      <a:lnTo>
                        <a:pt x="16" y="0"/>
                      </a:lnTo>
                      <a:lnTo>
                        <a:pt x="2" y="2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22" name="Freeform 33"/>
                <p:cNvSpPr>
                  <a:spLocks/>
                </p:cNvSpPr>
                <p:nvPr/>
              </p:nvSpPr>
              <p:spPr bwMode="auto">
                <a:xfrm>
                  <a:off x="11300958" y="4402365"/>
                  <a:ext cx="60325" cy="69850"/>
                </a:xfrm>
                <a:custGeom>
                  <a:avLst/>
                  <a:gdLst/>
                  <a:ahLst/>
                  <a:cxnLst>
                    <a:cxn ang="0">
                      <a:pos x="38" y="26"/>
                    </a:cxn>
                    <a:cxn ang="0">
                      <a:pos x="24" y="0"/>
                    </a:cxn>
                    <a:cxn ang="0">
                      <a:pos x="24" y="0"/>
                    </a:cxn>
                    <a:cxn ang="0">
                      <a:pos x="12" y="6"/>
                    </a:cxn>
                    <a:cxn ang="0">
                      <a:pos x="0" y="8"/>
                    </a:cxn>
                    <a:cxn ang="0">
                      <a:pos x="16" y="38"/>
                    </a:cxn>
                    <a:cxn ang="0">
                      <a:pos x="16" y="38"/>
                    </a:cxn>
                    <a:cxn ang="0">
                      <a:pos x="18" y="40"/>
                    </a:cxn>
                    <a:cxn ang="0">
                      <a:pos x="22" y="42"/>
                    </a:cxn>
                    <a:cxn ang="0">
                      <a:pos x="26" y="44"/>
                    </a:cxn>
                    <a:cxn ang="0">
                      <a:pos x="30" y="42"/>
                    </a:cxn>
                    <a:cxn ang="0">
                      <a:pos x="32" y="42"/>
                    </a:cxn>
                    <a:cxn ang="0">
                      <a:pos x="32" y="42"/>
                    </a:cxn>
                    <a:cxn ang="0">
                      <a:pos x="36" y="38"/>
                    </a:cxn>
                    <a:cxn ang="0">
                      <a:pos x="38" y="34"/>
                    </a:cxn>
                    <a:cxn ang="0">
                      <a:pos x="38" y="30"/>
                    </a:cxn>
                    <a:cxn ang="0">
                      <a:pos x="38" y="26"/>
                    </a:cxn>
                    <a:cxn ang="0">
                      <a:pos x="38" y="26"/>
                    </a:cxn>
                  </a:cxnLst>
                  <a:rect l="0" t="0" r="r" b="b"/>
                  <a:pathLst>
                    <a:path w="38" h="44">
                      <a:moveTo>
                        <a:pt x="38" y="26"/>
                      </a:moveTo>
                      <a:lnTo>
                        <a:pt x="24" y="0"/>
                      </a:lnTo>
                      <a:lnTo>
                        <a:pt x="24" y="0"/>
                      </a:lnTo>
                      <a:lnTo>
                        <a:pt x="12" y="6"/>
                      </a:lnTo>
                      <a:lnTo>
                        <a:pt x="0" y="8"/>
                      </a:lnTo>
                      <a:lnTo>
                        <a:pt x="16" y="38"/>
                      </a:lnTo>
                      <a:lnTo>
                        <a:pt x="16" y="38"/>
                      </a:lnTo>
                      <a:lnTo>
                        <a:pt x="18" y="40"/>
                      </a:lnTo>
                      <a:lnTo>
                        <a:pt x="22" y="42"/>
                      </a:lnTo>
                      <a:lnTo>
                        <a:pt x="26" y="44"/>
                      </a:lnTo>
                      <a:lnTo>
                        <a:pt x="30" y="42"/>
                      </a:lnTo>
                      <a:lnTo>
                        <a:pt x="32" y="42"/>
                      </a:lnTo>
                      <a:lnTo>
                        <a:pt x="32" y="42"/>
                      </a:lnTo>
                      <a:lnTo>
                        <a:pt x="36" y="38"/>
                      </a:lnTo>
                      <a:lnTo>
                        <a:pt x="38" y="34"/>
                      </a:lnTo>
                      <a:lnTo>
                        <a:pt x="38" y="30"/>
                      </a:lnTo>
                      <a:lnTo>
                        <a:pt x="38" y="26"/>
                      </a:lnTo>
                      <a:lnTo>
                        <a:pt x="38" y="2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23" name="Freeform 34"/>
                <p:cNvSpPr>
                  <a:spLocks noEditPoints="1"/>
                </p:cNvSpPr>
                <p:nvPr/>
              </p:nvSpPr>
              <p:spPr bwMode="auto">
                <a:xfrm>
                  <a:off x="11139033" y="4151540"/>
                  <a:ext cx="276225" cy="276225"/>
                </a:xfrm>
                <a:custGeom>
                  <a:avLst/>
                  <a:gdLst/>
                  <a:ahLst/>
                  <a:cxnLst>
                    <a:cxn ang="0">
                      <a:pos x="86" y="0"/>
                    </a:cxn>
                    <a:cxn ang="0">
                      <a:pos x="52" y="6"/>
                    </a:cxn>
                    <a:cxn ang="0">
                      <a:pos x="26" y="26"/>
                    </a:cxn>
                    <a:cxn ang="0">
                      <a:pos x="6" y="54"/>
                    </a:cxn>
                    <a:cxn ang="0">
                      <a:pos x="0" y="86"/>
                    </a:cxn>
                    <a:cxn ang="0">
                      <a:pos x="2" y="104"/>
                    </a:cxn>
                    <a:cxn ang="0">
                      <a:pos x="14" y="136"/>
                    </a:cxn>
                    <a:cxn ang="0">
                      <a:pos x="38" y="160"/>
                    </a:cxn>
                    <a:cxn ang="0">
                      <a:pos x="68" y="172"/>
                    </a:cxn>
                    <a:cxn ang="0">
                      <a:pos x="86" y="174"/>
                    </a:cxn>
                    <a:cxn ang="0">
                      <a:pos x="120" y="168"/>
                    </a:cxn>
                    <a:cxn ang="0">
                      <a:pos x="148" y="148"/>
                    </a:cxn>
                    <a:cxn ang="0">
                      <a:pos x="166" y="120"/>
                    </a:cxn>
                    <a:cxn ang="0">
                      <a:pos x="174" y="86"/>
                    </a:cxn>
                    <a:cxn ang="0">
                      <a:pos x="172" y="70"/>
                    </a:cxn>
                    <a:cxn ang="0">
                      <a:pos x="158" y="38"/>
                    </a:cxn>
                    <a:cxn ang="0">
                      <a:pos x="136" y="14"/>
                    </a:cxn>
                    <a:cxn ang="0">
                      <a:pos x="104" y="2"/>
                    </a:cxn>
                    <a:cxn ang="0">
                      <a:pos x="86" y="0"/>
                    </a:cxn>
                    <a:cxn ang="0">
                      <a:pos x="86" y="162"/>
                    </a:cxn>
                    <a:cxn ang="0">
                      <a:pos x="62" y="156"/>
                    </a:cxn>
                    <a:cxn ang="0">
                      <a:pos x="42" y="144"/>
                    </a:cxn>
                    <a:cxn ang="0">
                      <a:pos x="30" y="124"/>
                    </a:cxn>
                    <a:cxn ang="0">
                      <a:pos x="24" y="100"/>
                    </a:cxn>
                    <a:cxn ang="0">
                      <a:pos x="26" y="88"/>
                    </a:cxn>
                    <a:cxn ang="0">
                      <a:pos x="36" y="66"/>
                    </a:cxn>
                    <a:cxn ang="0">
                      <a:pos x="52" y="48"/>
                    </a:cxn>
                    <a:cxn ang="0">
                      <a:pos x="74" y="40"/>
                    </a:cxn>
                    <a:cxn ang="0">
                      <a:pos x="86" y="38"/>
                    </a:cxn>
                    <a:cxn ang="0">
                      <a:pos x="110" y="42"/>
                    </a:cxn>
                    <a:cxn ang="0">
                      <a:pos x="130" y="56"/>
                    </a:cxn>
                    <a:cxn ang="0">
                      <a:pos x="144" y="76"/>
                    </a:cxn>
                    <a:cxn ang="0">
                      <a:pos x="148" y="100"/>
                    </a:cxn>
                    <a:cxn ang="0">
                      <a:pos x="148" y="112"/>
                    </a:cxn>
                    <a:cxn ang="0">
                      <a:pos x="138" y="134"/>
                    </a:cxn>
                    <a:cxn ang="0">
                      <a:pos x="122" y="152"/>
                    </a:cxn>
                    <a:cxn ang="0">
                      <a:pos x="98" y="160"/>
                    </a:cxn>
                    <a:cxn ang="0">
                      <a:pos x="86" y="162"/>
                    </a:cxn>
                  </a:cxnLst>
                  <a:rect l="0" t="0" r="r" b="b"/>
                  <a:pathLst>
                    <a:path w="174" h="174">
                      <a:moveTo>
                        <a:pt x="86" y="0"/>
                      </a:moveTo>
                      <a:lnTo>
                        <a:pt x="86" y="0"/>
                      </a:lnTo>
                      <a:lnTo>
                        <a:pt x="68" y="2"/>
                      </a:lnTo>
                      <a:lnTo>
                        <a:pt x="52" y="6"/>
                      </a:lnTo>
                      <a:lnTo>
                        <a:pt x="38" y="14"/>
                      </a:lnTo>
                      <a:lnTo>
                        <a:pt x="26" y="26"/>
                      </a:lnTo>
                      <a:lnTo>
                        <a:pt x="14" y="38"/>
                      </a:lnTo>
                      <a:lnTo>
                        <a:pt x="6" y="54"/>
                      </a:lnTo>
                      <a:lnTo>
                        <a:pt x="2" y="70"/>
                      </a:lnTo>
                      <a:lnTo>
                        <a:pt x="0" y="86"/>
                      </a:lnTo>
                      <a:lnTo>
                        <a:pt x="0" y="86"/>
                      </a:lnTo>
                      <a:lnTo>
                        <a:pt x="2" y="104"/>
                      </a:lnTo>
                      <a:lnTo>
                        <a:pt x="6" y="120"/>
                      </a:lnTo>
                      <a:lnTo>
                        <a:pt x="14" y="136"/>
                      </a:lnTo>
                      <a:lnTo>
                        <a:pt x="26" y="148"/>
                      </a:lnTo>
                      <a:lnTo>
                        <a:pt x="38" y="160"/>
                      </a:lnTo>
                      <a:lnTo>
                        <a:pt x="52" y="168"/>
                      </a:lnTo>
                      <a:lnTo>
                        <a:pt x="68" y="172"/>
                      </a:lnTo>
                      <a:lnTo>
                        <a:pt x="86" y="174"/>
                      </a:lnTo>
                      <a:lnTo>
                        <a:pt x="86" y="174"/>
                      </a:lnTo>
                      <a:lnTo>
                        <a:pt x="104" y="172"/>
                      </a:lnTo>
                      <a:lnTo>
                        <a:pt x="120" y="168"/>
                      </a:lnTo>
                      <a:lnTo>
                        <a:pt x="136" y="160"/>
                      </a:lnTo>
                      <a:lnTo>
                        <a:pt x="148" y="148"/>
                      </a:lnTo>
                      <a:lnTo>
                        <a:pt x="158" y="136"/>
                      </a:lnTo>
                      <a:lnTo>
                        <a:pt x="166" y="120"/>
                      </a:lnTo>
                      <a:lnTo>
                        <a:pt x="172" y="104"/>
                      </a:lnTo>
                      <a:lnTo>
                        <a:pt x="174" y="86"/>
                      </a:lnTo>
                      <a:lnTo>
                        <a:pt x="174" y="86"/>
                      </a:lnTo>
                      <a:lnTo>
                        <a:pt x="172" y="70"/>
                      </a:lnTo>
                      <a:lnTo>
                        <a:pt x="166" y="54"/>
                      </a:lnTo>
                      <a:lnTo>
                        <a:pt x="158" y="38"/>
                      </a:lnTo>
                      <a:lnTo>
                        <a:pt x="148" y="26"/>
                      </a:lnTo>
                      <a:lnTo>
                        <a:pt x="136" y="14"/>
                      </a:lnTo>
                      <a:lnTo>
                        <a:pt x="120" y="6"/>
                      </a:lnTo>
                      <a:lnTo>
                        <a:pt x="104" y="2"/>
                      </a:lnTo>
                      <a:lnTo>
                        <a:pt x="86" y="0"/>
                      </a:lnTo>
                      <a:lnTo>
                        <a:pt x="86" y="0"/>
                      </a:lnTo>
                      <a:close/>
                      <a:moveTo>
                        <a:pt x="86" y="162"/>
                      </a:moveTo>
                      <a:lnTo>
                        <a:pt x="86" y="162"/>
                      </a:lnTo>
                      <a:lnTo>
                        <a:pt x="74" y="160"/>
                      </a:lnTo>
                      <a:lnTo>
                        <a:pt x="62" y="156"/>
                      </a:lnTo>
                      <a:lnTo>
                        <a:pt x="52" y="152"/>
                      </a:lnTo>
                      <a:lnTo>
                        <a:pt x="42" y="144"/>
                      </a:lnTo>
                      <a:lnTo>
                        <a:pt x="36" y="134"/>
                      </a:lnTo>
                      <a:lnTo>
                        <a:pt x="30" y="124"/>
                      </a:lnTo>
                      <a:lnTo>
                        <a:pt x="26" y="112"/>
                      </a:lnTo>
                      <a:lnTo>
                        <a:pt x="24" y="100"/>
                      </a:lnTo>
                      <a:lnTo>
                        <a:pt x="24" y="100"/>
                      </a:lnTo>
                      <a:lnTo>
                        <a:pt x="26" y="88"/>
                      </a:lnTo>
                      <a:lnTo>
                        <a:pt x="30" y="76"/>
                      </a:lnTo>
                      <a:lnTo>
                        <a:pt x="36" y="66"/>
                      </a:lnTo>
                      <a:lnTo>
                        <a:pt x="42" y="56"/>
                      </a:lnTo>
                      <a:lnTo>
                        <a:pt x="52" y="48"/>
                      </a:lnTo>
                      <a:lnTo>
                        <a:pt x="62" y="42"/>
                      </a:lnTo>
                      <a:lnTo>
                        <a:pt x="74" y="40"/>
                      </a:lnTo>
                      <a:lnTo>
                        <a:pt x="86" y="38"/>
                      </a:lnTo>
                      <a:lnTo>
                        <a:pt x="86" y="38"/>
                      </a:lnTo>
                      <a:lnTo>
                        <a:pt x="98" y="40"/>
                      </a:lnTo>
                      <a:lnTo>
                        <a:pt x="110" y="42"/>
                      </a:lnTo>
                      <a:lnTo>
                        <a:pt x="122" y="48"/>
                      </a:lnTo>
                      <a:lnTo>
                        <a:pt x="130" y="56"/>
                      </a:lnTo>
                      <a:lnTo>
                        <a:pt x="138" y="66"/>
                      </a:lnTo>
                      <a:lnTo>
                        <a:pt x="144" y="76"/>
                      </a:lnTo>
                      <a:lnTo>
                        <a:pt x="148" y="88"/>
                      </a:lnTo>
                      <a:lnTo>
                        <a:pt x="148" y="100"/>
                      </a:lnTo>
                      <a:lnTo>
                        <a:pt x="148" y="100"/>
                      </a:lnTo>
                      <a:lnTo>
                        <a:pt x="148" y="112"/>
                      </a:lnTo>
                      <a:lnTo>
                        <a:pt x="144" y="124"/>
                      </a:lnTo>
                      <a:lnTo>
                        <a:pt x="138" y="134"/>
                      </a:lnTo>
                      <a:lnTo>
                        <a:pt x="130" y="144"/>
                      </a:lnTo>
                      <a:lnTo>
                        <a:pt x="122" y="152"/>
                      </a:lnTo>
                      <a:lnTo>
                        <a:pt x="110" y="156"/>
                      </a:lnTo>
                      <a:lnTo>
                        <a:pt x="98" y="160"/>
                      </a:lnTo>
                      <a:lnTo>
                        <a:pt x="86" y="162"/>
                      </a:lnTo>
                      <a:lnTo>
                        <a:pt x="86" y="16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24" name="Freeform 35"/>
                <p:cNvSpPr>
                  <a:spLocks noEditPoints="1"/>
                </p:cNvSpPr>
                <p:nvPr/>
              </p:nvSpPr>
              <p:spPr bwMode="auto">
                <a:xfrm>
                  <a:off x="11221583" y="4256315"/>
                  <a:ext cx="104775" cy="104775"/>
                </a:xfrm>
                <a:custGeom>
                  <a:avLst/>
                  <a:gdLst/>
                  <a:ahLst/>
                  <a:cxnLst>
                    <a:cxn ang="0">
                      <a:pos x="34" y="0"/>
                    </a:cxn>
                    <a:cxn ang="0">
                      <a:pos x="34" y="0"/>
                    </a:cxn>
                    <a:cxn ang="0">
                      <a:pos x="26" y="0"/>
                    </a:cxn>
                    <a:cxn ang="0">
                      <a:pos x="20" y="2"/>
                    </a:cxn>
                    <a:cxn ang="0">
                      <a:pos x="16" y="6"/>
                    </a:cxn>
                    <a:cxn ang="0">
                      <a:pos x="10" y="10"/>
                    </a:cxn>
                    <a:cxn ang="0">
                      <a:pos x="6" y="14"/>
                    </a:cxn>
                    <a:cxn ang="0">
                      <a:pos x="4" y="20"/>
                    </a:cxn>
                    <a:cxn ang="0">
                      <a:pos x="2" y="26"/>
                    </a:cxn>
                    <a:cxn ang="0">
                      <a:pos x="0" y="32"/>
                    </a:cxn>
                    <a:cxn ang="0">
                      <a:pos x="0" y="32"/>
                    </a:cxn>
                    <a:cxn ang="0">
                      <a:pos x="2" y="40"/>
                    </a:cxn>
                    <a:cxn ang="0">
                      <a:pos x="4" y="46"/>
                    </a:cxn>
                    <a:cxn ang="0">
                      <a:pos x="6" y="52"/>
                    </a:cxn>
                    <a:cxn ang="0">
                      <a:pos x="10" y="56"/>
                    </a:cxn>
                    <a:cxn ang="0">
                      <a:pos x="16" y="60"/>
                    </a:cxn>
                    <a:cxn ang="0">
                      <a:pos x="20" y="62"/>
                    </a:cxn>
                    <a:cxn ang="0">
                      <a:pos x="26" y="64"/>
                    </a:cxn>
                    <a:cxn ang="0">
                      <a:pos x="34" y="66"/>
                    </a:cxn>
                    <a:cxn ang="0">
                      <a:pos x="34" y="66"/>
                    </a:cxn>
                    <a:cxn ang="0">
                      <a:pos x="40" y="64"/>
                    </a:cxn>
                    <a:cxn ang="0">
                      <a:pos x="46" y="62"/>
                    </a:cxn>
                    <a:cxn ang="0">
                      <a:pos x="52" y="60"/>
                    </a:cxn>
                    <a:cxn ang="0">
                      <a:pos x="56" y="56"/>
                    </a:cxn>
                    <a:cxn ang="0">
                      <a:pos x="60" y="52"/>
                    </a:cxn>
                    <a:cxn ang="0">
                      <a:pos x="64" y="46"/>
                    </a:cxn>
                    <a:cxn ang="0">
                      <a:pos x="66" y="40"/>
                    </a:cxn>
                    <a:cxn ang="0">
                      <a:pos x="66" y="32"/>
                    </a:cxn>
                    <a:cxn ang="0">
                      <a:pos x="66" y="32"/>
                    </a:cxn>
                    <a:cxn ang="0">
                      <a:pos x="66" y="26"/>
                    </a:cxn>
                    <a:cxn ang="0">
                      <a:pos x="64" y="20"/>
                    </a:cxn>
                    <a:cxn ang="0">
                      <a:pos x="60" y="14"/>
                    </a:cxn>
                    <a:cxn ang="0">
                      <a:pos x="56" y="10"/>
                    </a:cxn>
                    <a:cxn ang="0">
                      <a:pos x="52" y="6"/>
                    </a:cxn>
                    <a:cxn ang="0">
                      <a:pos x="46" y="2"/>
                    </a:cxn>
                    <a:cxn ang="0">
                      <a:pos x="40" y="0"/>
                    </a:cxn>
                    <a:cxn ang="0">
                      <a:pos x="34" y="0"/>
                    </a:cxn>
                    <a:cxn ang="0">
                      <a:pos x="34" y="0"/>
                    </a:cxn>
                    <a:cxn ang="0">
                      <a:pos x="34" y="46"/>
                    </a:cxn>
                    <a:cxn ang="0">
                      <a:pos x="34" y="46"/>
                    </a:cxn>
                    <a:cxn ang="0">
                      <a:pos x="28" y="44"/>
                    </a:cxn>
                    <a:cxn ang="0">
                      <a:pos x="24" y="42"/>
                    </a:cxn>
                    <a:cxn ang="0">
                      <a:pos x="22" y="38"/>
                    </a:cxn>
                    <a:cxn ang="0">
                      <a:pos x="20" y="32"/>
                    </a:cxn>
                    <a:cxn ang="0">
                      <a:pos x="20" y="32"/>
                    </a:cxn>
                    <a:cxn ang="0">
                      <a:pos x="22" y="28"/>
                    </a:cxn>
                    <a:cxn ang="0">
                      <a:pos x="24" y="24"/>
                    </a:cxn>
                    <a:cxn ang="0">
                      <a:pos x="28" y="22"/>
                    </a:cxn>
                    <a:cxn ang="0">
                      <a:pos x="34" y="20"/>
                    </a:cxn>
                    <a:cxn ang="0">
                      <a:pos x="34" y="20"/>
                    </a:cxn>
                    <a:cxn ang="0">
                      <a:pos x="38" y="22"/>
                    </a:cxn>
                    <a:cxn ang="0">
                      <a:pos x="42" y="24"/>
                    </a:cxn>
                    <a:cxn ang="0">
                      <a:pos x="46" y="28"/>
                    </a:cxn>
                    <a:cxn ang="0">
                      <a:pos x="46" y="32"/>
                    </a:cxn>
                    <a:cxn ang="0">
                      <a:pos x="46" y="32"/>
                    </a:cxn>
                    <a:cxn ang="0">
                      <a:pos x="46" y="38"/>
                    </a:cxn>
                    <a:cxn ang="0">
                      <a:pos x="42" y="42"/>
                    </a:cxn>
                    <a:cxn ang="0">
                      <a:pos x="38" y="44"/>
                    </a:cxn>
                    <a:cxn ang="0">
                      <a:pos x="34" y="46"/>
                    </a:cxn>
                    <a:cxn ang="0">
                      <a:pos x="34" y="46"/>
                    </a:cxn>
                  </a:cxnLst>
                  <a:rect l="0" t="0" r="r" b="b"/>
                  <a:pathLst>
                    <a:path w="66" h="66">
                      <a:moveTo>
                        <a:pt x="34" y="0"/>
                      </a:moveTo>
                      <a:lnTo>
                        <a:pt x="34" y="0"/>
                      </a:lnTo>
                      <a:lnTo>
                        <a:pt x="26" y="0"/>
                      </a:lnTo>
                      <a:lnTo>
                        <a:pt x="20" y="2"/>
                      </a:lnTo>
                      <a:lnTo>
                        <a:pt x="16" y="6"/>
                      </a:lnTo>
                      <a:lnTo>
                        <a:pt x="10" y="10"/>
                      </a:lnTo>
                      <a:lnTo>
                        <a:pt x="6" y="14"/>
                      </a:lnTo>
                      <a:lnTo>
                        <a:pt x="4" y="20"/>
                      </a:lnTo>
                      <a:lnTo>
                        <a:pt x="2" y="26"/>
                      </a:lnTo>
                      <a:lnTo>
                        <a:pt x="0" y="32"/>
                      </a:lnTo>
                      <a:lnTo>
                        <a:pt x="0" y="32"/>
                      </a:lnTo>
                      <a:lnTo>
                        <a:pt x="2" y="40"/>
                      </a:lnTo>
                      <a:lnTo>
                        <a:pt x="4" y="46"/>
                      </a:lnTo>
                      <a:lnTo>
                        <a:pt x="6" y="52"/>
                      </a:lnTo>
                      <a:lnTo>
                        <a:pt x="10" y="56"/>
                      </a:lnTo>
                      <a:lnTo>
                        <a:pt x="16" y="60"/>
                      </a:lnTo>
                      <a:lnTo>
                        <a:pt x="20" y="62"/>
                      </a:lnTo>
                      <a:lnTo>
                        <a:pt x="26" y="64"/>
                      </a:lnTo>
                      <a:lnTo>
                        <a:pt x="34" y="66"/>
                      </a:lnTo>
                      <a:lnTo>
                        <a:pt x="34" y="66"/>
                      </a:lnTo>
                      <a:lnTo>
                        <a:pt x="40" y="64"/>
                      </a:lnTo>
                      <a:lnTo>
                        <a:pt x="46" y="62"/>
                      </a:lnTo>
                      <a:lnTo>
                        <a:pt x="52" y="60"/>
                      </a:lnTo>
                      <a:lnTo>
                        <a:pt x="56" y="56"/>
                      </a:lnTo>
                      <a:lnTo>
                        <a:pt x="60" y="52"/>
                      </a:lnTo>
                      <a:lnTo>
                        <a:pt x="64" y="46"/>
                      </a:lnTo>
                      <a:lnTo>
                        <a:pt x="66" y="40"/>
                      </a:lnTo>
                      <a:lnTo>
                        <a:pt x="66" y="32"/>
                      </a:lnTo>
                      <a:lnTo>
                        <a:pt x="66" y="32"/>
                      </a:lnTo>
                      <a:lnTo>
                        <a:pt x="66" y="26"/>
                      </a:lnTo>
                      <a:lnTo>
                        <a:pt x="64" y="20"/>
                      </a:lnTo>
                      <a:lnTo>
                        <a:pt x="60" y="14"/>
                      </a:lnTo>
                      <a:lnTo>
                        <a:pt x="56" y="10"/>
                      </a:lnTo>
                      <a:lnTo>
                        <a:pt x="52" y="6"/>
                      </a:lnTo>
                      <a:lnTo>
                        <a:pt x="46" y="2"/>
                      </a:lnTo>
                      <a:lnTo>
                        <a:pt x="40" y="0"/>
                      </a:lnTo>
                      <a:lnTo>
                        <a:pt x="34" y="0"/>
                      </a:lnTo>
                      <a:lnTo>
                        <a:pt x="34" y="0"/>
                      </a:lnTo>
                      <a:close/>
                      <a:moveTo>
                        <a:pt x="34" y="46"/>
                      </a:moveTo>
                      <a:lnTo>
                        <a:pt x="34" y="46"/>
                      </a:lnTo>
                      <a:lnTo>
                        <a:pt x="28" y="44"/>
                      </a:lnTo>
                      <a:lnTo>
                        <a:pt x="24" y="42"/>
                      </a:lnTo>
                      <a:lnTo>
                        <a:pt x="22" y="38"/>
                      </a:lnTo>
                      <a:lnTo>
                        <a:pt x="20" y="32"/>
                      </a:lnTo>
                      <a:lnTo>
                        <a:pt x="20" y="32"/>
                      </a:lnTo>
                      <a:lnTo>
                        <a:pt x="22" y="28"/>
                      </a:lnTo>
                      <a:lnTo>
                        <a:pt x="24" y="24"/>
                      </a:lnTo>
                      <a:lnTo>
                        <a:pt x="28" y="22"/>
                      </a:lnTo>
                      <a:lnTo>
                        <a:pt x="34" y="20"/>
                      </a:lnTo>
                      <a:lnTo>
                        <a:pt x="34" y="20"/>
                      </a:lnTo>
                      <a:lnTo>
                        <a:pt x="38" y="22"/>
                      </a:lnTo>
                      <a:lnTo>
                        <a:pt x="42" y="24"/>
                      </a:lnTo>
                      <a:lnTo>
                        <a:pt x="46" y="28"/>
                      </a:lnTo>
                      <a:lnTo>
                        <a:pt x="46" y="32"/>
                      </a:lnTo>
                      <a:lnTo>
                        <a:pt x="46" y="32"/>
                      </a:lnTo>
                      <a:lnTo>
                        <a:pt x="46" y="38"/>
                      </a:lnTo>
                      <a:lnTo>
                        <a:pt x="42" y="42"/>
                      </a:lnTo>
                      <a:lnTo>
                        <a:pt x="38" y="44"/>
                      </a:lnTo>
                      <a:lnTo>
                        <a:pt x="34" y="46"/>
                      </a:lnTo>
                      <a:lnTo>
                        <a:pt x="34" y="4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sp>
            <p:nvSpPr>
              <p:cNvPr id="220" name="Freeform 167"/>
              <p:cNvSpPr>
                <a:spLocks noEditPoints="1"/>
              </p:cNvSpPr>
              <p:nvPr/>
            </p:nvSpPr>
            <p:spPr bwMode="auto">
              <a:xfrm>
                <a:off x="6937210" y="3323223"/>
                <a:ext cx="352135" cy="283578"/>
              </a:xfrm>
              <a:custGeom>
                <a:avLst/>
                <a:gdLst/>
                <a:ahLst/>
                <a:cxnLst>
                  <a:cxn ang="0">
                    <a:pos x="184" y="42"/>
                  </a:cxn>
                  <a:cxn ang="0">
                    <a:pos x="184" y="26"/>
                  </a:cxn>
                  <a:cxn ang="0">
                    <a:pos x="180" y="14"/>
                  </a:cxn>
                  <a:cxn ang="0">
                    <a:pos x="172" y="6"/>
                  </a:cxn>
                  <a:cxn ang="0">
                    <a:pos x="162" y="6"/>
                  </a:cxn>
                  <a:cxn ang="0">
                    <a:pos x="94" y="18"/>
                  </a:cxn>
                  <a:cxn ang="0">
                    <a:pos x="92" y="10"/>
                  </a:cxn>
                  <a:cxn ang="0">
                    <a:pos x="80" y="0"/>
                  </a:cxn>
                  <a:cxn ang="0">
                    <a:pos x="34" y="8"/>
                  </a:cxn>
                  <a:cxn ang="0">
                    <a:pos x="30" y="10"/>
                  </a:cxn>
                  <a:cxn ang="0">
                    <a:pos x="20" y="24"/>
                  </a:cxn>
                  <a:cxn ang="0">
                    <a:pos x="20" y="32"/>
                  </a:cxn>
                  <a:cxn ang="0">
                    <a:pos x="10" y="36"/>
                  </a:cxn>
                  <a:cxn ang="0">
                    <a:pos x="0" y="58"/>
                  </a:cxn>
                  <a:cxn ang="0">
                    <a:pos x="8" y="150"/>
                  </a:cxn>
                  <a:cxn ang="0">
                    <a:pos x="10" y="158"/>
                  </a:cxn>
                  <a:cxn ang="0">
                    <a:pos x="16" y="168"/>
                  </a:cxn>
                  <a:cxn ang="0">
                    <a:pos x="20" y="172"/>
                  </a:cxn>
                  <a:cxn ang="0">
                    <a:pos x="20" y="108"/>
                  </a:cxn>
                  <a:cxn ang="0">
                    <a:pos x="18" y="102"/>
                  </a:cxn>
                  <a:cxn ang="0">
                    <a:pos x="20" y="94"/>
                  </a:cxn>
                  <a:cxn ang="0">
                    <a:pos x="24" y="80"/>
                  </a:cxn>
                  <a:cxn ang="0">
                    <a:pos x="28" y="74"/>
                  </a:cxn>
                  <a:cxn ang="0">
                    <a:pos x="40" y="64"/>
                  </a:cxn>
                  <a:cxn ang="0">
                    <a:pos x="56" y="58"/>
                  </a:cxn>
                  <a:cxn ang="0">
                    <a:pos x="224" y="64"/>
                  </a:cxn>
                  <a:cxn ang="0">
                    <a:pos x="222" y="62"/>
                  </a:cxn>
                  <a:cxn ang="0">
                    <a:pos x="218" y="62"/>
                  </a:cxn>
                  <a:cxn ang="0">
                    <a:pos x="56" y="74"/>
                  </a:cxn>
                  <a:cxn ang="0">
                    <a:pos x="48" y="78"/>
                  </a:cxn>
                  <a:cxn ang="0">
                    <a:pos x="42" y="84"/>
                  </a:cxn>
                  <a:cxn ang="0">
                    <a:pos x="36" y="102"/>
                  </a:cxn>
                  <a:cxn ang="0">
                    <a:pos x="36" y="106"/>
                  </a:cxn>
                  <a:cxn ang="0">
                    <a:pos x="36" y="170"/>
                  </a:cxn>
                  <a:cxn ang="0">
                    <a:pos x="38" y="174"/>
                  </a:cxn>
                  <a:cxn ang="0">
                    <a:pos x="42" y="178"/>
                  </a:cxn>
                  <a:cxn ang="0">
                    <a:pos x="52" y="182"/>
                  </a:cxn>
                  <a:cxn ang="0">
                    <a:pos x="164" y="170"/>
                  </a:cxn>
                  <a:cxn ang="0">
                    <a:pos x="178" y="164"/>
                  </a:cxn>
                  <a:cxn ang="0">
                    <a:pos x="184" y="158"/>
                  </a:cxn>
                  <a:cxn ang="0">
                    <a:pos x="188" y="150"/>
                  </a:cxn>
                  <a:cxn ang="0">
                    <a:pos x="222" y="86"/>
                  </a:cxn>
                  <a:cxn ang="0">
                    <a:pos x="226" y="70"/>
                  </a:cxn>
                  <a:cxn ang="0">
                    <a:pos x="226" y="66"/>
                  </a:cxn>
                  <a:cxn ang="0">
                    <a:pos x="224" y="64"/>
                  </a:cxn>
                </a:cxnLst>
                <a:rect l="0" t="0" r="r" b="b"/>
                <a:pathLst>
                  <a:path w="226" h="182">
                    <a:moveTo>
                      <a:pt x="182" y="48"/>
                    </a:moveTo>
                    <a:lnTo>
                      <a:pt x="184" y="42"/>
                    </a:lnTo>
                    <a:lnTo>
                      <a:pt x="184" y="42"/>
                    </a:lnTo>
                    <a:lnTo>
                      <a:pt x="184" y="26"/>
                    </a:lnTo>
                    <a:lnTo>
                      <a:pt x="182" y="20"/>
                    </a:lnTo>
                    <a:lnTo>
                      <a:pt x="180" y="14"/>
                    </a:lnTo>
                    <a:lnTo>
                      <a:pt x="176" y="10"/>
                    </a:lnTo>
                    <a:lnTo>
                      <a:pt x="172" y="6"/>
                    </a:lnTo>
                    <a:lnTo>
                      <a:pt x="168" y="4"/>
                    </a:lnTo>
                    <a:lnTo>
                      <a:pt x="162" y="6"/>
                    </a:lnTo>
                    <a:lnTo>
                      <a:pt x="94" y="18"/>
                    </a:lnTo>
                    <a:lnTo>
                      <a:pt x="94" y="18"/>
                    </a:lnTo>
                    <a:lnTo>
                      <a:pt x="94" y="14"/>
                    </a:lnTo>
                    <a:lnTo>
                      <a:pt x="92" y="10"/>
                    </a:lnTo>
                    <a:lnTo>
                      <a:pt x="86" y="4"/>
                    </a:lnTo>
                    <a:lnTo>
                      <a:pt x="80" y="0"/>
                    </a:lnTo>
                    <a:lnTo>
                      <a:pt x="72" y="0"/>
                    </a:lnTo>
                    <a:lnTo>
                      <a:pt x="34" y="8"/>
                    </a:lnTo>
                    <a:lnTo>
                      <a:pt x="34" y="8"/>
                    </a:lnTo>
                    <a:lnTo>
                      <a:pt x="30" y="10"/>
                    </a:lnTo>
                    <a:lnTo>
                      <a:pt x="24" y="16"/>
                    </a:lnTo>
                    <a:lnTo>
                      <a:pt x="20" y="24"/>
                    </a:lnTo>
                    <a:lnTo>
                      <a:pt x="20" y="32"/>
                    </a:lnTo>
                    <a:lnTo>
                      <a:pt x="20" y="32"/>
                    </a:lnTo>
                    <a:lnTo>
                      <a:pt x="14" y="34"/>
                    </a:lnTo>
                    <a:lnTo>
                      <a:pt x="10" y="36"/>
                    </a:lnTo>
                    <a:lnTo>
                      <a:pt x="4" y="46"/>
                    </a:lnTo>
                    <a:lnTo>
                      <a:pt x="0" y="58"/>
                    </a:lnTo>
                    <a:lnTo>
                      <a:pt x="0" y="74"/>
                    </a:lnTo>
                    <a:lnTo>
                      <a:pt x="8" y="150"/>
                    </a:lnTo>
                    <a:lnTo>
                      <a:pt x="8" y="150"/>
                    </a:lnTo>
                    <a:lnTo>
                      <a:pt x="10" y="158"/>
                    </a:lnTo>
                    <a:lnTo>
                      <a:pt x="12" y="164"/>
                    </a:lnTo>
                    <a:lnTo>
                      <a:pt x="16" y="168"/>
                    </a:lnTo>
                    <a:lnTo>
                      <a:pt x="20" y="172"/>
                    </a:lnTo>
                    <a:lnTo>
                      <a:pt x="20" y="172"/>
                    </a:lnTo>
                    <a:lnTo>
                      <a:pt x="20" y="170"/>
                    </a:lnTo>
                    <a:lnTo>
                      <a:pt x="20" y="108"/>
                    </a:lnTo>
                    <a:lnTo>
                      <a:pt x="20" y="108"/>
                    </a:lnTo>
                    <a:lnTo>
                      <a:pt x="18" y="102"/>
                    </a:lnTo>
                    <a:lnTo>
                      <a:pt x="18" y="102"/>
                    </a:lnTo>
                    <a:lnTo>
                      <a:pt x="20" y="94"/>
                    </a:lnTo>
                    <a:lnTo>
                      <a:pt x="22" y="88"/>
                    </a:lnTo>
                    <a:lnTo>
                      <a:pt x="24" y="80"/>
                    </a:lnTo>
                    <a:lnTo>
                      <a:pt x="28" y="74"/>
                    </a:lnTo>
                    <a:lnTo>
                      <a:pt x="28" y="74"/>
                    </a:lnTo>
                    <a:lnTo>
                      <a:pt x="34" y="68"/>
                    </a:lnTo>
                    <a:lnTo>
                      <a:pt x="40" y="64"/>
                    </a:lnTo>
                    <a:lnTo>
                      <a:pt x="48" y="60"/>
                    </a:lnTo>
                    <a:lnTo>
                      <a:pt x="56" y="58"/>
                    </a:lnTo>
                    <a:lnTo>
                      <a:pt x="182" y="48"/>
                    </a:lnTo>
                    <a:close/>
                    <a:moveTo>
                      <a:pt x="224" y="64"/>
                    </a:moveTo>
                    <a:lnTo>
                      <a:pt x="224" y="64"/>
                    </a:lnTo>
                    <a:lnTo>
                      <a:pt x="222" y="62"/>
                    </a:lnTo>
                    <a:lnTo>
                      <a:pt x="218" y="62"/>
                    </a:lnTo>
                    <a:lnTo>
                      <a:pt x="218" y="62"/>
                    </a:lnTo>
                    <a:lnTo>
                      <a:pt x="180" y="64"/>
                    </a:lnTo>
                    <a:lnTo>
                      <a:pt x="56" y="74"/>
                    </a:lnTo>
                    <a:lnTo>
                      <a:pt x="56" y="74"/>
                    </a:lnTo>
                    <a:lnTo>
                      <a:pt x="48" y="78"/>
                    </a:lnTo>
                    <a:lnTo>
                      <a:pt x="42" y="84"/>
                    </a:lnTo>
                    <a:lnTo>
                      <a:pt x="42" y="84"/>
                    </a:lnTo>
                    <a:lnTo>
                      <a:pt x="38" y="92"/>
                    </a:lnTo>
                    <a:lnTo>
                      <a:pt x="36" y="102"/>
                    </a:lnTo>
                    <a:lnTo>
                      <a:pt x="36" y="102"/>
                    </a:lnTo>
                    <a:lnTo>
                      <a:pt x="36" y="106"/>
                    </a:lnTo>
                    <a:lnTo>
                      <a:pt x="36" y="106"/>
                    </a:lnTo>
                    <a:lnTo>
                      <a:pt x="36" y="170"/>
                    </a:lnTo>
                    <a:lnTo>
                      <a:pt x="36" y="170"/>
                    </a:lnTo>
                    <a:lnTo>
                      <a:pt x="38" y="174"/>
                    </a:lnTo>
                    <a:lnTo>
                      <a:pt x="38" y="174"/>
                    </a:lnTo>
                    <a:lnTo>
                      <a:pt x="42" y="178"/>
                    </a:lnTo>
                    <a:lnTo>
                      <a:pt x="50" y="182"/>
                    </a:lnTo>
                    <a:lnTo>
                      <a:pt x="52" y="182"/>
                    </a:lnTo>
                    <a:lnTo>
                      <a:pt x="164" y="170"/>
                    </a:lnTo>
                    <a:lnTo>
                      <a:pt x="164" y="170"/>
                    </a:lnTo>
                    <a:lnTo>
                      <a:pt x="170" y="168"/>
                    </a:lnTo>
                    <a:lnTo>
                      <a:pt x="178" y="164"/>
                    </a:lnTo>
                    <a:lnTo>
                      <a:pt x="178" y="164"/>
                    </a:lnTo>
                    <a:lnTo>
                      <a:pt x="184" y="158"/>
                    </a:lnTo>
                    <a:lnTo>
                      <a:pt x="188" y="152"/>
                    </a:lnTo>
                    <a:lnTo>
                      <a:pt x="188" y="150"/>
                    </a:lnTo>
                    <a:lnTo>
                      <a:pt x="222" y="86"/>
                    </a:lnTo>
                    <a:lnTo>
                      <a:pt x="222" y="86"/>
                    </a:lnTo>
                    <a:lnTo>
                      <a:pt x="224" y="78"/>
                    </a:lnTo>
                    <a:lnTo>
                      <a:pt x="226" y="70"/>
                    </a:lnTo>
                    <a:lnTo>
                      <a:pt x="226" y="70"/>
                    </a:lnTo>
                    <a:lnTo>
                      <a:pt x="226" y="66"/>
                    </a:lnTo>
                    <a:lnTo>
                      <a:pt x="224" y="64"/>
                    </a:lnTo>
                    <a:lnTo>
                      <a:pt x="224" y="6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grpSp>
          <p:nvGrpSpPr>
            <p:cNvPr id="9" name="组合 723"/>
            <p:cNvGrpSpPr/>
            <p:nvPr/>
          </p:nvGrpSpPr>
          <p:grpSpPr>
            <a:xfrm>
              <a:off x="10471722" y="3392414"/>
              <a:ext cx="488839" cy="319087"/>
              <a:chOff x="9855200" y="3744913"/>
              <a:chExt cx="1255713" cy="868362"/>
            </a:xfrm>
            <a:solidFill>
              <a:schemeClr val="bg1">
                <a:lumMod val="95000"/>
              </a:schemeClr>
            </a:solidFill>
          </p:grpSpPr>
          <p:sp>
            <p:nvSpPr>
              <p:cNvPr id="214" name="Freeform 312"/>
              <p:cNvSpPr>
                <a:spLocks/>
              </p:cNvSpPr>
              <p:nvPr/>
            </p:nvSpPr>
            <p:spPr bwMode="auto">
              <a:xfrm>
                <a:off x="9896475" y="3919538"/>
                <a:ext cx="998538" cy="666750"/>
              </a:xfrm>
              <a:custGeom>
                <a:avLst/>
                <a:gdLst/>
                <a:ahLst/>
                <a:cxnLst>
                  <a:cxn ang="0">
                    <a:pos x="260" y="2202"/>
                  </a:cxn>
                  <a:cxn ang="0">
                    <a:pos x="2143" y="2202"/>
                  </a:cxn>
                  <a:cxn ang="0">
                    <a:pos x="2143" y="619"/>
                  </a:cxn>
                  <a:cxn ang="0">
                    <a:pos x="2718" y="619"/>
                  </a:cxn>
                  <a:cxn ang="0">
                    <a:pos x="2718" y="2202"/>
                  </a:cxn>
                  <a:cxn ang="0">
                    <a:pos x="4314" y="2202"/>
                  </a:cxn>
                  <a:cxn ang="0">
                    <a:pos x="4314" y="2274"/>
                  </a:cxn>
                  <a:cxn ang="0">
                    <a:pos x="4314" y="2777"/>
                  </a:cxn>
                  <a:cxn ang="0">
                    <a:pos x="4314" y="5752"/>
                  </a:cxn>
                  <a:cxn ang="0">
                    <a:pos x="8420" y="5752"/>
                  </a:cxn>
                  <a:cxn ang="0">
                    <a:pos x="9343" y="4844"/>
                  </a:cxn>
                  <a:cxn ang="0">
                    <a:pos x="4574" y="0"/>
                  </a:cxn>
                  <a:cxn ang="0">
                    <a:pos x="5381" y="0"/>
                  </a:cxn>
                  <a:cxn ang="0">
                    <a:pos x="7501" y="2152"/>
                  </a:cxn>
                  <a:cxn ang="0">
                    <a:pos x="9202" y="441"/>
                  </a:cxn>
                  <a:cxn ang="0">
                    <a:pos x="10012" y="441"/>
                  </a:cxn>
                  <a:cxn ang="0">
                    <a:pos x="7904" y="2562"/>
                  </a:cxn>
                  <a:cxn ang="0">
                    <a:pos x="9753" y="4441"/>
                  </a:cxn>
                  <a:cxn ang="0">
                    <a:pos x="13116" y="1133"/>
                  </a:cxn>
                  <a:cxn ang="0">
                    <a:pos x="13116" y="1859"/>
                  </a:cxn>
                  <a:cxn ang="0">
                    <a:pos x="13199" y="1859"/>
                  </a:cxn>
                  <a:cxn ang="0">
                    <a:pos x="9240" y="5752"/>
                  </a:cxn>
                  <a:cxn ang="0">
                    <a:pos x="12624" y="5752"/>
                  </a:cxn>
                  <a:cxn ang="0">
                    <a:pos x="12624" y="6327"/>
                  </a:cxn>
                  <a:cxn ang="0">
                    <a:pos x="8656" y="6327"/>
                  </a:cxn>
                  <a:cxn ang="0">
                    <a:pos x="6127" y="8815"/>
                  </a:cxn>
                  <a:cxn ang="0">
                    <a:pos x="5724" y="8405"/>
                  </a:cxn>
                  <a:cxn ang="0">
                    <a:pos x="7835" y="6327"/>
                  </a:cxn>
                  <a:cxn ang="0">
                    <a:pos x="4314" y="6327"/>
                  </a:cxn>
                  <a:cxn ang="0">
                    <a:pos x="3825" y="6327"/>
                  </a:cxn>
                  <a:cxn ang="0">
                    <a:pos x="3739" y="6327"/>
                  </a:cxn>
                  <a:cxn ang="0">
                    <a:pos x="3739" y="2777"/>
                  </a:cxn>
                  <a:cxn ang="0">
                    <a:pos x="2718" y="2777"/>
                  </a:cxn>
                  <a:cxn ang="0">
                    <a:pos x="2718" y="7433"/>
                  </a:cxn>
                  <a:cxn ang="0">
                    <a:pos x="2617" y="7433"/>
                  </a:cxn>
                  <a:cxn ang="0">
                    <a:pos x="2143" y="7433"/>
                  </a:cxn>
                  <a:cxn ang="0">
                    <a:pos x="0" y="7433"/>
                  </a:cxn>
                  <a:cxn ang="0">
                    <a:pos x="0" y="6858"/>
                  </a:cxn>
                  <a:cxn ang="0">
                    <a:pos x="2143" y="6858"/>
                  </a:cxn>
                  <a:cxn ang="0">
                    <a:pos x="2143" y="2777"/>
                  </a:cxn>
                  <a:cxn ang="0">
                    <a:pos x="260" y="2777"/>
                  </a:cxn>
                  <a:cxn ang="0">
                    <a:pos x="260" y="2202"/>
                  </a:cxn>
                </a:cxnLst>
                <a:rect l="0" t="0" r="r" b="b"/>
                <a:pathLst>
                  <a:path w="13199" h="8815">
                    <a:moveTo>
                      <a:pt x="260" y="2202"/>
                    </a:moveTo>
                    <a:lnTo>
                      <a:pt x="2143" y="2202"/>
                    </a:lnTo>
                    <a:lnTo>
                      <a:pt x="2143" y="619"/>
                    </a:lnTo>
                    <a:lnTo>
                      <a:pt x="2718" y="619"/>
                    </a:lnTo>
                    <a:lnTo>
                      <a:pt x="2718" y="2202"/>
                    </a:lnTo>
                    <a:lnTo>
                      <a:pt x="4314" y="2202"/>
                    </a:lnTo>
                    <a:lnTo>
                      <a:pt x="4314" y="2274"/>
                    </a:lnTo>
                    <a:lnTo>
                      <a:pt x="4314" y="2777"/>
                    </a:lnTo>
                    <a:lnTo>
                      <a:pt x="4314" y="5752"/>
                    </a:lnTo>
                    <a:lnTo>
                      <a:pt x="8420" y="5752"/>
                    </a:lnTo>
                    <a:lnTo>
                      <a:pt x="9343" y="4844"/>
                    </a:lnTo>
                    <a:lnTo>
                      <a:pt x="4574" y="0"/>
                    </a:lnTo>
                    <a:lnTo>
                      <a:pt x="5381" y="0"/>
                    </a:lnTo>
                    <a:lnTo>
                      <a:pt x="7501" y="2152"/>
                    </a:lnTo>
                    <a:lnTo>
                      <a:pt x="9202" y="441"/>
                    </a:lnTo>
                    <a:lnTo>
                      <a:pt x="10012" y="441"/>
                    </a:lnTo>
                    <a:lnTo>
                      <a:pt x="7904" y="2562"/>
                    </a:lnTo>
                    <a:lnTo>
                      <a:pt x="9753" y="4441"/>
                    </a:lnTo>
                    <a:lnTo>
                      <a:pt x="13116" y="1133"/>
                    </a:lnTo>
                    <a:lnTo>
                      <a:pt x="13116" y="1859"/>
                    </a:lnTo>
                    <a:lnTo>
                      <a:pt x="13199" y="1859"/>
                    </a:lnTo>
                    <a:lnTo>
                      <a:pt x="9240" y="5752"/>
                    </a:lnTo>
                    <a:lnTo>
                      <a:pt x="12624" y="5752"/>
                    </a:lnTo>
                    <a:lnTo>
                      <a:pt x="12624" y="6327"/>
                    </a:lnTo>
                    <a:lnTo>
                      <a:pt x="8656" y="6327"/>
                    </a:lnTo>
                    <a:lnTo>
                      <a:pt x="6127" y="8815"/>
                    </a:lnTo>
                    <a:lnTo>
                      <a:pt x="5724" y="8405"/>
                    </a:lnTo>
                    <a:lnTo>
                      <a:pt x="7835" y="6327"/>
                    </a:lnTo>
                    <a:lnTo>
                      <a:pt x="4314" y="6327"/>
                    </a:lnTo>
                    <a:lnTo>
                      <a:pt x="3825" y="6327"/>
                    </a:lnTo>
                    <a:lnTo>
                      <a:pt x="3739" y="6327"/>
                    </a:lnTo>
                    <a:lnTo>
                      <a:pt x="3739" y="2777"/>
                    </a:lnTo>
                    <a:lnTo>
                      <a:pt x="2718" y="2777"/>
                    </a:lnTo>
                    <a:lnTo>
                      <a:pt x="2718" y="7433"/>
                    </a:lnTo>
                    <a:lnTo>
                      <a:pt x="2617" y="7433"/>
                    </a:lnTo>
                    <a:lnTo>
                      <a:pt x="2143" y="7433"/>
                    </a:lnTo>
                    <a:lnTo>
                      <a:pt x="0" y="7433"/>
                    </a:lnTo>
                    <a:lnTo>
                      <a:pt x="0" y="6858"/>
                    </a:lnTo>
                    <a:lnTo>
                      <a:pt x="2143" y="6858"/>
                    </a:lnTo>
                    <a:lnTo>
                      <a:pt x="2143" y="2777"/>
                    </a:lnTo>
                    <a:lnTo>
                      <a:pt x="260" y="2777"/>
                    </a:lnTo>
                    <a:lnTo>
                      <a:pt x="260" y="220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15" name="Freeform 313"/>
              <p:cNvSpPr>
                <a:spLocks/>
              </p:cNvSpPr>
              <p:nvPr/>
            </p:nvSpPr>
            <p:spPr bwMode="auto">
              <a:xfrm>
                <a:off x="10887075" y="3802063"/>
                <a:ext cx="166688" cy="174625"/>
              </a:xfrm>
              <a:custGeom>
                <a:avLst/>
                <a:gdLst/>
                <a:ahLst/>
                <a:cxnLst>
                  <a:cxn ang="0">
                    <a:pos x="1801" y="2312"/>
                  </a:cxn>
                  <a:cxn ang="0">
                    <a:pos x="1802" y="2293"/>
                  </a:cxn>
                  <a:cxn ang="0">
                    <a:pos x="1803" y="2275"/>
                  </a:cxn>
                  <a:cxn ang="0">
                    <a:pos x="1798" y="2090"/>
                  </a:cxn>
                  <a:cxn ang="0">
                    <a:pos x="1775" y="1909"/>
                  </a:cxn>
                  <a:cxn ang="0">
                    <a:pos x="1735" y="1735"/>
                  </a:cxn>
                  <a:cxn ang="0">
                    <a:pos x="1679" y="1567"/>
                  </a:cxn>
                  <a:cxn ang="0">
                    <a:pos x="1606" y="1407"/>
                  </a:cxn>
                  <a:cxn ang="0">
                    <a:pos x="1519" y="1255"/>
                  </a:cxn>
                  <a:cxn ang="0">
                    <a:pos x="1418" y="1113"/>
                  </a:cxn>
                  <a:cxn ang="0">
                    <a:pos x="1304" y="981"/>
                  </a:cxn>
                  <a:cxn ang="0">
                    <a:pos x="1178" y="861"/>
                  </a:cxn>
                  <a:cxn ang="0">
                    <a:pos x="1041" y="753"/>
                  </a:cxn>
                  <a:cxn ang="0">
                    <a:pos x="895" y="658"/>
                  </a:cxn>
                  <a:cxn ang="0">
                    <a:pos x="738" y="578"/>
                  </a:cxn>
                  <a:cxn ang="0">
                    <a:pos x="574" y="512"/>
                  </a:cxn>
                  <a:cxn ang="0">
                    <a:pos x="402" y="463"/>
                  </a:cxn>
                  <a:cxn ang="0">
                    <a:pos x="223" y="431"/>
                  </a:cxn>
                  <a:cxn ang="0">
                    <a:pos x="38" y="417"/>
                  </a:cxn>
                  <a:cxn ang="0">
                    <a:pos x="20" y="417"/>
                  </a:cxn>
                  <a:cxn ang="0">
                    <a:pos x="0" y="417"/>
                  </a:cxn>
                  <a:cxn ang="0">
                    <a:pos x="21" y="0"/>
                  </a:cxn>
                  <a:cxn ang="0">
                    <a:pos x="39" y="0"/>
                  </a:cxn>
                  <a:cxn ang="0">
                    <a:pos x="163" y="7"/>
                  </a:cxn>
                  <a:cxn ang="0">
                    <a:pos x="386" y="36"/>
                  </a:cxn>
                  <a:cxn ang="0">
                    <a:pos x="602" y="86"/>
                  </a:cxn>
                  <a:cxn ang="0">
                    <a:pos x="810" y="156"/>
                  </a:cxn>
                  <a:cxn ang="0">
                    <a:pos x="1007" y="245"/>
                  </a:cxn>
                  <a:cxn ang="0">
                    <a:pos x="1194" y="353"/>
                  </a:cxn>
                  <a:cxn ang="0">
                    <a:pos x="1368" y="479"/>
                  </a:cxn>
                  <a:cxn ang="0">
                    <a:pos x="1530" y="619"/>
                  </a:cxn>
                  <a:cxn ang="0">
                    <a:pos x="1677" y="774"/>
                  </a:cxn>
                  <a:cxn ang="0">
                    <a:pos x="1809" y="943"/>
                  </a:cxn>
                  <a:cxn ang="0">
                    <a:pos x="1926" y="1123"/>
                  </a:cxn>
                  <a:cxn ang="0">
                    <a:pos x="2023" y="1315"/>
                  </a:cxn>
                  <a:cxn ang="0">
                    <a:pos x="2103" y="1517"/>
                  </a:cxn>
                  <a:cxn ang="0">
                    <a:pos x="2163" y="1728"/>
                  </a:cxn>
                  <a:cxn ang="0">
                    <a:pos x="2202" y="1946"/>
                  </a:cxn>
                  <a:cxn ang="0">
                    <a:pos x="2219" y="2171"/>
                  </a:cxn>
                  <a:cxn ang="0">
                    <a:pos x="2219" y="2294"/>
                  </a:cxn>
                  <a:cxn ang="0">
                    <a:pos x="2218" y="2313"/>
                  </a:cxn>
                </a:cxnLst>
                <a:rect l="0" t="0" r="r" b="b"/>
                <a:pathLst>
                  <a:path w="2219" h="2323">
                    <a:moveTo>
                      <a:pt x="2217" y="2323"/>
                    </a:moveTo>
                    <a:lnTo>
                      <a:pt x="1801" y="2312"/>
                    </a:lnTo>
                    <a:lnTo>
                      <a:pt x="1802" y="2303"/>
                    </a:lnTo>
                    <a:lnTo>
                      <a:pt x="1802" y="2293"/>
                    </a:lnTo>
                    <a:lnTo>
                      <a:pt x="1803" y="2284"/>
                    </a:lnTo>
                    <a:lnTo>
                      <a:pt x="1803" y="2275"/>
                    </a:lnTo>
                    <a:lnTo>
                      <a:pt x="1803" y="2181"/>
                    </a:lnTo>
                    <a:lnTo>
                      <a:pt x="1798" y="2090"/>
                    </a:lnTo>
                    <a:lnTo>
                      <a:pt x="1789" y="1998"/>
                    </a:lnTo>
                    <a:lnTo>
                      <a:pt x="1775" y="1909"/>
                    </a:lnTo>
                    <a:lnTo>
                      <a:pt x="1757" y="1821"/>
                    </a:lnTo>
                    <a:lnTo>
                      <a:pt x="1735" y="1735"/>
                    </a:lnTo>
                    <a:lnTo>
                      <a:pt x="1709" y="1650"/>
                    </a:lnTo>
                    <a:lnTo>
                      <a:pt x="1679" y="1567"/>
                    </a:lnTo>
                    <a:lnTo>
                      <a:pt x="1644" y="1486"/>
                    </a:lnTo>
                    <a:lnTo>
                      <a:pt x="1606" y="1407"/>
                    </a:lnTo>
                    <a:lnTo>
                      <a:pt x="1564" y="1330"/>
                    </a:lnTo>
                    <a:lnTo>
                      <a:pt x="1519" y="1255"/>
                    </a:lnTo>
                    <a:lnTo>
                      <a:pt x="1470" y="1183"/>
                    </a:lnTo>
                    <a:lnTo>
                      <a:pt x="1418" y="1113"/>
                    </a:lnTo>
                    <a:lnTo>
                      <a:pt x="1363" y="1046"/>
                    </a:lnTo>
                    <a:lnTo>
                      <a:pt x="1304" y="981"/>
                    </a:lnTo>
                    <a:lnTo>
                      <a:pt x="1242" y="920"/>
                    </a:lnTo>
                    <a:lnTo>
                      <a:pt x="1178" y="861"/>
                    </a:lnTo>
                    <a:lnTo>
                      <a:pt x="1112" y="806"/>
                    </a:lnTo>
                    <a:lnTo>
                      <a:pt x="1041" y="753"/>
                    </a:lnTo>
                    <a:lnTo>
                      <a:pt x="969" y="704"/>
                    </a:lnTo>
                    <a:lnTo>
                      <a:pt x="895" y="658"/>
                    </a:lnTo>
                    <a:lnTo>
                      <a:pt x="818" y="616"/>
                    </a:lnTo>
                    <a:lnTo>
                      <a:pt x="738" y="578"/>
                    </a:lnTo>
                    <a:lnTo>
                      <a:pt x="657" y="543"/>
                    </a:lnTo>
                    <a:lnTo>
                      <a:pt x="574" y="512"/>
                    </a:lnTo>
                    <a:lnTo>
                      <a:pt x="489" y="486"/>
                    </a:lnTo>
                    <a:lnTo>
                      <a:pt x="402" y="463"/>
                    </a:lnTo>
                    <a:lnTo>
                      <a:pt x="312" y="445"/>
                    </a:lnTo>
                    <a:lnTo>
                      <a:pt x="223" y="431"/>
                    </a:lnTo>
                    <a:lnTo>
                      <a:pt x="131" y="422"/>
                    </a:lnTo>
                    <a:lnTo>
                      <a:pt x="38" y="417"/>
                    </a:lnTo>
                    <a:lnTo>
                      <a:pt x="29" y="417"/>
                    </a:lnTo>
                    <a:lnTo>
                      <a:pt x="20" y="417"/>
                    </a:lnTo>
                    <a:lnTo>
                      <a:pt x="9" y="417"/>
                    </a:lnTo>
                    <a:lnTo>
                      <a:pt x="0" y="417"/>
                    </a:lnTo>
                    <a:lnTo>
                      <a:pt x="11" y="0"/>
                    </a:lnTo>
                    <a:lnTo>
                      <a:pt x="21" y="0"/>
                    </a:lnTo>
                    <a:lnTo>
                      <a:pt x="30" y="0"/>
                    </a:lnTo>
                    <a:lnTo>
                      <a:pt x="39" y="0"/>
                    </a:lnTo>
                    <a:lnTo>
                      <a:pt x="49" y="0"/>
                    </a:lnTo>
                    <a:lnTo>
                      <a:pt x="163" y="7"/>
                    </a:lnTo>
                    <a:lnTo>
                      <a:pt x="276" y="18"/>
                    </a:lnTo>
                    <a:lnTo>
                      <a:pt x="386" y="36"/>
                    </a:lnTo>
                    <a:lnTo>
                      <a:pt x="495" y="57"/>
                    </a:lnTo>
                    <a:lnTo>
                      <a:pt x="602" y="86"/>
                    </a:lnTo>
                    <a:lnTo>
                      <a:pt x="707" y="119"/>
                    </a:lnTo>
                    <a:lnTo>
                      <a:pt x="810" y="156"/>
                    </a:lnTo>
                    <a:lnTo>
                      <a:pt x="910" y="199"/>
                    </a:lnTo>
                    <a:lnTo>
                      <a:pt x="1007" y="245"/>
                    </a:lnTo>
                    <a:lnTo>
                      <a:pt x="1102" y="297"/>
                    </a:lnTo>
                    <a:lnTo>
                      <a:pt x="1194" y="353"/>
                    </a:lnTo>
                    <a:lnTo>
                      <a:pt x="1283" y="414"/>
                    </a:lnTo>
                    <a:lnTo>
                      <a:pt x="1368" y="479"/>
                    </a:lnTo>
                    <a:lnTo>
                      <a:pt x="1451" y="546"/>
                    </a:lnTo>
                    <a:lnTo>
                      <a:pt x="1530" y="619"/>
                    </a:lnTo>
                    <a:lnTo>
                      <a:pt x="1606" y="695"/>
                    </a:lnTo>
                    <a:lnTo>
                      <a:pt x="1677" y="774"/>
                    </a:lnTo>
                    <a:lnTo>
                      <a:pt x="1746" y="857"/>
                    </a:lnTo>
                    <a:lnTo>
                      <a:pt x="1809" y="943"/>
                    </a:lnTo>
                    <a:lnTo>
                      <a:pt x="1870" y="1031"/>
                    </a:lnTo>
                    <a:lnTo>
                      <a:pt x="1926" y="1123"/>
                    </a:lnTo>
                    <a:lnTo>
                      <a:pt x="1976" y="1218"/>
                    </a:lnTo>
                    <a:lnTo>
                      <a:pt x="2023" y="1315"/>
                    </a:lnTo>
                    <a:lnTo>
                      <a:pt x="2066" y="1415"/>
                    </a:lnTo>
                    <a:lnTo>
                      <a:pt x="2103" y="1517"/>
                    </a:lnTo>
                    <a:lnTo>
                      <a:pt x="2135" y="1622"/>
                    </a:lnTo>
                    <a:lnTo>
                      <a:pt x="2163" y="1728"/>
                    </a:lnTo>
                    <a:lnTo>
                      <a:pt x="2185" y="1835"/>
                    </a:lnTo>
                    <a:lnTo>
                      <a:pt x="2202" y="1946"/>
                    </a:lnTo>
                    <a:lnTo>
                      <a:pt x="2213" y="2058"/>
                    </a:lnTo>
                    <a:lnTo>
                      <a:pt x="2219" y="2171"/>
                    </a:lnTo>
                    <a:lnTo>
                      <a:pt x="2219" y="2285"/>
                    </a:lnTo>
                    <a:lnTo>
                      <a:pt x="2219" y="2294"/>
                    </a:lnTo>
                    <a:lnTo>
                      <a:pt x="2218" y="2304"/>
                    </a:lnTo>
                    <a:lnTo>
                      <a:pt x="2218" y="2313"/>
                    </a:lnTo>
                    <a:lnTo>
                      <a:pt x="2217" y="232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16" name="Freeform 314"/>
              <p:cNvSpPr>
                <a:spLocks/>
              </p:cNvSpPr>
              <p:nvPr/>
            </p:nvSpPr>
            <p:spPr bwMode="auto">
              <a:xfrm>
                <a:off x="10888663" y="3744913"/>
                <a:ext cx="222250" cy="233362"/>
              </a:xfrm>
              <a:custGeom>
                <a:avLst/>
                <a:gdLst/>
                <a:ahLst/>
                <a:cxnLst>
                  <a:cxn ang="0">
                    <a:pos x="2948" y="3062"/>
                  </a:cxn>
                  <a:cxn ang="0">
                    <a:pos x="2947" y="3082"/>
                  </a:cxn>
                  <a:cxn ang="0">
                    <a:pos x="2562" y="3081"/>
                  </a:cxn>
                  <a:cxn ang="0">
                    <a:pos x="2562" y="3062"/>
                  </a:cxn>
                  <a:cxn ang="0">
                    <a:pos x="2563" y="3043"/>
                  </a:cxn>
                  <a:cxn ang="0">
                    <a:pos x="2556" y="2779"/>
                  </a:cxn>
                  <a:cxn ang="0">
                    <a:pos x="2523" y="2521"/>
                  </a:cxn>
                  <a:cxn ang="0">
                    <a:pos x="2465" y="2271"/>
                  </a:cxn>
                  <a:cxn ang="0">
                    <a:pos x="2384" y="2031"/>
                  </a:cxn>
                  <a:cxn ang="0">
                    <a:pos x="2280" y="1802"/>
                  </a:cxn>
                  <a:cxn ang="0">
                    <a:pos x="2156" y="1585"/>
                  </a:cxn>
                  <a:cxn ang="0">
                    <a:pos x="2012" y="1382"/>
                  </a:cxn>
                  <a:cxn ang="0">
                    <a:pos x="1849" y="1193"/>
                  </a:cxn>
                  <a:cxn ang="0">
                    <a:pos x="1669" y="1020"/>
                  </a:cxn>
                  <a:cxn ang="0">
                    <a:pos x="1473" y="867"/>
                  </a:cxn>
                  <a:cxn ang="0">
                    <a:pos x="1262" y="731"/>
                  </a:cxn>
                  <a:cxn ang="0">
                    <a:pos x="1039" y="616"/>
                  </a:cxn>
                  <a:cxn ang="0">
                    <a:pos x="803" y="522"/>
                  </a:cxn>
                  <a:cxn ang="0">
                    <a:pos x="557" y="452"/>
                  </a:cxn>
                  <a:cxn ang="0">
                    <a:pos x="301" y="406"/>
                  </a:cxn>
                  <a:cxn ang="0">
                    <a:pos x="37" y="386"/>
                  </a:cxn>
                  <a:cxn ang="0">
                    <a:pos x="18" y="385"/>
                  </a:cxn>
                  <a:cxn ang="0">
                    <a:pos x="0" y="385"/>
                  </a:cxn>
                  <a:cxn ang="0">
                    <a:pos x="18" y="0"/>
                  </a:cxn>
                  <a:cxn ang="0">
                    <a:pos x="37" y="0"/>
                  </a:cxn>
                  <a:cxn ang="0">
                    <a:pos x="200" y="8"/>
                  </a:cxn>
                  <a:cxn ang="0">
                    <a:pos x="498" y="47"/>
                  </a:cxn>
                  <a:cxn ang="0">
                    <a:pos x="786" y="113"/>
                  </a:cxn>
                  <a:cxn ang="0">
                    <a:pos x="1064" y="208"/>
                  </a:cxn>
                  <a:cxn ang="0">
                    <a:pos x="1328" y="328"/>
                  </a:cxn>
                  <a:cxn ang="0">
                    <a:pos x="1578" y="472"/>
                  </a:cxn>
                  <a:cxn ang="0">
                    <a:pos x="1811" y="638"/>
                  </a:cxn>
                  <a:cxn ang="0">
                    <a:pos x="2027" y="826"/>
                  </a:cxn>
                  <a:cxn ang="0">
                    <a:pos x="2224" y="1034"/>
                  </a:cxn>
                  <a:cxn ang="0">
                    <a:pos x="2401" y="1259"/>
                  </a:cxn>
                  <a:cxn ang="0">
                    <a:pos x="2556" y="1501"/>
                  </a:cxn>
                  <a:cxn ang="0">
                    <a:pos x="2686" y="1757"/>
                  </a:cxn>
                  <a:cxn ang="0">
                    <a:pos x="2793" y="2027"/>
                  </a:cxn>
                  <a:cxn ang="0">
                    <a:pos x="2873" y="2308"/>
                  </a:cxn>
                  <a:cxn ang="0">
                    <a:pos x="2925" y="2600"/>
                  </a:cxn>
                  <a:cxn ang="0">
                    <a:pos x="2948" y="2900"/>
                  </a:cxn>
                </a:cxnLst>
                <a:rect l="0" t="0" r="r" b="b"/>
                <a:pathLst>
                  <a:path w="2948" h="3091">
                    <a:moveTo>
                      <a:pt x="2948" y="3053"/>
                    </a:moveTo>
                    <a:lnTo>
                      <a:pt x="2948" y="3062"/>
                    </a:lnTo>
                    <a:lnTo>
                      <a:pt x="2947" y="3072"/>
                    </a:lnTo>
                    <a:lnTo>
                      <a:pt x="2947" y="3082"/>
                    </a:lnTo>
                    <a:lnTo>
                      <a:pt x="2947" y="3091"/>
                    </a:lnTo>
                    <a:lnTo>
                      <a:pt x="2562" y="3081"/>
                    </a:lnTo>
                    <a:lnTo>
                      <a:pt x="2562" y="3071"/>
                    </a:lnTo>
                    <a:lnTo>
                      <a:pt x="2562" y="3062"/>
                    </a:lnTo>
                    <a:lnTo>
                      <a:pt x="2563" y="3053"/>
                    </a:lnTo>
                    <a:lnTo>
                      <a:pt x="2563" y="3043"/>
                    </a:lnTo>
                    <a:lnTo>
                      <a:pt x="2563" y="2910"/>
                    </a:lnTo>
                    <a:lnTo>
                      <a:pt x="2556" y="2779"/>
                    </a:lnTo>
                    <a:lnTo>
                      <a:pt x="2543" y="2649"/>
                    </a:lnTo>
                    <a:lnTo>
                      <a:pt x="2523" y="2521"/>
                    </a:lnTo>
                    <a:lnTo>
                      <a:pt x="2497" y="2395"/>
                    </a:lnTo>
                    <a:lnTo>
                      <a:pt x="2465" y="2271"/>
                    </a:lnTo>
                    <a:lnTo>
                      <a:pt x="2428" y="2150"/>
                    </a:lnTo>
                    <a:lnTo>
                      <a:pt x="2384" y="2031"/>
                    </a:lnTo>
                    <a:lnTo>
                      <a:pt x="2335" y="1915"/>
                    </a:lnTo>
                    <a:lnTo>
                      <a:pt x="2280" y="1802"/>
                    </a:lnTo>
                    <a:lnTo>
                      <a:pt x="2220" y="1692"/>
                    </a:lnTo>
                    <a:lnTo>
                      <a:pt x="2156" y="1585"/>
                    </a:lnTo>
                    <a:lnTo>
                      <a:pt x="2086" y="1481"/>
                    </a:lnTo>
                    <a:lnTo>
                      <a:pt x="2012" y="1382"/>
                    </a:lnTo>
                    <a:lnTo>
                      <a:pt x="1933" y="1285"/>
                    </a:lnTo>
                    <a:lnTo>
                      <a:pt x="1849" y="1193"/>
                    </a:lnTo>
                    <a:lnTo>
                      <a:pt x="1760" y="1104"/>
                    </a:lnTo>
                    <a:lnTo>
                      <a:pt x="1669" y="1020"/>
                    </a:lnTo>
                    <a:lnTo>
                      <a:pt x="1572" y="941"/>
                    </a:lnTo>
                    <a:lnTo>
                      <a:pt x="1473" y="867"/>
                    </a:lnTo>
                    <a:lnTo>
                      <a:pt x="1369" y="796"/>
                    </a:lnTo>
                    <a:lnTo>
                      <a:pt x="1262" y="731"/>
                    </a:lnTo>
                    <a:lnTo>
                      <a:pt x="1152" y="671"/>
                    </a:lnTo>
                    <a:lnTo>
                      <a:pt x="1039" y="616"/>
                    </a:lnTo>
                    <a:lnTo>
                      <a:pt x="922" y="566"/>
                    </a:lnTo>
                    <a:lnTo>
                      <a:pt x="803" y="522"/>
                    </a:lnTo>
                    <a:lnTo>
                      <a:pt x="682" y="484"/>
                    </a:lnTo>
                    <a:lnTo>
                      <a:pt x="557" y="452"/>
                    </a:lnTo>
                    <a:lnTo>
                      <a:pt x="430" y="426"/>
                    </a:lnTo>
                    <a:lnTo>
                      <a:pt x="301" y="406"/>
                    </a:lnTo>
                    <a:lnTo>
                      <a:pt x="170" y="392"/>
                    </a:lnTo>
                    <a:lnTo>
                      <a:pt x="37" y="386"/>
                    </a:lnTo>
                    <a:lnTo>
                      <a:pt x="28" y="385"/>
                    </a:lnTo>
                    <a:lnTo>
                      <a:pt x="18" y="385"/>
                    </a:lnTo>
                    <a:lnTo>
                      <a:pt x="9" y="385"/>
                    </a:lnTo>
                    <a:lnTo>
                      <a:pt x="0" y="385"/>
                    </a:lnTo>
                    <a:lnTo>
                      <a:pt x="9" y="0"/>
                    </a:lnTo>
                    <a:lnTo>
                      <a:pt x="18" y="0"/>
                    </a:lnTo>
                    <a:lnTo>
                      <a:pt x="28" y="0"/>
                    </a:lnTo>
                    <a:lnTo>
                      <a:pt x="37" y="0"/>
                    </a:lnTo>
                    <a:lnTo>
                      <a:pt x="47" y="0"/>
                    </a:lnTo>
                    <a:lnTo>
                      <a:pt x="200" y="8"/>
                    </a:lnTo>
                    <a:lnTo>
                      <a:pt x="350" y="24"/>
                    </a:lnTo>
                    <a:lnTo>
                      <a:pt x="498" y="47"/>
                    </a:lnTo>
                    <a:lnTo>
                      <a:pt x="644" y="77"/>
                    </a:lnTo>
                    <a:lnTo>
                      <a:pt x="786" y="113"/>
                    </a:lnTo>
                    <a:lnTo>
                      <a:pt x="927" y="158"/>
                    </a:lnTo>
                    <a:lnTo>
                      <a:pt x="1064" y="208"/>
                    </a:lnTo>
                    <a:lnTo>
                      <a:pt x="1198" y="265"/>
                    </a:lnTo>
                    <a:lnTo>
                      <a:pt x="1328" y="328"/>
                    </a:lnTo>
                    <a:lnTo>
                      <a:pt x="1455" y="396"/>
                    </a:lnTo>
                    <a:lnTo>
                      <a:pt x="1578" y="472"/>
                    </a:lnTo>
                    <a:lnTo>
                      <a:pt x="1696" y="552"/>
                    </a:lnTo>
                    <a:lnTo>
                      <a:pt x="1811" y="638"/>
                    </a:lnTo>
                    <a:lnTo>
                      <a:pt x="1921" y="730"/>
                    </a:lnTo>
                    <a:lnTo>
                      <a:pt x="2027" y="826"/>
                    </a:lnTo>
                    <a:lnTo>
                      <a:pt x="2128" y="928"/>
                    </a:lnTo>
                    <a:lnTo>
                      <a:pt x="2224" y="1034"/>
                    </a:lnTo>
                    <a:lnTo>
                      <a:pt x="2315" y="1144"/>
                    </a:lnTo>
                    <a:lnTo>
                      <a:pt x="2401" y="1259"/>
                    </a:lnTo>
                    <a:lnTo>
                      <a:pt x="2481" y="1377"/>
                    </a:lnTo>
                    <a:lnTo>
                      <a:pt x="2556" y="1501"/>
                    </a:lnTo>
                    <a:lnTo>
                      <a:pt x="2624" y="1626"/>
                    </a:lnTo>
                    <a:lnTo>
                      <a:pt x="2686" y="1757"/>
                    </a:lnTo>
                    <a:lnTo>
                      <a:pt x="2742" y="1890"/>
                    </a:lnTo>
                    <a:lnTo>
                      <a:pt x="2793" y="2027"/>
                    </a:lnTo>
                    <a:lnTo>
                      <a:pt x="2836" y="2166"/>
                    </a:lnTo>
                    <a:lnTo>
                      <a:pt x="2873" y="2308"/>
                    </a:lnTo>
                    <a:lnTo>
                      <a:pt x="2902" y="2453"/>
                    </a:lnTo>
                    <a:lnTo>
                      <a:pt x="2925" y="2600"/>
                    </a:lnTo>
                    <a:lnTo>
                      <a:pt x="2941" y="2748"/>
                    </a:lnTo>
                    <a:lnTo>
                      <a:pt x="2948" y="2900"/>
                    </a:lnTo>
                    <a:lnTo>
                      <a:pt x="2948" y="305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17" name="Freeform 315"/>
              <p:cNvSpPr>
                <a:spLocks noEditPoints="1"/>
              </p:cNvSpPr>
              <p:nvPr/>
            </p:nvSpPr>
            <p:spPr bwMode="auto">
              <a:xfrm>
                <a:off x="9855200" y="3897313"/>
                <a:ext cx="1076325" cy="715962"/>
              </a:xfrm>
              <a:custGeom>
                <a:avLst/>
                <a:gdLst/>
                <a:ahLst/>
                <a:cxnLst>
                  <a:cxn ang="0">
                    <a:pos x="13800" y="1"/>
                  </a:cxn>
                  <a:cxn ang="0">
                    <a:pos x="13870" y="11"/>
                  </a:cxn>
                  <a:cxn ang="0">
                    <a:pos x="13938" y="29"/>
                  </a:cxn>
                  <a:cxn ang="0">
                    <a:pos x="14000" y="58"/>
                  </a:cxn>
                  <a:cxn ang="0">
                    <a:pos x="14057" y="95"/>
                  </a:cxn>
                  <a:cxn ang="0">
                    <a:pos x="14109" y="139"/>
                  </a:cxn>
                  <a:cxn ang="0">
                    <a:pos x="14154" y="190"/>
                  </a:cxn>
                  <a:cxn ang="0">
                    <a:pos x="14190" y="248"/>
                  </a:cxn>
                  <a:cxn ang="0">
                    <a:pos x="14219" y="311"/>
                  </a:cxn>
                  <a:cxn ang="0">
                    <a:pos x="14238" y="378"/>
                  </a:cxn>
                  <a:cxn ang="0">
                    <a:pos x="14247" y="449"/>
                  </a:cxn>
                  <a:cxn ang="0">
                    <a:pos x="14247" y="9034"/>
                  </a:cxn>
                  <a:cxn ang="0">
                    <a:pos x="14238" y="9104"/>
                  </a:cxn>
                  <a:cxn ang="0">
                    <a:pos x="14219" y="9171"/>
                  </a:cxn>
                  <a:cxn ang="0">
                    <a:pos x="14190" y="9234"/>
                  </a:cxn>
                  <a:cxn ang="0">
                    <a:pos x="14154" y="9291"/>
                  </a:cxn>
                  <a:cxn ang="0">
                    <a:pos x="14109" y="9343"/>
                  </a:cxn>
                  <a:cxn ang="0">
                    <a:pos x="14057" y="9387"/>
                  </a:cxn>
                  <a:cxn ang="0">
                    <a:pos x="14000" y="9424"/>
                  </a:cxn>
                  <a:cxn ang="0">
                    <a:pos x="13938" y="9452"/>
                  </a:cxn>
                  <a:cxn ang="0">
                    <a:pos x="13870" y="9472"/>
                  </a:cxn>
                  <a:cxn ang="0">
                    <a:pos x="13800" y="9480"/>
                  </a:cxn>
                  <a:cxn ang="0">
                    <a:pos x="447" y="9480"/>
                  </a:cxn>
                  <a:cxn ang="0">
                    <a:pos x="377" y="9472"/>
                  </a:cxn>
                  <a:cxn ang="0">
                    <a:pos x="309" y="9452"/>
                  </a:cxn>
                  <a:cxn ang="0">
                    <a:pos x="247" y="9424"/>
                  </a:cxn>
                  <a:cxn ang="0">
                    <a:pos x="190" y="9387"/>
                  </a:cxn>
                  <a:cxn ang="0">
                    <a:pos x="138" y="9343"/>
                  </a:cxn>
                  <a:cxn ang="0">
                    <a:pos x="93" y="9291"/>
                  </a:cxn>
                  <a:cxn ang="0">
                    <a:pos x="57" y="9234"/>
                  </a:cxn>
                  <a:cxn ang="0">
                    <a:pos x="29" y="9171"/>
                  </a:cxn>
                  <a:cxn ang="0">
                    <a:pos x="9" y="9104"/>
                  </a:cxn>
                  <a:cxn ang="0">
                    <a:pos x="1" y="9034"/>
                  </a:cxn>
                  <a:cxn ang="0">
                    <a:pos x="1" y="449"/>
                  </a:cxn>
                  <a:cxn ang="0">
                    <a:pos x="9" y="378"/>
                  </a:cxn>
                  <a:cxn ang="0">
                    <a:pos x="29" y="311"/>
                  </a:cxn>
                  <a:cxn ang="0">
                    <a:pos x="57" y="248"/>
                  </a:cxn>
                  <a:cxn ang="0">
                    <a:pos x="93" y="190"/>
                  </a:cxn>
                  <a:cxn ang="0">
                    <a:pos x="138" y="139"/>
                  </a:cxn>
                  <a:cxn ang="0">
                    <a:pos x="190" y="95"/>
                  </a:cxn>
                  <a:cxn ang="0">
                    <a:pos x="247" y="58"/>
                  </a:cxn>
                  <a:cxn ang="0">
                    <a:pos x="309" y="29"/>
                  </a:cxn>
                  <a:cxn ang="0">
                    <a:pos x="377" y="11"/>
                  </a:cxn>
                  <a:cxn ang="0">
                    <a:pos x="447" y="1"/>
                  </a:cxn>
                  <a:cxn ang="0">
                    <a:pos x="12797" y="1205"/>
                  </a:cxn>
                  <a:cxn ang="0">
                    <a:pos x="1451" y="1205"/>
                  </a:cxn>
                </a:cxnLst>
                <a:rect l="0" t="0" r="r" b="b"/>
                <a:pathLst>
                  <a:path w="14247" h="9481">
                    <a:moveTo>
                      <a:pt x="471" y="0"/>
                    </a:moveTo>
                    <a:lnTo>
                      <a:pt x="13776" y="0"/>
                    </a:lnTo>
                    <a:lnTo>
                      <a:pt x="13800" y="1"/>
                    </a:lnTo>
                    <a:lnTo>
                      <a:pt x="13823" y="3"/>
                    </a:lnTo>
                    <a:lnTo>
                      <a:pt x="13847" y="7"/>
                    </a:lnTo>
                    <a:lnTo>
                      <a:pt x="13870" y="11"/>
                    </a:lnTo>
                    <a:lnTo>
                      <a:pt x="13893" y="16"/>
                    </a:lnTo>
                    <a:lnTo>
                      <a:pt x="13916" y="22"/>
                    </a:lnTo>
                    <a:lnTo>
                      <a:pt x="13938" y="29"/>
                    </a:lnTo>
                    <a:lnTo>
                      <a:pt x="13958" y="38"/>
                    </a:lnTo>
                    <a:lnTo>
                      <a:pt x="13979" y="47"/>
                    </a:lnTo>
                    <a:lnTo>
                      <a:pt x="14000" y="58"/>
                    </a:lnTo>
                    <a:lnTo>
                      <a:pt x="14020" y="70"/>
                    </a:lnTo>
                    <a:lnTo>
                      <a:pt x="14038" y="81"/>
                    </a:lnTo>
                    <a:lnTo>
                      <a:pt x="14057" y="95"/>
                    </a:lnTo>
                    <a:lnTo>
                      <a:pt x="14075" y="109"/>
                    </a:lnTo>
                    <a:lnTo>
                      <a:pt x="14092" y="124"/>
                    </a:lnTo>
                    <a:lnTo>
                      <a:pt x="14109" y="139"/>
                    </a:lnTo>
                    <a:lnTo>
                      <a:pt x="14125" y="156"/>
                    </a:lnTo>
                    <a:lnTo>
                      <a:pt x="14139" y="173"/>
                    </a:lnTo>
                    <a:lnTo>
                      <a:pt x="14154" y="190"/>
                    </a:lnTo>
                    <a:lnTo>
                      <a:pt x="14166" y="209"/>
                    </a:lnTo>
                    <a:lnTo>
                      <a:pt x="14179" y="229"/>
                    </a:lnTo>
                    <a:lnTo>
                      <a:pt x="14190" y="248"/>
                    </a:lnTo>
                    <a:lnTo>
                      <a:pt x="14200" y="268"/>
                    </a:lnTo>
                    <a:lnTo>
                      <a:pt x="14210" y="289"/>
                    </a:lnTo>
                    <a:lnTo>
                      <a:pt x="14219" y="311"/>
                    </a:lnTo>
                    <a:lnTo>
                      <a:pt x="14226" y="333"/>
                    </a:lnTo>
                    <a:lnTo>
                      <a:pt x="14233" y="355"/>
                    </a:lnTo>
                    <a:lnTo>
                      <a:pt x="14238" y="378"/>
                    </a:lnTo>
                    <a:lnTo>
                      <a:pt x="14242" y="401"/>
                    </a:lnTo>
                    <a:lnTo>
                      <a:pt x="14245" y="425"/>
                    </a:lnTo>
                    <a:lnTo>
                      <a:pt x="14247" y="449"/>
                    </a:lnTo>
                    <a:lnTo>
                      <a:pt x="14247" y="473"/>
                    </a:lnTo>
                    <a:lnTo>
                      <a:pt x="14247" y="9010"/>
                    </a:lnTo>
                    <a:lnTo>
                      <a:pt x="14247" y="9034"/>
                    </a:lnTo>
                    <a:lnTo>
                      <a:pt x="14245" y="9058"/>
                    </a:lnTo>
                    <a:lnTo>
                      <a:pt x="14242" y="9081"/>
                    </a:lnTo>
                    <a:lnTo>
                      <a:pt x="14238" y="9104"/>
                    </a:lnTo>
                    <a:lnTo>
                      <a:pt x="14233" y="9127"/>
                    </a:lnTo>
                    <a:lnTo>
                      <a:pt x="14226" y="9149"/>
                    </a:lnTo>
                    <a:lnTo>
                      <a:pt x="14219" y="9171"/>
                    </a:lnTo>
                    <a:lnTo>
                      <a:pt x="14210" y="9192"/>
                    </a:lnTo>
                    <a:lnTo>
                      <a:pt x="14200" y="9213"/>
                    </a:lnTo>
                    <a:lnTo>
                      <a:pt x="14190" y="9234"/>
                    </a:lnTo>
                    <a:lnTo>
                      <a:pt x="14179" y="9254"/>
                    </a:lnTo>
                    <a:lnTo>
                      <a:pt x="14166" y="9272"/>
                    </a:lnTo>
                    <a:lnTo>
                      <a:pt x="14154" y="9291"/>
                    </a:lnTo>
                    <a:lnTo>
                      <a:pt x="14139" y="9309"/>
                    </a:lnTo>
                    <a:lnTo>
                      <a:pt x="14125" y="9326"/>
                    </a:lnTo>
                    <a:lnTo>
                      <a:pt x="14109" y="9343"/>
                    </a:lnTo>
                    <a:lnTo>
                      <a:pt x="14092" y="9359"/>
                    </a:lnTo>
                    <a:lnTo>
                      <a:pt x="14075" y="9373"/>
                    </a:lnTo>
                    <a:lnTo>
                      <a:pt x="14057" y="9387"/>
                    </a:lnTo>
                    <a:lnTo>
                      <a:pt x="14038" y="9400"/>
                    </a:lnTo>
                    <a:lnTo>
                      <a:pt x="14020" y="9412"/>
                    </a:lnTo>
                    <a:lnTo>
                      <a:pt x="14000" y="9424"/>
                    </a:lnTo>
                    <a:lnTo>
                      <a:pt x="13979" y="9434"/>
                    </a:lnTo>
                    <a:lnTo>
                      <a:pt x="13958" y="9444"/>
                    </a:lnTo>
                    <a:lnTo>
                      <a:pt x="13938" y="9452"/>
                    </a:lnTo>
                    <a:lnTo>
                      <a:pt x="13916" y="9460"/>
                    </a:lnTo>
                    <a:lnTo>
                      <a:pt x="13893" y="9466"/>
                    </a:lnTo>
                    <a:lnTo>
                      <a:pt x="13870" y="9472"/>
                    </a:lnTo>
                    <a:lnTo>
                      <a:pt x="13847" y="9476"/>
                    </a:lnTo>
                    <a:lnTo>
                      <a:pt x="13823" y="9479"/>
                    </a:lnTo>
                    <a:lnTo>
                      <a:pt x="13800" y="9480"/>
                    </a:lnTo>
                    <a:lnTo>
                      <a:pt x="13776" y="9481"/>
                    </a:lnTo>
                    <a:lnTo>
                      <a:pt x="471" y="9481"/>
                    </a:lnTo>
                    <a:lnTo>
                      <a:pt x="447" y="9480"/>
                    </a:lnTo>
                    <a:lnTo>
                      <a:pt x="424" y="9479"/>
                    </a:lnTo>
                    <a:lnTo>
                      <a:pt x="400" y="9476"/>
                    </a:lnTo>
                    <a:lnTo>
                      <a:pt x="377" y="9472"/>
                    </a:lnTo>
                    <a:lnTo>
                      <a:pt x="354" y="9466"/>
                    </a:lnTo>
                    <a:lnTo>
                      <a:pt x="332" y="9460"/>
                    </a:lnTo>
                    <a:lnTo>
                      <a:pt x="309" y="9452"/>
                    </a:lnTo>
                    <a:lnTo>
                      <a:pt x="289" y="9444"/>
                    </a:lnTo>
                    <a:lnTo>
                      <a:pt x="268" y="9434"/>
                    </a:lnTo>
                    <a:lnTo>
                      <a:pt x="247" y="9424"/>
                    </a:lnTo>
                    <a:lnTo>
                      <a:pt x="227" y="9412"/>
                    </a:lnTo>
                    <a:lnTo>
                      <a:pt x="209" y="9400"/>
                    </a:lnTo>
                    <a:lnTo>
                      <a:pt x="190" y="9387"/>
                    </a:lnTo>
                    <a:lnTo>
                      <a:pt x="172" y="9373"/>
                    </a:lnTo>
                    <a:lnTo>
                      <a:pt x="155" y="9359"/>
                    </a:lnTo>
                    <a:lnTo>
                      <a:pt x="138" y="9343"/>
                    </a:lnTo>
                    <a:lnTo>
                      <a:pt x="123" y="9326"/>
                    </a:lnTo>
                    <a:lnTo>
                      <a:pt x="108" y="9309"/>
                    </a:lnTo>
                    <a:lnTo>
                      <a:pt x="93" y="9291"/>
                    </a:lnTo>
                    <a:lnTo>
                      <a:pt x="81" y="9272"/>
                    </a:lnTo>
                    <a:lnTo>
                      <a:pt x="69" y="9254"/>
                    </a:lnTo>
                    <a:lnTo>
                      <a:pt x="57" y="9234"/>
                    </a:lnTo>
                    <a:lnTo>
                      <a:pt x="47" y="9213"/>
                    </a:lnTo>
                    <a:lnTo>
                      <a:pt x="37" y="9192"/>
                    </a:lnTo>
                    <a:lnTo>
                      <a:pt x="29" y="9171"/>
                    </a:lnTo>
                    <a:lnTo>
                      <a:pt x="21" y="9149"/>
                    </a:lnTo>
                    <a:lnTo>
                      <a:pt x="15" y="9127"/>
                    </a:lnTo>
                    <a:lnTo>
                      <a:pt x="9" y="9104"/>
                    </a:lnTo>
                    <a:lnTo>
                      <a:pt x="5" y="9081"/>
                    </a:lnTo>
                    <a:lnTo>
                      <a:pt x="2" y="9058"/>
                    </a:lnTo>
                    <a:lnTo>
                      <a:pt x="1" y="9034"/>
                    </a:lnTo>
                    <a:lnTo>
                      <a:pt x="0" y="9010"/>
                    </a:lnTo>
                    <a:lnTo>
                      <a:pt x="0" y="473"/>
                    </a:lnTo>
                    <a:lnTo>
                      <a:pt x="1" y="449"/>
                    </a:lnTo>
                    <a:lnTo>
                      <a:pt x="2" y="425"/>
                    </a:lnTo>
                    <a:lnTo>
                      <a:pt x="5" y="401"/>
                    </a:lnTo>
                    <a:lnTo>
                      <a:pt x="9" y="378"/>
                    </a:lnTo>
                    <a:lnTo>
                      <a:pt x="15" y="355"/>
                    </a:lnTo>
                    <a:lnTo>
                      <a:pt x="21" y="333"/>
                    </a:lnTo>
                    <a:lnTo>
                      <a:pt x="29" y="311"/>
                    </a:lnTo>
                    <a:lnTo>
                      <a:pt x="37" y="289"/>
                    </a:lnTo>
                    <a:lnTo>
                      <a:pt x="47" y="268"/>
                    </a:lnTo>
                    <a:lnTo>
                      <a:pt x="57" y="248"/>
                    </a:lnTo>
                    <a:lnTo>
                      <a:pt x="69" y="229"/>
                    </a:lnTo>
                    <a:lnTo>
                      <a:pt x="81" y="209"/>
                    </a:lnTo>
                    <a:lnTo>
                      <a:pt x="93" y="190"/>
                    </a:lnTo>
                    <a:lnTo>
                      <a:pt x="108" y="173"/>
                    </a:lnTo>
                    <a:lnTo>
                      <a:pt x="123" y="156"/>
                    </a:lnTo>
                    <a:lnTo>
                      <a:pt x="138" y="139"/>
                    </a:lnTo>
                    <a:lnTo>
                      <a:pt x="155" y="124"/>
                    </a:lnTo>
                    <a:lnTo>
                      <a:pt x="172" y="109"/>
                    </a:lnTo>
                    <a:lnTo>
                      <a:pt x="190" y="95"/>
                    </a:lnTo>
                    <a:lnTo>
                      <a:pt x="209" y="81"/>
                    </a:lnTo>
                    <a:lnTo>
                      <a:pt x="227" y="70"/>
                    </a:lnTo>
                    <a:lnTo>
                      <a:pt x="247" y="58"/>
                    </a:lnTo>
                    <a:lnTo>
                      <a:pt x="268" y="47"/>
                    </a:lnTo>
                    <a:lnTo>
                      <a:pt x="289" y="38"/>
                    </a:lnTo>
                    <a:lnTo>
                      <a:pt x="309" y="29"/>
                    </a:lnTo>
                    <a:lnTo>
                      <a:pt x="332" y="22"/>
                    </a:lnTo>
                    <a:lnTo>
                      <a:pt x="354" y="16"/>
                    </a:lnTo>
                    <a:lnTo>
                      <a:pt x="377" y="11"/>
                    </a:lnTo>
                    <a:lnTo>
                      <a:pt x="400" y="7"/>
                    </a:lnTo>
                    <a:lnTo>
                      <a:pt x="424" y="3"/>
                    </a:lnTo>
                    <a:lnTo>
                      <a:pt x="447" y="1"/>
                    </a:lnTo>
                    <a:lnTo>
                      <a:pt x="471" y="0"/>
                    </a:lnTo>
                    <a:close/>
                    <a:moveTo>
                      <a:pt x="1451" y="1205"/>
                    </a:moveTo>
                    <a:lnTo>
                      <a:pt x="12797" y="1205"/>
                    </a:lnTo>
                    <a:lnTo>
                      <a:pt x="12797" y="8276"/>
                    </a:lnTo>
                    <a:lnTo>
                      <a:pt x="1451" y="8276"/>
                    </a:lnTo>
                    <a:lnTo>
                      <a:pt x="1451" y="120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18" name="Freeform 316"/>
              <p:cNvSpPr>
                <a:spLocks noEditPoints="1"/>
              </p:cNvSpPr>
              <p:nvPr/>
            </p:nvSpPr>
            <p:spPr bwMode="auto">
              <a:xfrm>
                <a:off x="10250488" y="4113213"/>
                <a:ext cx="149225" cy="222250"/>
              </a:xfrm>
              <a:custGeom>
                <a:avLst/>
                <a:gdLst/>
                <a:ahLst/>
                <a:cxnLst>
                  <a:cxn ang="0">
                    <a:pos x="1143" y="12"/>
                  </a:cxn>
                  <a:cxn ang="0">
                    <a:pos x="1333" y="61"/>
                  </a:cxn>
                  <a:cxn ang="0">
                    <a:pos x="1506" y="145"/>
                  </a:cxn>
                  <a:cxn ang="0">
                    <a:pos x="1659" y="259"/>
                  </a:cxn>
                  <a:cxn ang="0">
                    <a:pos x="1787" y="399"/>
                  </a:cxn>
                  <a:cxn ang="0">
                    <a:pos x="1887" y="563"/>
                  </a:cxn>
                  <a:cxn ang="0">
                    <a:pos x="1953" y="745"/>
                  </a:cxn>
                  <a:cxn ang="0">
                    <a:pos x="1983" y="942"/>
                  </a:cxn>
                  <a:cxn ang="0">
                    <a:pos x="1977" y="1112"/>
                  </a:cxn>
                  <a:cxn ang="0">
                    <a:pos x="1946" y="1265"/>
                  </a:cxn>
                  <a:cxn ang="0">
                    <a:pos x="1893" y="1408"/>
                  </a:cxn>
                  <a:cxn ang="0">
                    <a:pos x="1818" y="1540"/>
                  </a:cxn>
                  <a:cxn ang="0">
                    <a:pos x="202" y="1591"/>
                  </a:cxn>
                  <a:cxn ang="0">
                    <a:pos x="118" y="1458"/>
                  </a:cxn>
                  <a:cxn ang="0">
                    <a:pos x="53" y="1312"/>
                  </a:cxn>
                  <a:cxn ang="0">
                    <a:pos x="14" y="1157"/>
                  </a:cxn>
                  <a:cxn ang="0">
                    <a:pos x="0" y="993"/>
                  </a:cxn>
                  <a:cxn ang="0">
                    <a:pos x="20" y="792"/>
                  </a:cxn>
                  <a:cxn ang="0">
                    <a:pos x="78" y="607"/>
                  </a:cxn>
                  <a:cxn ang="0">
                    <a:pos x="170" y="438"/>
                  </a:cxn>
                  <a:cxn ang="0">
                    <a:pos x="291" y="291"/>
                  </a:cxn>
                  <a:cxn ang="0">
                    <a:pos x="438" y="170"/>
                  </a:cxn>
                  <a:cxn ang="0">
                    <a:pos x="607" y="78"/>
                  </a:cxn>
                  <a:cxn ang="0">
                    <a:pos x="792" y="20"/>
                  </a:cxn>
                  <a:cxn ang="0">
                    <a:pos x="993" y="0"/>
                  </a:cxn>
                  <a:cxn ang="0">
                    <a:pos x="1079" y="428"/>
                  </a:cxn>
                  <a:cxn ang="0">
                    <a:pos x="1188" y="456"/>
                  </a:cxn>
                  <a:cxn ang="0">
                    <a:pos x="1289" y="504"/>
                  </a:cxn>
                  <a:cxn ang="0">
                    <a:pos x="1376" y="570"/>
                  </a:cxn>
                  <a:cxn ang="0">
                    <a:pos x="1450" y="651"/>
                  </a:cxn>
                  <a:cxn ang="0">
                    <a:pos x="1507" y="745"/>
                  </a:cxn>
                  <a:cxn ang="0">
                    <a:pos x="1545" y="850"/>
                  </a:cxn>
                  <a:cxn ang="0">
                    <a:pos x="1563" y="963"/>
                  </a:cxn>
                  <a:cxn ang="0">
                    <a:pos x="1557" y="1079"/>
                  </a:cxn>
                  <a:cxn ang="0">
                    <a:pos x="1529" y="1188"/>
                  </a:cxn>
                  <a:cxn ang="0">
                    <a:pos x="1481" y="1289"/>
                  </a:cxn>
                  <a:cxn ang="0">
                    <a:pos x="1415" y="1376"/>
                  </a:cxn>
                  <a:cxn ang="0">
                    <a:pos x="1333" y="1449"/>
                  </a:cxn>
                  <a:cxn ang="0">
                    <a:pos x="1240" y="1507"/>
                  </a:cxn>
                  <a:cxn ang="0">
                    <a:pos x="1135" y="1545"/>
                  </a:cxn>
                  <a:cxn ang="0">
                    <a:pos x="1022" y="1563"/>
                  </a:cxn>
                  <a:cxn ang="0">
                    <a:pos x="906" y="1556"/>
                  </a:cxn>
                  <a:cxn ang="0">
                    <a:pos x="797" y="1528"/>
                  </a:cxn>
                  <a:cxn ang="0">
                    <a:pos x="697" y="1481"/>
                  </a:cxn>
                  <a:cxn ang="0">
                    <a:pos x="609" y="1415"/>
                  </a:cxn>
                  <a:cxn ang="0">
                    <a:pos x="535" y="1334"/>
                  </a:cxn>
                  <a:cxn ang="0">
                    <a:pos x="478" y="1240"/>
                  </a:cxn>
                  <a:cxn ang="0">
                    <a:pos x="440" y="1135"/>
                  </a:cxn>
                  <a:cxn ang="0">
                    <a:pos x="422" y="1022"/>
                  </a:cxn>
                  <a:cxn ang="0">
                    <a:pos x="428" y="906"/>
                  </a:cxn>
                  <a:cxn ang="0">
                    <a:pos x="456" y="797"/>
                  </a:cxn>
                  <a:cxn ang="0">
                    <a:pos x="504" y="697"/>
                  </a:cxn>
                  <a:cxn ang="0">
                    <a:pos x="570" y="609"/>
                  </a:cxn>
                  <a:cxn ang="0">
                    <a:pos x="651" y="535"/>
                  </a:cxn>
                  <a:cxn ang="0">
                    <a:pos x="745" y="478"/>
                  </a:cxn>
                  <a:cxn ang="0">
                    <a:pos x="850" y="440"/>
                  </a:cxn>
                  <a:cxn ang="0">
                    <a:pos x="963" y="422"/>
                  </a:cxn>
                </a:cxnLst>
                <a:rect l="0" t="0" r="r" b="b"/>
                <a:pathLst>
                  <a:path w="1984" h="2926">
                    <a:moveTo>
                      <a:pt x="993" y="0"/>
                    </a:moveTo>
                    <a:lnTo>
                      <a:pt x="1044" y="2"/>
                    </a:lnTo>
                    <a:lnTo>
                      <a:pt x="1094" y="6"/>
                    </a:lnTo>
                    <a:lnTo>
                      <a:pt x="1143" y="12"/>
                    </a:lnTo>
                    <a:lnTo>
                      <a:pt x="1192" y="20"/>
                    </a:lnTo>
                    <a:lnTo>
                      <a:pt x="1240" y="32"/>
                    </a:lnTo>
                    <a:lnTo>
                      <a:pt x="1287" y="45"/>
                    </a:lnTo>
                    <a:lnTo>
                      <a:pt x="1333" y="61"/>
                    </a:lnTo>
                    <a:lnTo>
                      <a:pt x="1378" y="78"/>
                    </a:lnTo>
                    <a:lnTo>
                      <a:pt x="1422" y="98"/>
                    </a:lnTo>
                    <a:lnTo>
                      <a:pt x="1464" y="121"/>
                    </a:lnTo>
                    <a:lnTo>
                      <a:pt x="1506" y="145"/>
                    </a:lnTo>
                    <a:lnTo>
                      <a:pt x="1546" y="170"/>
                    </a:lnTo>
                    <a:lnTo>
                      <a:pt x="1586" y="198"/>
                    </a:lnTo>
                    <a:lnTo>
                      <a:pt x="1623" y="228"/>
                    </a:lnTo>
                    <a:lnTo>
                      <a:pt x="1659" y="259"/>
                    </a:lnTo>
                    <a:lnTo>
                      <a:pt x="1694" y="291"/>
                    </a:lnTo>
                    <a:lnTo>
                      <a:pt x="1727" y="326"/>
                    </a:lnTo>
                    <a:lnTo>
                      <a:pt x="1758" y="362"/>
                    </a:lnTo>
                    <a:lnTo>
                      <a:pt x="1787" y="399"/>
                    </a:lnTo>
                    <a:lnTo>
                      <a:pt x="1815" y="438"/>
                    </a:lnTo>
                    <a:lnTo>
                      <a:pt x="1841" y="479"/>
                    </a:lnTo>
                    <a:lnTo>
                      <a:pt x="1865" y="520"/>
                    </a:lnTo>
                    <a:lnTo>
                      <a:pt x="1887" y="563"/>
                    </a:lnTo>
                    <a:lnTo>
                      <a:pt x="1906" y="607"/>
                    </a:lnTo>
                    <a:lnTo>
                      <a:pt x="1924" y="652"/>
                    </a:lnTo>
                    <a:lnTo>
                      <a:pt x="1940" y="698"/>
                    </a:lnTo>
                    <a:lnTo>
                      <a:pt x="1953" y="745"/>
                    </a:lnTo>
                    <a:lnTo>
                      <a:pt x="1965" y="792"/>
                    </a:lnTo>
                    <a:lnTo>
                      <a:pt x="1973" y="841"/>
                    </a:lnTo>
                    <a:lnTo>
                      <a:pt x="1979" y="891"/>
                    </a:lnTo>
                    <a:lnTo>
                      <a:pt x="1983" y="942"/>
                    </a:lnTo>
                    <a:lnTo>
                      <a:pt x="1984" y="993"/>
                    </a:lnTo>
                    <a:lnTo>
                      <a:pt x="1984" y="1032"/>
                    </a:lnTo>
                    <a:lnTo>
                      <a:pt x="1981" y="1073"/>
                    </a:lnTo>
                    <a:lnTo>
                      <a:pt x="1977" y="1112"/>
                    </a:lnTo>
                    <a:lnTo>
                      <a:pt x="1972" y="1151"/>
                    </a:lnTo>
                    <a:lnTo>
                      <a:pt x="1965" y="1189"/>
                    </a:lnTo>
                    <a:lnTo>
                      <a:pt x="1956" y="1227"/>
                    </a:lnTo>
                    <a:lnTo>
                      <a:pt x="1946" y="1265"/>
                    </a:lnTo>
                    <a:lnTo>
                      <a:pt x="1936" y="1301"/>
                    </a:lnTo>
                    <a:lnTo>
                      <a:pt x="1922" y="1337"/>
                    </a:lnTo>
                    <a:lnTo>
                      <a:pt x="1909" y="1373"/>
                    </a:lnTo>
                    <a:lnTo>
                      <a:pt x="1893" y="1408"/>
                    </a:lnTo>
                    <a:lnTo>
                      <a:pt x="1876" y="1442"/>
                    </a:lnTo>
                    <a:lnTo>
                      <a:pt x="1859" y="1475"/>
                    </a:lnTo>
                    <a:lnTo>
                      <a:pt x="1839" y="1508"/>
                    </a:lnTo>
                    <a:lnTo>
                      <a:pt x="1818" y="1540"/>
                    </a:lnTo>
                    <a:lnTo>
                      <a:pt x="1797" y="1571"/>
                    </a:lnTo>
                    <a:lnTo>
                      <a:pt x="1023" y="2926"/>
                    </a:lnTo>
                    <a:lnTo>
                      <a:pt x="199" y="1591"/>
                    </a:lnTo>
                    <a:lnTo>
                      <a:pt x="202" y="1591"/>
                    </a:lnTo>
                    <a:lnTo>
                      <a:pt x="179" y="1558"/>
                    </a:lnTo>
                    <a:lnTo>
                      <a:pt x="157" y="1526"/>
                    </a:lnTo>
                    <a:lnTo>
                      <a:pt x="136" y="1492"/>
                    </a:lnTo>
                    <a:lnTo>
                      <a:pt x="118" y="1458"/>
                    </a:lnTo>
                    <a:lnTo>
                      <a:pt x="99" y="1422"/>
                    </a:lnTo>
                    <a:lnTo>
                      <a:pt x="82" y="1387"/>
                    </a:lnTo>
                    <a:lnTo>
                      <a:pt x="68" y="1351"/>
                    </a:lnTo>
                    <a:lnTo>
                      <a:pt x="53" y="1312"/>
                    </a:lnTo>
                    <a:lnTo>
                      <a:pt x="42" y="1275"/>
                    </a:lnTo>
                    <a:lnTo>
                      <a:pt x="30" y="1237"/>
                    </a:lnTo>
                    <a:lnTo>
                      <a:pt x="21" y="1197"/>
                    </a:lnTo>
                    <a:lnTo>
                      <a:pt x="14" y="1157"/>
                    </a:lnTo>
                    <a:lnTo>
                      <a:pt x="8" y="1116"/>
                    </a:lnTo>
                    <a:lnTo>
                      <a:pt x="3" y="1076"/>
                    </a:lnTo>
                    <a:lnTo>
                      <a:pt x="1" y="1034"/>
                    </a:lnTo>
                    <a:lnTo>
                      <a:pt x="0" y="993"/>
                    </a:lnTo>
                    <a:lnTo>
                      <a:pt x="1" y="942"/>
                    </a:lnTo>
                    <a:lnTo>
                      <a:pt x="6" y="891"/>
                    </a:lnTo>
                    <a:lnTo>
                      <a:pt x="12" y="841"/>
                    </a:lnTo>
                    <a:lnTo>
                      <a:pt x="20" y="792"/>
                    </a:lnTo>
                    <a:lnTo>
                      <a:pt x="31" y="745"/>
                    </a:lnTo>
                    <a:lnTo>
                      <a:pt x="45" y="698"/>
                    </a:lnTo>
                    <a:lnTo>
                      <a:pt x="61" y="652"/>
                    </a:lnTo>
                    <a:lnTo>
                      <a:pt x="78" y="607"/>
                    </a:lnTo>
                    <a:lnTo>
                      <a:pt x="98" y="563"/>
                    </a:lnTo>
                    <a:lnTo>
                      <a:pt x="120" y="520"/>
                    </a:lnTo>
                    <a:lnTo>
                      <a:pt x="144" y="479"/>
                    </a:lnTo>
                    <a:lnTo>
                      <a:pt x="170" y="438"/>
                    </a:lnTo>
                    <a:lnTo>
                      <a:pt x="198" y="399"/>
                    </a:lnTo>
                    <a:lnTo>
                      <a:pt x="228" y="362"/>
                    </a:lnTo>
                    <a:lnTo>
                      <a:pt x="259" y="326"/>
                    </a:lnTo>
                    <a:lnTo>
                      <a:pt x="291" y="291"/>
                    </a:lnTo>
                    <a:lnTo>
                      <a:pt x="326" y="259"/>
                    </a:lnTo>
                    <a:lnTo>
                      <a:pt x="362" y="228"/>
                    </a:lnTo>
                    <a:lnTo>
                      <a:pt x="399" y="198"/>
                    </a:lnTo>
                    <a:lnTo>
                      <a:pt x="438" y="170"/>
                    </a:lnTo>
                    <a:lnTo>
                      <a:pt x="479" y="145"/>
                    </a:lnTo>
                    <a:lnTo>
                      <a:pt x="520" y="121"/>
                    </a:lnTo>
                    <a:lnTo>
                      <a:pt x="563" y="98"/>
                    </a:lnTo>
                    <a:lnTo>
                      <a:pt x="607" y="78"/>
                    </a:lnTo>
                    <a:lnTo>
                      <a:pt x="651" y="61"/>
                    </a:lnTo>
                    <a:lnTo>
                      <a:pt x="698" y="45"/>
                    </a:lnTo>
                    <a:lnTo>
                      <a:pt x="745" y="32"/>
                    </a:lnTo>
                    <a:lnTo>
                      <a:pt x="792" y="20"/>
                    </a:lnTo>
                    <a:lnTo>
                      <a:pt x="841" y="12"/>
                    </a:lnTo>
                    <a:lnTo>
                      <a:pt x="891" y="6"/>
                    </a:lnTo>
                    <a:lnTo>
                      <a:pt x="942" y="2"/>
                    </a:lnTo>
                    <a:lnTo>
                      <a:pt x="993" y="0"/>
                    </a:lnTo>
                    <a:close/>
                    <a:moveTo>
                      <a:pt x="993" y="421"/>
                    </a:moveTo>
                    <a:lnTo>
                      <a:pt x="1022" y="422"/>
                    </a:lnTo>
                    <a:lnTo>
                      <a:pt x="1051" y="424"/>
                    </a:lnTo>
                    <a:lnTo>
                      <a:pt x="1079" y="428"/>
                    </a:lnTo>
                    <a:lnTo>
                      <a:pt x="1107" y="433"/>
                    </a:lnTo>
                    <a:lnTo>
                      <a:pt x="1135" y="440"/>
                    </a:lnTo>
                    <a:lnTo>
                      <a:pt x="1162" y="447"/>
                    </a:lnTo>
                    <a:lnTo>
                      <a:pt x="1188" y="456"/>
                    </a:lnTo>
                    <a:lnTo>
                      <a:pt x="1214" y="467"/>
                    </a:lnTo>
                    <a:lnTo>
                      <a:pt x="1240" y="478"/>
                    </a:lnTo>
                    <a:lnTo>
                      <a:pt x="1264" y="490"/>
                    </a:lnTo>
                    <a:lnTo>
                      <a:pt x="1289" y="504"/>
                    </a:lnTo>
                    <a:lnTo>
                      <a:pt x="1312" y="518"/>
                    </a:lnTo>
                    <a:lnTo>
                      <a:pt x="1333" y="535"/>
                    </a:lnTo>
                    <a:lnTo>
                      <a:pt x="1355" y="552"/>
                    </a:lnTo>
                    <a:lnTo>
                      <a:pt x="1376" y="570"/>
                    </a:lnTo>
                    <a:lnTo>
                      <a:pt x="1396" y="589"/>
                    </a:lnTo>
                    <a:lnTo>
                      <a:pt x="1415" y="609"/>
                    </a:lnTo>
                    <a:lnTo>
                      <a:pt x="1433" y="629"/>
                    </a:lnTo>
                    <a:lnTo>
                      <a:pt x="1450" y="651"/>
                    </a:lnTo>
                    <a:lnTo>
                      <a:pt x="1466" y="673"/>
                    </a:lnTo>
                    <a:lnTo>
                      <a:pt x="1481" y="697"/>
                    </a:lnTo>
                    <a:lnTo>
                      <a:pt x="1494" y="721"/>
                    </a:lnTo>
                    <a:lnTo>
                      <a:pt x="1507" y="745"/>
                    </a:lnTo>
                    <a:lnTo>
                      <a:pt x="1518" y="771"/>
                    </a:lnTo>
                    <a:lnTo>
                      <a:pt x="1529" y="797"/>
                    </a:lnTo>
                    <a:lnTo>
                      <a:pt x="1538" y="823"/>
                    </a:lnTo>
                    <a:lnTo>
                      <a:pt x="1545" y="850"/>
                    </a:lnTo>
                    <a:lnTo>
                      <a:pt x="1552" y="878"/>
                    </a:lnTo>
                    <a:lnTo>
                      <a:pt x="1557" y="906"/>
                    </a:lnTo>
                    <a:lnTo>
                      <a:pt x="1561" y="934"/>
                    </a:lnTo>
                    <a:lnTo>
                      <a:pt x="1563" y="963"/>
                    </a:lnTo>
                    <a:lnTo>
                      <a:pt x="1564" y="993"/>
                    </a:lnTo>
                    <a:lnTo>
                      <a:pt x="1563" y="1022"/>
                    </a:lnTo>
                    <a:lnTo>
                      <a:pt x="1561" y="1051"/>
                    </a:lnTo>
                    <a:lnTo>
                      <a:pt x="1557" y="1079"/>
                    </a:lnTo>
                    <a:lnTo>
                      <a:pt x="1552" y="1107"/>
                    </a:lnTo>
                    <a:lnTo>
                      <a:pt x="1545" y="1135"/>
                    </a:lnTo>
                    <a:lnTo>
                      <a:pt x="1538" y="1162"/>
                    </a:lnTo>
                    <a:lnTo>
                      <a:pt x="1529" y="1188"/>
                    </a:lnTo>
                    <a:lnTo>
                      <a:pt x="1518" y="1214"/>
                    </a:lnTo>
                    <a:lnTo>
                      <a:pt x="1507" y="1240"/>
                    </a:lnTo>
                    <a:lnTo>
                      <a:pt x="1494" y="1265"/>
                    </a:lnTo>
                    <a:lnTo>
                      <a:pt x="1481" y="1289"/>
                    </a:lnTo>
                    <a:lnTo>
                      <a:pt x="1466" y="1311"/>
                    </a:lnTo>
                    <a:lnTo>
                      <a:pt x="1450" y="1334"/>
                    </a:lnTo>
                    <a:lnTo>
                      <a:pt x="1433" y="1355"/>
                    </a:lnTo>
                    <a:lnTo>
                      <a:pt x="1415" y="1376"/>
                    </a:lnTo>
                    <a:lnTo>
                      <a:pt x="1396" y="1395"/>
                    </a:lnTo>
                    <a:lnTo>
                      <a:pt x="1376" y="1415"/>
                    </a:lnTo>
                    <a:lnTo>
                      <a:pt x="1355" y="1433"/>
                    </a:lnTo>
                    <a:lnTo>
                      <a:pt x="1333" y="1449"/>
                    </a:lnTo>
                    <a:lnTo>
                      <a:pt x="1312" y="1466"/>
                    </a:lnTo>
                    <a:lnTo>
                      <a:pt x="1289" y="1481"/>
                    </a:lnTo>
                    <a:lnTo>
                      <a:pt x="1264" y="1494"/>
                    </a:lnTo>
                    <a:lnTo>
                      <a:pt x="1240" y="1507"/>
                    </a:lnTo>
                    <a:lnTo>
                      <a:pt x="1214" y="1518"/>
                    </a:lnTo>
                    <a:lnTo>
                      <a:pt x="1188" y="1528"/>
                    </a:lnTo>
                    <a:lnTo>
                      <a:pt x="1162" y="1538"/>
                    </a:lnTo>
                    <a:lnTo>
                      <a:pt x="1135" y="1545"/>
                    </a:lnTo>
                    <a:lnTo>
                      <a:pt x="1107" y="1552"/>
                    </a:lnTo>
                    <a:lnTo>
                      <a:pt x="1079" y="1556"/>
                    </a:lnTo>
                    <a:lnTo>
                      <a:pt x="1051" y="1561"/>
                    </a:lnTo>
                    <a:lnTo>
                      <a:pt x="1022" y="1563"/>
                    </a:lnTo>
                    <a:lnTo>
                      <a:pt x="993" y="1564"/>
                    </a:lnTo>
                    <a:lnTo>
                      <a:pt x="963" y="1563"/>
                    </a:lnTo>
                    <a:lnTo>
                      <a:pt x="934" y="1561"/>
                    </a:lnTo>
                    <a:lnTo>
                      <a:pt x="906" y="1556"/>
                    </a:lnTo>
                    <a:lnTo>
                      <a:pt x="878" y="1552"/>
                    </a:lnTo>
                    <a:lnTo>
                      <a:pt x="850" y="1545"/>
                    </a:lnTo>
                    <a:lnTo>
                      <a:pt x="823" y="1538"/>
                    </a:lnTo>
                    <a:lnTo>
                      <a:pt x="797" y="1528"/>
                    </a:lnTo>
                    <a:lnTo>
                      <a:pt x="771" y="1518"/>
                    </a:lnTo>
                    <a:lnTo>
                      <a:pt x="745" y="1507"/>
                    </a:lnTo>
                    <a:lnTo>
                      <a:pt x="721" y="1494"/>
                    </a:lnTo>
                    <a:lnTo>
                      <a:pt x="697" y="1481"/>
                    </a:lnTo>
                    <a:lnTo>
                      <a:pt x="673" y="1466"/>
                    </a:lnTo>
                    <a:lnTo>
                      <a:pt x="651" y="1449"/>
                    </a:lnTo>
                    <a:lnTo>
                      <a:pt x="629" y="1433"/>
                    </a:lnTo>
                    <a:lnTo>
                      <a:pt x="609" y="1415"/>
                    </a:lnTo>
                    <a:lnTo>
                      <a:pt x="589" y="1395"/>
                    </a:lnTo>
                    <a:lnTo>
                      <a:pt x="570" y="1376"/>
                    </a:lnTo>
                    <a:lnTo>
                      <a:pt x="552" y="1355"/>
                    </a:lnTo>
                    <a:lnTo>
                      <a:pt x="535" y="1334"/>
                    </a:lnTo>
                    <a:lnTo>
                      <a:pt x="519" y="1311"/>
                    </a:lnTo>
                    <a:lnTo>
                      <a:pt x="504" y="1289"/>
                    </a:lnTo>
                    <a:lnTo>
                      <a:pt x="490" y="1265"/>
                    </a:lnTo>
                    <a:lnTo>
                      <a:pt x="478" y="1240"/>
                    </a:lnTo>
                    <a:lnTo>
                      <a:pt x="466" y="1214"/>
                    </a:lnTo>
                    <a:lnTo>
                      <a:pt x="456" y="1188"/>
                    </a:lnTo>
                    <a:lnTo>
                      <a:pt x="447" y="1162"/>
                    </a:lnTo>
                    <a:lnTo>
                      <a:pt x="440" y="1135"/>
                    </a:lnTo>
                    <a:lnTo>
                      <a:pt x="433" y="1107"/>
                    </a:lnTo>
                    <a:lnTo>
                      <a:pt x="428" y="1079"/>
                    </a:lnTo>
                    <a:lnTo>
                      <a:pt x="424" y="1051"/>
                    </a:lnTo>
                    <a:lnTo>
                      <a:pt x="422" y="1022"/>
                    </a:lnTo>
                    <a:lnTo>
                      <a:pt x="422" y="993"/>
                    </a:lnTo>
                    <a:lnTo>
                      <a:pt x="422" y="963"/>
                    </a:lnTo>
                    <a:lnTo>
                      <a:pt x="424" y="934"/>
                    </a:lnTo>
                    <a:lnTo>
                      <a:pt x="428" y="906"/>
                    </a:lnTo>
                    <a:lnTo>
                      <a:pt x="433" y="878"/>
                    </a:lnTo>
                    <a:lnTo>
                      <a:pt x="440" y="850"/>
                    </a:lnTo>
                    <a:lnTo>
                      <a:pt x="447" y="823"/>
                    </a:lnTo>
                    <a:lnTo>
                      <a:pt x="456" y="797"/>
                    </a:lnTo>
                    <a:lnTo>
                      <a:pt x="466" y="771"/>
                    </a:lnTo>
                    <a:lnTo>
                      <a:pt x="478" y="745"/>
                    </a:lnTo>
                    <a:lnTo>
                      <a:pt x="490" y="721"/>
                    </a:lnTo>
                    <a:lnTo>
                      <a:pt x="504" y="697"/>
                    </a:lnTo>
                    <a:lnTo>
                      <a:pt x="519" y="673"/>
                    </a:lnTo>
                    <a:lnTo>
                      <a:pt x="535" y="651"/>
                    </a:lnTo>
                    <a:lnTo>
                      <a:pt x="552" y="629"/>
                    </a:lnTo>
                    <a:lnTo>
                      <a:pt x="570" y="609"/>
                    </a:lnTo>
                    <a:lnTo>
                      <a:pt x="589" y="589"/>
                    </a:lnTo>
                    <a:lnTo>
                      <a:pt x="609" y="570"/>
                    </a:lnTo>
                    <a:lnTo>
                      <a:pt x="629" y="552"/>
                    </a:lnTo>
                    <a:lnTo>
                      <a:pt x="651" y="535"/>
                    </a:lnTo>
                    <a:lnTo>
                      <a:pt x="673" y="518"/>
                    </a:lnTo>
                    <a:lnTo>
                      <a:pt x="697" y="504"/>
                    </a:lnTo>
                    <a:lnTo>
                      <a:pt x="721" y="490"/>
                    </a:lnTo>
                    <a:lnTo>
                      <a:pt x="745" y="478"/>
                    </a:lnTo>
                    <a:lnTo>
                      <a:pt x="771" y="467"/>
                    </a:lnTo>
                    <a:lnTo>
                      <a:pt x="797" y="456"/>
                    </a:lnTo>
                    <a:lnTo>
                      <a:pt x="823" y="447"/>
                    </a:lnTo>
                    <a:lnTo>
                      <a:pt x="850" y="440"/>
                    </a:lnTo>
                    <a:lnTo>
                      <a:pt x="878" y="433"/>
                    </a:lnTo>
                    <a:lnTo>
                      <a:pt x="906" y="428"/>
                    </a:lnTo>
                    <a:lnTo>
                      <a:pt x="934" y="424"/>
                    </a:lnTo>
                    <a:lnTo>
                      <a:pt x="963" y="422"/>
                    </a:lnTo>
                    <a:lnTo>
                      <a:pt x="993" y="421"/>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sp>
          <p:nvSpPr>
            <p:cNvPr id="209" name="Freeform 321"/>
            <p:cNvSpPr>
              <a:spLocks noEditPoints="1"/>
            </p:cNvSpPr>
            <p:nvPr/>
          </p:nvSpPr>
          <p:spPr bwMode="auto">
            <a:xfrm>
              <a:off x="10990734" y="3428926"/>
              <a:ext cx="415540" cy="279400"/>
            </a:xfrm>
            <a:custGeom>
              <a:avLst/>
              <a:gdLst/>
              <a:ahLst/>
              <a:cxnLst>
                <a:cxn ang="0">
                  <a:pos x="15727" y="26"/>
                </a:cxn>
                <a:cxn ang="0">
                  <a:pos x="15922" y="132"/>
                </a:cxn>
                <a:cxn ang="0">
                  <a:pos x="16062" y="303"/>
                </a:cxn>
                <a:cxn ang="0">
                  <a:pos x="16130" y="519"/>
                </a:cxn>
                <a:cxn ang="0">
                  <a:pos x="7" y="490"/>
                </a:cxn>
                <a:cxn ang="0">
                  <a:pos x="84" y="279"/>
                </a:cxn>
                <a:cxn ang="0">
                  <a:pos x="233" y="115"/>
                </a:cxn>
                <a:cxn ang="0">
                  <a:pos x="434" y="18"/>
                </a:cxn>
                <a:cxn ang="0">
                  <a:pos x="6998" y="7311"/>
                </a:cxn>
                <a:cxn ang="0">
                  <a:pos x="8559" y="2549"/>
                </a:cxn>
                <a:cxn ang="0">
                  <a:pos x="9743" y="2981"/>
                </a:cxn>
                <a:cxn ang="0">
                  <a:pos x="10660" y="3813"/>
                </a:cxn>
                <a:cxn ang="0">
                  <a:pos x="11202" y="4939"/>
                </a:cxn>
                <a:cxn ang="0">
                  <a:pos x="11268" y="6237"/>
                </a:cxn>
                <a:cxn ang="0">
                  <a:pos x="10835" y="7422"/>
                </a:cxn>
                <a:cxn ang="0">
                  <a:pos x="10002" y="8337"/>
                </a:cxn>
                <a:cxn ang="0">
                  <a:pos x="8874" y="8879"/>
                </a:cxn>
                <a:cxn ang="0">
                  <a:pos x="7574" y="8943"/>
                </a:cxn>
                <a:cxn ang="0">
                  <a:pos x="6389" y="8511"/>
                </a:cxn>
                <a:cxn ang="0">
                  <a:pos x="5472" y="7679"/>
                </a:cxn>
                <a:cxn ang="0">
                  <a:pos x="4930" y="6553"/>
                </a:cxn>
                <a:cxn ang="0">
                  <a:pos x="4865" y="5255"/>
                </a:cxn>
                <a:cxn ang="0">
                  <a:pos x="5298" y="4071"/>
                </a:cxn>
                <a:cxn ang="0">
                  <a:pos x="6131" y="3156"/>
                </a:cxn>
                <a:cxn ang="0">
                  <a:pos x="7259" y="2614"/>
                </a:cxn>
                <a:cxn ang="0">
                  <a:pos x="8299" y="3474"/>
                </a:cxn>
                <a:cxn ang="0">
                  <a:pos x="9154" y="3739"/>
                </a:cxn>
                <a:cxn ang="0">
                  <a:pos x="9829" y="4295"/>
                </a:cxn>
                <a:cxn ang="0">
                  <a:pos x="10249" y="5068"/>
                </a:cxn>
                <a:cxn ang="0">
                  <a:pos x="10341" y="5979"/>
                </a:cxn>
                <a:cxn ang="0">
                  <a:pos x="10076" y="6833"/>
                </a:cxn>
                <a:cxn ang="0">
                  <a:pos x="9519" y="7507"/>
                </a:cxn>
                <a:cxn ang="0">
                  <a:pos x="8745" y="7926"/>
                </a:cxn>
                <a:cxn ang="0">
                  <a:pos x="7834" y="8018"/>
                </a:cxn>
                <a:cxn ang="0">
                  <a:pos x="6979" y="7753"/>
                </a:cxn>
                <a:cxn ang="0">
                  <a:pos x="6303" y="7197"/>
                </a:cxn>
                <a:cxn ang="0">
                  <a:pos x="5884" y="6424"/>
                </a:cxn>
                <a:cxn ang="0">
                  <a:pos x="5792" y="5513"/>
                </a:cxn>
                <a:cxn ang="0">
                  <a:pos x="6057" y="4659"/>
                </a:cxn>
                <a:cxn ang="0">
                  <a:pos x="6614" y="3986"/>
                </a:cxn>
                <a:cxn ang="0">
                  <a:pos x="7388" y="3566"/>
                </a:cxn>
                <a:cxn ang="0">
                  <a:pos x="16133" y="9543"/>
                </a:cxn>
                <a:cxn ang="0">
                  <a:pos x="16126" y="11003"/>
                </a:cxn>
                <a:cxn ang="0">
                  <a:pos x="16049" y="11213"/>
                </a:cxn>
                <a:cxn ang="0">
                  <a:pos x="15900" y="11377"/>
                </a:cxn>
                <a:cxn ang="0">
                  <a:pos x="15698" y="11474"/>
                </a:cxn>
                <a:cxn ang="0">
                  <a:pos x="519" y="11489"/>
                </a:cxn>
                <a:cxn ang="0">
                  <a:pos x="304" y="11423"/>
                </a:cxn>
                <a:cxn ang="0">
                  <a:pos x="132" y="11282"/>
                </a:cxn>
                <a:cxn ang="0">
                  <a:pos x="26" y="11086"/>
                </a:cxn>
                <a:cxn ang="0">
                  <a:pos x="16133" y="9750"/>
                </a:cxn>
                <a:cxn ang="0">
                  <a:pos x="3483" y="1338"/>
                </a:cxn>
                <a:cxn ang="0">
                  <a:pos x="5884" y="703"/>
                </a:cxn>
                <a:cxn ang="0">
                  <a:pos x="7575" y="1338"/>
                </a:cxn>
                <a:cxn ang="0">
                  <a:pos x="11941" y="703"/>
                </a:cxn>
                <a:cxn ang="0">
                  <a:pos x="12650" y="703"/>
                </a:cxn>
                <a:cxn ang="0">
                  <a:pos x="1791" y="10868"/>
                </a:cxn>
                <a:cxn ang="0">
                  <a:pos x="4192" y="10232"/>
                </a:cxn>
                <a:cxn ang="0">
                  <a:pos x="5884" y="10868"/>
                </a:cxn>
                <a:cxn ang="0">
                  <a:pos x="10249" y="10232"/>
                </a:cxn>
                <a:cxn ang="0">
                  <a:pos x="10958" y="10232"/>
                </a:cxn>
                <a:cxn ang="0">
                  <a:pos x="15325" y="10868"/>
                </a:cxn>
              </a:cxnLst>
              <a:rect l="0" t="0" r="r" b="b"/>
              <a:pathLst>
                <a:path w="16133" h="11492">
                  <a:moveTo>
                    <a:pt x="578" y="0"/>
                  </a:moveTo>
                  <a:lnTo>
                    <a:pt x="15555" y="0"/>
                  </a:lnTo>
                  <a:lnTo>
                    <a:pt x="15584" y="1"/>
                  </a:lnTo>
                  <a:lnTo>
                    <a:pt x="15614" y="3"/>
                  </a:lnTo>
                  <a:lnTo>
                    <a:pt x="15642" y="7"/>
                  </a:lnTo>
                  <a:lnTo>
                    <a:pt x="15671" y="12"/>
                  </a:lnTo>
                  <a:lnTo>
                    <a:pt x="15698" y="18"/>
                  </a:lnTo>
                  <a:lnTo>
                    <a:pt x="15727" y="26"/>
                  </a:lnTo>
                  <a:lnTo>
                    <a:pt x="15753" y="35"/>
                  </a:lnTo>
                  <a:lnTo>
                    <a:pt x="15779" y="45"/>
                  </a:lnTo>
                  <a:lnTo>
                    <a:pt x="15805" y="57"/>
                  </a:lnTo>
                  <a:lnTo>
                    <a:pt x="15829" y="70"/>
                  </a:lnTo>
                  <a:lnTo>
                    <a:pt x="15854" y="84"/>
                  </a:lnTo>
                  <a:lnTo>
                    <a:pt x="15878" y="99"/>
                  </a:lnTo>
                  <a:lnTo>
                    <a:pt x="15900" y="115"/>
                  </a:lnTo>
                  <a:lnTo>
                    <a:pt x="15922" y="132"/>
                  </a:lnTo>
                  <a:lnTo>
                    <a:pt x="15943" y="151"/>
                  </a:lnTo>
                  <a:lnTo>
                    <a:pt x="15964" y="169"/>
                  </a:lnTo>
                  <a:lnTo>
                    <a:pt x="15982" y="189"/>
                  </a:lnTo>
                  <a:lnTo>
                    <a:pt x="16001" y="210"/>
                  </a:lnTo>
                  <a:lnTo>
                    <a:pt x="16018" y="233"/>
                  </a:lnTo>
                  <a:lnTo>
                    <a:pt x="16034" y="255"/>
                  </a:lnTo>
                  <a:lnTo>
                    <a:pt x="16049" y="279"/>
                  </a:lnTo>
                  <a:lnTo>
                    <a:pt x="16062" y="303"/>
                  </a:lnTo>
                  <a:lnTo>
                    <a:pt x="16076" y="327"/>
                  </a:lnTo>
                  <a:lnTo>
                    <a:pt x="16088" y="353"/>
                  </a:lnTo>
                  <a:lnTo>
                    <a:pt x="16098" y="380"/>
                  </a:lnTo>
                  <a:lnTo>
                    <a:pt x="16107" y="406"/>
                  </a:lnTo>
                  <a:lnTo>
                    <a:pt x="16115" y="434"/>
                  </a:lnTo>
                  <a:lnTo>
                    <a:pt x="16121" y="461"/>
                  </a:lnTo>
                  <a:lnTo>
                    <a:pt x="16126" y="490"/>
                  </a:lnTo>
                  <a:lnTo>
                    <a:pt x="16130" y="519"/>
                  </a:lnTo>
                  <a:lnTo>
                    <a:pt x="16132" y="548"/>
                  </a:lnTo>
                  <a:lnTo>
                    <a:pt x="16133" y="577"/>
                  </a:lnTo>
                  <a:lnTo>
                    <a:pt x="16133" y="1742"/>
                  </a:lnTo>
                  <a:lnTo>
                    <a:pt x="0" y="1742"/>
                  </a:lnTo>
                  <a:lnTo>
                    <a:pt x="0" y="577"/>
                  </a:lnTo>
                  <a:lnTo>
                    <a:pt x="1" y="548"/>
                  </a:lnTo>
                  <a:lnTo>
                    <a:pt x="3" y="519"/>
                  </a:lnTo>
                  <a:lnTo>
                    <a:pt x="7" y="490"/>
                  </a:lnTo>
                  <a:lnTo>
                    <a:pt x="12" y="461"/>
                  </a:lnTo>
                  <a:lnTo>
                    <a:pt x="18" y="434"/>
                  </a:lnTo>
                  <a:lnTo>
                    <a:pt x="26" y="406"/>
                  </a:lnTo>
                  <a:lnTo>
                    <a:pt x="35" y="380"/>
                  </a:lnTo>
                  <a:lnTo>
                    <a:pt x="45" y="353"/>
                  </a:lnTo>
                  <a:lnTo>
                    <a:pt x="57" y="327"/>
                  </a:lnTo>
                  <a:lnTo>
                    <a:pt x="70" y="303"/>
                  </a:lnTo>
                  <a:lnTo>
                    <a:pt x="84" y="279"/>
                  </a:lnTo>
                  <a:lnTo>
                    <a:pt x="99" y="255"/>
                  </a:lnTo>
                  <a:lnTo>
                    <a:pt x="115" y="233"/>
                  </a:lnTo>
                  <a:lnTo>
                    <a:pt x="132" y="210"/>
                  </a:lnTo>
                  <a:lnTo>
                    <a:pt x="150" y="189"/>
                  </a:lnTo>
                  <a:lnTo>
                    <a:pt x="169" y="169"/>
                  </a:lnTo>
                  <a:lnTo>
                    <a:pt x="190" y="151"/>
                  </a:lnTo>
                  <a:lnTo>
                    <a:pt x="211" y="132"/>
                  </a:lnTo>
                  <a:lnTo>
                    <a:pt x="233" y="115"/>
                  </a:lnTo>
                  <a:lnTo>
                    <a:pt x="255" y="99"/>
                  </a:lnTo>
                  <a:lnTo>
                    <a:pt x="279" y="84"/>
                  </a:lnTo>
                  <a:lnTo>
                    <a:pt x="304" y="70"/>
                  </a:lnTo>
                  <a:lnTo>
                    <a:pt x="328" y="57"/>
                  </a:lnTo>
                  <a:lnTo>
                    <a:pt x="354" y="45"/>
                  </a:lnTo>
                  <a:lnTo>
                    <a:pt x="380" y="35"/>
                  </a:lnTo>
                  <a:lnTo>
                    <a:pt x="406" y="26"/>
                  </a:lnTo>
                  <a:lnTo>
                    <a:pt x="434" y="18"/>
                  </a:lnTo>
                  <a:lnTo>
                    <a:pt x="462" y="12"/>
                  </a:lnTo>
                  <a:lnTo>
                    <a:pt x="490" y="7"/>
                  </a:lnTo>
                  <a:lnTo>
                    <a:pt x="519" y="3"/>
                  </a:lnTo>
                  <a:lnTo>
                    <a:pt x="549" y="1"/>
                  </a:lnTo>
                  <a:lnTo>
                    <a:pt x="578" y="0"/>
                  </a:lnTo>
                  <a:close/>
                  <a:moveTo>
                    <a:pt x="9712" y="5746"/>
                  </a:moveTo>
                  <a:lnTo>
                    <a:pt x="8355" y="6528"/>
                  </a:lnTo>
                  <a:lnTo>
                    <a:pt x="6998" y="7311"/>
                  </a:lnTo>
                  <a:lnTo>
                    <a:pt x="6998" y="5746"/>
                  </a:lnTo>
                  <a:lnTo>
                    <a:pt x="6998" y="4181"/>
                  </a:lnTo>
                  <a:lnTo>
                    <a:pt x="8355" y="4964"/>
                  </a:lnTo>
                  <a:lnTo>
                    <a:pt x="9712" y="5746"/>
                  </a:lnTo>
                  <a:close/>
                  <a:moveTo>
                    <a:pt x="8067" y="2511"/>
                  </a:moveTo>
                  <a:lnTo>
                    <a:pt x="8233" y="2516"/>
                  </a:lnTo>
                  <a:lnTo>
                    <a:pt x="8397" y="2529"/>
                  </a:lnTo>
                  <a:lnTo>
                    <a:pt x="8559" y="2549"/>
                  </a:lnTo>
                  <a:lnTo>
                    <a:pt x="8718" y="2578"/>
                  </a:lnTo>
                  <a:lnTo>
                    <a:pt x="8874" y="2614"/>
                  </a:lnTo>
                  <a:lnTo>
                    <a:pt x="9027" y="2657"/>
                  </a:lnTo>
                  <a:lnTo>
                    <a:pt x="9178" y="2709"/>
                  </a:lnTo>
                  <a:lnTo>
                    <a:pt x="9325" y="2766"/>
                  </a:lnTo>
                  <a:lnTo>
                    <a:pt x="9468" y="2832"/>
                  </a:lnTo>
                  <a:lnTo>
                    <a:pt x="9608" y="2903"/>
                  </a:lnTo>
                  <a:lnTo>
                    <a:pt x="9743" y="2981"/>
                  </a:lnTo>
                  <a:lnTo>
                    <a:pt x="9875" y="3065"/>
                  </a:lnTo>
                  <a:lnTo>
                    <a:pt x="10002" y="3156"/>
                  </a:lnTo>
                  <a:lnTo>
                    <a:pt x="10124" y="3252"/>
                  </a:lnTo>
                  <a:lnTo>
                    <a:pt x="10242" y="3353"/>
                  </a:lnTo>
                  <a:lnTo>
                    <a:pt x="10354" y="3461"/>
                  </a:lnTo>
                  <a:lnTo>
                    <a:pt x="10462" y="3573"/>
                  </a:lnTo>
                  <a:lnTo>
                    <a:pt x="10564" y="3691"/>
                  </a:lnTo>
                  <a:lnTo>
                    <a:pt x="10660" y="3813"/>
                  </a:lnTo>
                  <a:lnTo>
                    <a:pt x="10751" y="3939"/>
                  </a:lnTo>
                  <a:lnTo>
                    <a:pt x="10835" y="4071"/>
                  </a:lnTo>
                  <a:lnTo>
                    <a:pt x="10913" y="4206"/>
                  </a:lnTo>
                  <a:lnTo>
                    <a:pt x="10985" y="4346"/>
                  </a:lnTo>
                  <a:lnTo>
                    <a:pt x="11050" y="4489"/>
                  </a:lnTo>
                  <a:lnTo>
                    <a:pt x="11108" y="4636"/>
                  </a:lnTo>
                  <a:lnTo>
                    <a:pt x="11159" y="4786"/>
                  </a:lnTo>
                  <a:lnTo>
                    <a:pt x="11202" y="4939"/>
                  </a:lnTo>
                  <a:lnTo>
                    <a:pt x="11240" y="5095"/>
                  </a:lnTo>
                  <a:lnTo>
                    <a:pt x="11268" y="5255"/>
                  </a:lnTo>
                  <a:lnTo>
                    <a:pt x="11288" y="5416"/>
                  </a:lnTo>
                  <a:lnTo>
                    <a:pt x="11301" y="5580"/>
                  </a:lnTo>
                  <a:lnTo>
                    <a:pt x="11305" y="5746"/>
                  </a:lnTo>
                  <a:lnTo>
                    <a:pt x="11301" y="5912"/>
                  </a:lnTo>
                  <a:lnTo>
                    <a:pt x="11288" y="6076"/>
                  </a:lnTo>
                  <a:lnTo>
                    <a:pt x="11268" y="6237"/>
                  </a:lnTo>
                  <a:lnTo>
                    <a:pt x="11240" y="6397"/>
                  </a:lnTo>
                  <a:lnTo>
                    <a:pt x="11202" y="6553"/>
                  </a:lnTo>
                  <a:lnTo>
                    <a:pt x="11159" y="6706"/>
                  </a:lnTo>
                  <a:lnTo>
                    <a:pt x="11108" y="6857"/>
                  </a:lnTo>
                  <a:lnTo>
                    <a:pt x="11050" y="7003"/>
                  </a:lnTo>
                  <a:lnTo>
                    <a:pt x="10985" y="7147"/>
                  </a:lnTo>
                  <a:lnTo>
                    <a:pt x="10913" y="7286"/>
                  </a:lnTo>
                  <a:lnTo>
                    <a:pt x="10835" y="7422"/>
                  </a:lnTo>
                  <a:lnTo>
                    <a:pt x="10751" y="7553"/>
                  </a:lnTo>
                  <a:lnTo>
                    <a:pt x="10660" y="7679"/>
                  </a:lnTo>
                  <a:lnTo>
                    <a:pt x="10564" y="7801"/>
                  </a:lnTo>
                  <a:lnTo>
                    <a:pt x="10462" y="7919"/>
                  </a:lnTo>
                  <a:lnTo>
                    <a:pt x="10354" y="8031"/>
                  </a:lnTo>
                  <a:lnTo>
                    <a:pt x="10242" y="8139"/>
                  </a:lnTo>
                  <a:lnTo>
                    <a:pt x="10124" y="8240"/>
                  </a:lnTo>
                  <a:lnTo>
                    <a:pt x="10002" y="8337"/>
                  </a:lnTo>
                  <a:lnTo>
                    <a:pt x="9875" y="8427"/>
                  </a:lnTo>
                  <a:lnTo>
                    <a:pt x="9743" y="8511"/>
                  </a:lnTo>
                  <a:lnTo>
                    <a:pt x="9608" y="8589"/>
                  </a:lnTo>
                  <a:lnTo>
                    <a:pt x="9468" y="8660"/>
                  </a:lnTo>
                  <a:lnTo>
                    <a:pt x="9325" y="8726"/>
                  </a:lnTo>
                  <a:lnTo>
                    <a:pt x="9178" y="8784"/>
                  </a:lnTo>
                  <a:lnTo>
                    <a:pt x="9027" y="8835"/>
                  </a:lnTo>
                  <a:lnTo>
                    <a:pt x="8874" y="8879"/>
                  </a:lnTo>
                  <a:lnTo>
                    <a:pt x="8718" y="8915"/>
                  </a:lnTo>
                  <a:lnTo>
                    <a:pt x="8559" y="8943"/>
                  </a:lnTo>
                  <a:lnTo>
                    <a:pt x="8397" y="8963"/>
                  </a:lnTo>
                  <a:lnTo>
                    <a:pt x="8233" y="8976"/>
                  </a:lnTo>
                  <a:lnTo>
                    <a:pt x="8067" y="8981"/>
                  </a:lnTo>
                  <a:lnTo>
                    <a:pt x="7900" y="8976"/>
                  </a:lnTo>
                  <a:lnTo>
                    <a:pt x="7736" y="8963"/>
                  </a:lnTo>
                  <a:lnTo>
                    <a:pt x="7574" y="8943"/>
                  </a:lnTo>
                  <a:lnTo>
                    <a:pt x="7415" y="8915"/>
                  </a:lnTo>
                  <a:lnTo>
                    <a:pt x="7259" y="8879"/>
                  </a:lnTo>
                  <a:lnTo>
                    <a:pt x="7106" y="8835"/>
                  </a:lnTo>
                  <a:lnTo>
                    <a:pt x="6954" y="8784"/>
                  </a:lnTo>
                  <a:lnTo>
                    <a:pt x="6808" y="8726"/>
                  </a:lnTo>
                  <a:lnTo>
                    <a:pt x="6664" y="8660"/>
                  </a:lnTo>
                  <a:lnTo>
                    <a:pt x="6525" y="8589"/>
                  </a:lnTo>
                  <a:lnTo>
                    <a:pt x="6389" y="8511"/>
                  </a:lnTo>
                  <a:lnTo>
                    <a:pt x="6258" y="8427"/>
                  </a:lnTo>
                  <a:lnTo>
                    <a:pt x="6131" y="8337"/>
                  </a:lnTo>
                  <a:lnTo>
                    <a:pt x="6009" y="8240"/>
                  </a:lnTo>
                  <a:lnTo>
                    <a:pt x="5891" y="8139"/>
                  </a:lnTo>
                  <a:lnTo>
                    <a:pt x="5779" y="8031"/>
                  </a:lnTo>
                  <a:lnTo>
                    <a:pt x="5671" y="7919"/>
                  </a:lnTo>
                  <a:lnTo>
                    <a:pt x="5569" y="7801"/>
                  </a:lnTo>
                  <a:lnTo>
                    <a:pt x="5472" y="7679"/>
                  </a:lnTo>
                  <a:lnTo>
                    <a:pt x="5382" y="7553"/>
                  </a:lnTo>
                  <a:lnTo>
                    <a:pt x="5298" y="7422"/>
                  </a:lnTo>
                  <a:lnTo>
                    <a:pt x="5220" y="7286"/>
                  </a:lnTo>
                  <a:lnTo>
                    <a:pt x="5147" y="7147"/>
                  </a:lnTo>
                  <a:lnTo>
                    <a:pt x="5083" y="7003"/>
                  </a:lnTo>
                  <a:lnTo>
                    <a:pt x="5024" y="6857"/>
                  </a:lnTo>
                  <a:lnTo>
                    <a:pt x="4974" y="6706"/>
                  </a:lnTo>
                  <a:lnTo>
                    <a:pt x="4930" y="6553"/>
                  </a:lnTo>
                  <a:lnTo>
                    <a:pt x="4893" y="6397"/>
                  </a:lnTo>
                  <a:lnTo>
                    <a:pt x="4865" y="6237"/>
                  </a:lnTo>
                  <a:lnTo>
                    <a:pt x="4845" y="6076"/>
                  </a:lnTo>
                  <a:lnTo>
                    <a:pt x="4832" y="5912"/>
                  </a:lnTo>
                  <a:lnTo>
                    <a:pt x="4828" y="5746"/>
                  </a:lnTo>
                  <a:lnTo>
                    <a:pt x="4832" y="5580"/>
                  </a:lnTo>
                  <a:lnTo>
                    <a:pt x="4845" y="5416"/>
                  </a:lnTo>
                  <a:lnTo>
                    <a:pt x="4865" y="5255"/>
                  </a:lnTo>
                  <a:lnTo>
                    <a:pt x="4893" y="5095"/>
                  </a:lnTo>
                  <a:lnTo>
                    <a:pt x="4930" y="4939"/>
                  </a:lnTo>
                  <a:lnTo>
                    <a:pt x="4974" y="4786"/>
                  </a:lnTo>
                  <a:lnTo>
                    <a:pt x="5024" y="4636"/>
                  </a:lnTo>
                  <a:lnTo>
                    <a:pt x="5083" y="4489"/>
                  </a:lnTo>
                  <a:lnTo>
                    <a:pt x="5147" y="4346"/>
                  </a:lnTo>
                  <a:lnTo>
                    <a:pt x="5220" y="4206"/>
                  </a:lnTo>
                  <a:lnTo>
                    <a:pt x="5298" y="4071"/>
                  </a:lnTo>
                  <a:lnTo>
                    <a:pt x="5382" y="3939"/>
                  </a:lnTo>
                  <a:lnTo>
                    <a:pt x="5472" y="3813"/>
                  </a:lnTo>
                  <a:lnTo>
                    <a:pt x="5569" y="3691"/>
                  </a:lnTo>
                  <a:lnTo>
                    <a:pt x="5671" y="3573"/>
                  </a:lnTo>
                  <a:lnTo>
                    <a:pt x="5779" y="3461"/>
                  </a:lnTo>
                  <a:lnTo>
                    <a:pt x="5891" y="3353"/>
                  </a:lnTo>
                  <a:lnTo>
                    <a:pt x="6009" y="3252"/>
                  </a:lnTo>
                  <a:lnTo>
                    <a:pt x="6131" y="3156"/>
                  </a:lnTo>
                  <a:lnTo>
                    <a:pt x="6258" y="3065"/>
                  </a:lnTo>
                  <a:lnTo>
                    <a:pt x="6389" y="2981"/>
                  </a:lnTo>
                  <a:lnTo>
                    <a:pt x="6525" y="2903"/>
                  </a:lnTo>
                  <a:lnTo>
                    <a:pt x="6664" y="2832"/>
                  </a:lnTo>
                  <a:lnTo>
                    <a:pt x="6808" y="2766"/>
                  </a:lnTo>
                  <a:lnTo>
                    <a:pt x="6954" y="2709"/>
                  </a:lnTo>
                  <a:lnTo>
                    <a:pt x="7106" y="2657"/>
                  </a:lnTo>
                  <a:lnTo>
                    <a:pt x="7259" y="2614"/>
                  </a:lnTo>
                  <a:lnTo>
                    <a:pt x="7415" y="2578"/>
                  </a:lnTo>
                  <a:lnTo>
                    <a:pt x="7574" y="2549"/>
                  </a:lnTo>
                  <a:lnTo>
                    <a:pt x="7736" y="2529"/>
                  </a:lnTo>
                  <a:lnTo>
                    <a:pt x="7900" y="2516"/>
                  </a:lnTo>
                  <a:lnTo>
                    <a:pt x="8067" y="2511"/>
                  </a:lnTo>
                  <a:close/>
                  <a:moveTo>
                    <a:pt x="8067" y="3463"/>
                  </a:moveTo>
                  <a:lnTo>
                    <a:pt x="8183" y="3466"/>
                  </a:lnTo>
                  <a:lnTo>
                    <a:pt x="8299" y="3474"/>
                  </a:lnTo>
                  <a:lnTo>
                    <a:pt x="8413" y="3489"/>
                  </a:lnTo>
                  <a:lnTo>
                    <a:pt x="8526" y="3509"/>
                  </a:lnTo>
                  <a:lnTo>
                    <a:pt x="8636" y="3535"/>
                  </a:lnTo>
                  <a:lnTo>
                    <a:pt x="8745" y="3566"/>
                  </a:lnTo>
                  <a:lnTo>
                    <a:pt x="8851" y="3602"/>
                  </a:lnTo>
                  <a:lnTo>
                    <a:pt x="8955" y="3642"/>
                  </a:lnTo>
                  <a:lnTo>
                    <a:pt x="9056" y="3689"/>
                  </a:lnTo>
                  <a:lnTo>
                    <a:pt x="9154" y="3739"/>
                  </a:lnTo>
                  <a:lnTo>
                    <a:pt x="9250" y="3794"/>
                  </a:lnTo>
                  <a:lnTo>
                    <a:pt x="9343" y="3854"/>
                  </a:lnTo>
                  <a:lnTo>
                    <a:pt x="9433" y="3917"/>
                  </a:lnTo>
                  <a:lnTo>
                    <a:pt x="9519" y="3986"/>
                  </a:lnTo>
                  <a:lnTo>
                    <a:pt x="9602" y="4057"/>
                  </a:lnTo>
                  <a:lnTo>
                    <a:pt x="9682" y="4133"/>
                  </a:lnTo>
                  <a:lnTo>
                    <a:pt x="9757" y="4212"/>
                  </a:lnTo>
                  <a:lnTo>
                    <a:pt x="9829" y="4295"/>
                  </a:lnTo>
                  <a:lnTo>
                    <a:pt x="9898" y="4382"/>
                  </a:lnTo>
                  <a:lnTo>
                    <a:pt x="9961" y="4471"/>
                  </a:lnTo>
                  <a:lnTo>
                    <a:pt x="10021" y="4564"/>
                  </a:lnTo>
                  <a:lnTo>
                    <a:pt x="10076" y="4659"/>
                  </a:lnTo>
                  <a:lnTo>
                    <a:pt x="10126" y="4758"/>
                  </a:lnTo>
                  <a:lnTo>
                    <a:pt x="10173" y="4859"/>
                  </a:lnTo>
                  <a:lnTo>
                    <a:pt x="10213" y="4963"/>
                  </a:lnTo>
                  <a:lnTo>
                    <a:pt x="10249" y="5068"/>
                  </a:lnTo>
                  <a:lnTo>
                    <a:pt x="10281" y="5177"/>
                  </a:lnTo>
                  <a:lnTo>
                    <a:pt x="10306" y="5287"/>
                  </a:lnTo>
                  <a:lnTo>
                    <a:pt x="10326" y="5400"/>
                  </a:lnTo>
                  <a:lnTo>
                    <a:pt x="10341" y="5513"/>
                  </a:lnTo>
                  <a:lnTo>
                    <a:pt x="10349" y="5629"/>
                  </a:lnTo>
                  <a:lnTo>
                    <a:pt x="10352" y="5746"/>
                  </a:lnTo>
                  <a:lnTo>
                    <a:pt x="10349" y="5863"/>
                  </a:lnTo>
                  <a:lnTo>
                    <a:pt x="10341" y="5979"/>
                  </a:lnTo>
                  <a:lnTo>
                    <a:pt x="10326" y="6093"/>
                  </a:lnTo>
                  <a:lnTo>
                    <a:pt x="10306" y="6205"/>
                  </a:lnTo>
                  <a:lnTo>
                    <a:pt x="10281" y="6316"/>
                  </a:lnTo>
                  <a:lnTo>
                    <a:pt x="10249" y="6424"/>
                  </a:lnTo>
                  <a:lnTo>
                    <a:pt x="10213" y="6529"/>
                  </a:lnTo>
                  <a:lnTo>
                    <a:pt x="10173" y="6633"/>
                  </a:lnTo>
                  <a:lnTo>
                    <a:pt x="10126" y="6735"/>
                  </a:lnTo>
                  <a:lnTo>
                    <a:pt x="10076" y="6833"/>
                  </a:lnTo>
                  <a:lnTo>
                    <a:pt x="10021" y="6928"/>
                  </a:lnTo>
                  <a:lnTo>
                    <a:pt x="9961" y="7021"/>
                  </a:lnTo>
                  <a:lnTo>
                    <a:pt x="9898" y="7110"/>
                  </a:lnTo>
                  <a:lnTo>
                    <a:pt x="9829" y="7197"/>
                  </a:lnTo>
                  <a:lnTo>
                    <a:pt x="9757" y="7280"/>
                  </a:lnTo>
                  <a:lnTo>
                    <a:pt x="9682" y="7359"/>
                  </a:lnTo>
                  <a:lnTo>
                    <a:pt x="9602" y="7435"/>
                  </a:lnTo>
                  <a:lnTo>
                    <a:pt x="9519" y="7507"/>
                  </a:lnTo>
                  <a:lnTo>
                    <a:pt x="9433" y="7575"/>
                  </a:lnTo>
                  <a:lnTo>
                    <a:pt x="9343" y="7638"/>
                  </a:lnTo>
                  <a:lnTo>
                    <a:pt x="9250" y="7698"/>
                  </a:lnTo>
                  <a:lnTo>
                    <a:pt x="9154" y="7753"/>
                  </a:lnTo>
                  <a:lnTo>
                    <a:pt x="9056" y="7803"/>
                  </a:lnTo>
                  <a:lnTo>
                    <a:pt x="8955" y="7850"/>
                  </a:lnTo>
                  <a:lnTo>
                    <a:pt x="8851" y="7890"/>
                  </a:lnTo>
                  <a:lnTo>
                    <a:pt x="8745" y="7926"/>
                  </a:lnTo>
                  <a:lnTo>
                    <a:pt x="8636" y="7957"/>
                  </a:lnTo>
                  <a:lnTo>
                    <a:pt x="8526" y="7983"/>
                  </a:lnTo>
                  <a:lnTo>
                    <a:pt x="8413" y="8003"/>
                  </a:lnTo>
                  <a:lnTo>
                    <a:pt x="8299" y="8018"/>
                  </a:lnTo>
                  <a:lnTo>
                    <a:pt x="8183" y="8026"/>
                  </a:lnTo>
                  <a:lnTo>
                    <a:pt x="8067" y="8029"/>
                  </a:lnTo>
                  <a:lnTo>
                    <a:pt x="7950" y="8026"/>
                  </a:lnTo>
                  <a:lnTo>
                    <a:pt x="7834" y="8018"/>
                  </a:lnTo>
                  <a:lnTo>
                    <a:pt x="7719" y="8003"/>
                  </a:lnTo>
                  <a:lnTo>
                    <a:pt x="7607" y="7983"/>
                  </a:lnTo>
                  <a:lnTo>
                    <a:pt x="7496" y="7957"/>
                  </a:lnTo>
                  <a:lnTo>
                    <a:pt x="7388" y="7926"/>
                  </a:lnTo>
                  <a:lnTo>
                    <a:pt x="7282" y="7890"/>
                  </a:lnTo>
                  <a:lnTo>
                    <a:pt x="7178" y="7850"/>
                  </a:lnTo>
                  <a:lnTo>
                    <a:pt x="7076" y="7803"/>
                  </a:lnTo>
                  <a:lnTo>
                    <a:pt x="6979" y="7753"/>
                  </a:lnTo>
                  <a:lnTo>
                    <a:pt x="6883" y="7698"/>
                  </a:lnTo>
                  <a:lnTo>
                    <a:pt x="6790" y="7638"/>
                  </a:lnTo>
                  <a:lnTo>
                    <a:pt x="6700" y="7575"/>
                  </a:lnTo>
                  <a:lnTo>
                    <a:pt x="6614" y="7507"/>
                  </a:lnTo>
                  <a:lnTo>
                    <a:pt x="6531" y="7435"/>
                  </a:lnTo>
                  <a:lnTo>
                    <a:pt x="6451" y="7359"/>
                  </a:lnTo>
                  <a:lnTo>
                    <a:pt x="6376" y="7280"/>
                  </a:lnTo>
                  <a:lnTo>
                    <a:pt x="6303" y="7197"/>
                  </a:lnTo>
                  <a:lnTo>
                    <a:pt x="6235" y="7110"/>
                  </a:lnTo>
                  <a:lnTo>
                    <a:pt x="6172" y="7021"/>
                  </a:lnTo>
                  <a:lnTo>
                    <a:pt x="6112" y="6928"/>
                  </a:lnTo>
                  <a:lnTo>
                    <a:pt x="6057" y="6833"/>
                  </a:lnTo>
                  <a:lnTo>
                    <a:pt x="6007" y="6735"/>
                  </a:lnTo>
                  <a:lnTo>
                    <a:pt x="5960" y="6633"/>
                  </a:lnTo>
                  <a:lnTo>
                    <a:pt x="5920" y="6529"/>
                  </a:lnTo>
                  <a:lnTo>
                    <a:pt x="5884" y="6424"/>
                  </a:lnTo>
                  <a:lnTo>
                    <a:pt x="5852" y="6316"/>
                  </a:lnTo>
                  <a:lnTo>
                    <a:pt x="5827" y="6205"/>
                  </a:lnTo>
                  <a:lnTo>
                    <a:pt x="5807" y="6093"/>
                  </a:lnTo>
                  <a:lnTo>
                    <a:pt x="5792" y="5979"/>
                  </a:lnTo>
                  <a:lnTo>
                    <a:pt x="5784" y="5863"/>
                  </a:lnTo>
                  <a:lnTo>
                    <a:pt x="5781" y="5746"/>
                  </a:lnTo>
                  <a:lnTo>
                    <a:pt x="5784" y="5629"/>
                  </a:lnTo>
                  <a:lnTo>
                    <a:pt x="5792" y="5513"/>
                  </a:lnTo>
                  <a:lnTo>
                    <a:pt x="5807" y="5400"/>
                  </a:lnTo>
                  <a:lnTo>
                    <a:pt x="5827" y="5287"/>
                  </a:lnTo>
                  <a:lnTo>
                    <a:pt x="5852" y="5177"/>
                  </a:lnTo>
                  <a:lnTo>
                    <a:pt x="5884" y="5068"/>
                  </a:lnTo>
                  <a:lnTo>
                    <a:pt x="5920" y="4963"/>
                  </a:lnTo>
                  <a:lnTo>
                    <a:pt x="5960" y="4859"/>
                  </a:lnTo>
                  <a:lnTo>
                    <a:pt x="6007" y="4758"/>
                  </a:lnTo>
                  <a:lnTo>
                    <a:pt x="6057" y="4659"/>
                  </a:lnTo>
                  <a:lnTo>
                    <a:pt x="6112" y="4564"/>
                  </a:lnTo>
                  <a:lnTo>
                    <a:pt x="6172" y="4471"/>
                  </a:lnTo>
                  <a:lnTo>
                    <a:pt x="6235" y="4382"/>
                  </a:lnTo>
                  <a:lnTo>
                    <a:pt x="6303" y="4295"/>
                  </a:lnTo>
                  <a:lnTo>
                    <a:pt x="6376" y="4212"/>
                  </a:lnTo>
                  <a:lnTo>
                    <a:pt x="6451" y="4133"/>
                  </a:lnTo>
                  <a:lnTo>
                    <a:pt x="6531" y="4057"/>
                  </a:lnTo>
                  <a:lnTo>
                    <a:pt x="6614" y="3986"/>
                  </a:lnTo>
                  <a:lnTo>
                    <a:pt x="6700" y="3917"/>
                  </a:lnTo>
                  <a:lnTo>
                    <a:pt x="6790" y="3854"/>
                  </a:lnTo>
                  <a:lnTo>
                    <a:pt x="6883" y="3794"/>
                  </a:lnTo>
                  <a:lnTo>
                    <a:pt x="6979" y="3739"/>
                  </a:lnTo>
                  <a:lnTo>
                    <a:pt x="7076" y="3689"/>
                  </a:lnTo>
                  <a:lnTo>
                    <a:pt x="7178" y="3642"/>
                  </a:lnTo>
                  <a:lnTo>
                    <a:pt x="7282" y="3602"/>
                  </a:lnTo>
                  <a:lnTo>
                    <a:pt x="7388" y="3566"/>
                  </a:lnTo>
                  <a:lnTo>
                    <a:pt x="7496" y="3535"/>
                  </a:lnTo>
                  <a:lnTo>
                    <a:pt x="7607" y="3509"/>
                  </a:lnTo>
                  <a:lnTo>
                    <a:pt x="7719" y="3489"/>
                  </a:lnTo>
                  <a:lnTo>
                    <a:pt x="7834" y="3474"/>
                  </a:lnTo>
                  <a:lnTo>
                    <a:pt x="7950" y="3466"/>
                  </a:lnTo>
                  <a:lnTo>
                    <a:pt x="8067" y="3463"/>
                  </a:lnTo>
                  <a:close/>
                  <a:moveTo>
                    <a:pt x="16133" y="1949"/>
                  </a:moveTo>
                  <a:lnTo>
                    <a:pt x="16133" y="9543"/>
                  </a:lnTo>
                  <a:lnTo>
                    <a:pt x="0" y="9543"/>
                  </a:lnTo>
                  <a:lnTo>
                    <a:pt x="0" y="1949"/>
                  </a:lnTo>
                  <a:lnTo>
                    <a:pt x="16133" y="1949"/>
                  </a:lnTo>
                  <a:close/>
                  <a:moveTo>
                    <a:pt x="16133" y="9750"/>
                  </a:moveTo>
                  <a:lnTo>
                    <a:pt x="16133" y="10915"/>
                  </a:lnTo>
                  <a:lnTo>
                    <a:pt x="16132" y="10944"/>
                  </a:lnTo>
                  <a:lnTo>
                    <a:pt x="16130" y="10973"/>
                  </a:lnTo>
                  <a:lnTo>
                    <a:pt x="16126" y="11003"/>
                  </a:lnTo>
                  <a:lnTo>
                    <a:pt x="16121" y="11031"/>
                  </a:lnTo>
                  <a:lnTo>
                    <a:pt x="16115" y="11059"/>
                  </a:lnTo>
                  <a:lnTo>
                    <a:pt x="16107" y="11086"/>
                  </a:lnTo>
                  <a:lnTo>
                    <a:pt x="16098" y="11112"/>
                  </a:lnTo>
                  <a:lnTo>
                    <a:pt x="16088" y="11139"/>
                  </a:lnTo>
                  <a:lnTo>
                    <a:pt x="16076" y="11165"/>
                  </a:lnTo>
                  <a:lnTo>
                    <a:pt x="16062" y="11189"/>
                  </a:lnTo>
                  <a:lnTo>
                    <a:pt x="16049" y="11213"/>
                  </a:lnTo>
                  <a:lnTo>
                    <a:pt x="16034" y="11237"/>
                  </a:lnTo>
                  <a:lnTo>
                    <a:pt x="16018" y="11259"/>
                  </a:lnTo>
                  <a:lnTo>
                    <a:pt x="16001" y="11282"/>
                  </a:lnTo>
                  <a:lnTo>
                    <a:pt x="15982" y="11303"/>
                  </a:lnTo>
                  <a:lnTo>
                    <a:pt x="15964" y="11323"/>
                  </a:lnTo>
                  <a:lnTo>
                    <a:pt x="15943" y="11342"/>
                  </a:lnTo>
                  <a:lnTo>
                    <a:pt x="15922" y="11360"/>
                  </a:lnTo>
                  <a:lnTo>
                    <a:pt x="15900" y="11377"/>
                  </a:lnTo>
                  <a:lnTo>
                    <a:pt x="15878" y="11393"/>
                  </a:lnTo>
                  <a:lnTo>
                    <a:pt x="15854" y="11408"/>
                  </a:lnTo>
                  <a:lnTo>
                    <a:pt x="15829" y="11423"/>
                  </a:lnTo>
                  <a:lnTo>
                    <a:pt x="15805" y="11435"/>
                  </a:lnTo>
                  <a:lnTo>
                    <a:pt x="15779" y="11447"/>
                  </a:lnTo>
                  <a:lnTo>
                    <a:pt x="15753" y="11457"/>
                  </a:lnTo>
                  <a:lnTo>
                    <a:pt x="15727" y="11466"/>
                  </a:lnTo>
                  <a:lnTo>
                    <a:pt x="15698" y="11474"/>
                  </a:lnTo>
                  <a:lnTo>
                    <a:pt x="15671" y="11480"/>
                  </a:lnTo>
                  <a:lnTo>
                    <a:pt x="15642" y="11485"/>
                  </a:lnTo>
                  <a:lnTo>
                    <a:pt x="15614" y="11489"/>
                  </a:lnTo>
                  <a:lnTo>
                    <a:pt x="15584" y="11491"/>
                  </a:lnTo>
                  <a:lnTo>
                    <a:pt x="15555" y="11492"/>
                  </a:lnTo>
                  <a:lnTo>
                    <a:pt x="578" y="11492"/>
                  </a:lnTo>
                  <a:lnTo>
                    <a:pt x="549" y="11491"/>
                  </a:lnTo>
                  <a:lnTo>
                    <a:pt x="519" y="11489"/>
                  </a:lnTo>
                  <a:lnTo>
                    <a:pt x="490" y="11485"/>
                  </a:lnTo>
                  <a:lnTo>
                    <a:pt x="462" y="11480"/>
                  </a:lnTo>
                  <a:lnTo>
                    <a:pt x="434" y="11474"/>
                  </a:lnTo>
                  <a:lnTo>
                    <a:pt x="406" y="11466"/>
                  </a:lnTo>
                  <a:lnTo>
                    <a:pt x="380" y="11457"/>
                  </a:lnTo>
                  <a:lnTo>
                    <a:pt x="354" y="11447"/>
                  </a:lnTo>
                  <a:lnTo>
                    <a:pt x="328" y="11435"/>
                  </a:lnTo>
                  <a:lnTo>
                    <a:pt x="304" y="11423"/>
                  </a:lnTo>
                  <a:lnTo>
                    <a:pt x="279" y="11408"/>
                  </a:lnTo>
                  <a:lnTo>
                    <a:pt x="255" y="11393"/>
                  </a:lnTo>
                  <a:lnTo>
                    <a:pt x="233" y="11377"/>
                  </a:lnTo>
                  <a:lnTo>
                    <a:pt x="211" y="11360"/>
                  </a:lnTo>
                  <a:lnTo>
                    <a:pt x="190" y="11342"/>
                  </a:lnTo>
                  <a:lnTo>
                    <a:pt x="169" y="11323"/>
                  </a:lnTo>
                  <a:lnTo>
                    <a:pt x="150" y="11303"/>
                  </a:lnTo>
                  <a:lnTo>
                    <a:pt x="132" y="11282"/>
                  </a:lnTo>
                  <a:lnTo>
                    <a:pt x="115" y="11259"/>
                  </a:lnTo>
                  <a:lnTo>
                    <a:pt x="99" y="11237"/>
                  </a:lnTo>
                  <a:lnTo>
                    <a:pt x="84" y="11213"/>
                  </a:lnTo>
                  <a:lnTo>
                    <a:pt x="70" y="11189"/>
                  </a:lnTo>
                  <a:lnTo>
                    <a:pt x="57" y="11165"/>
                  </a:lnTo>
                  <a:lnTo>
                    <a:pt x="45" y="11139"/>
                  </a:lnTo>
                  <a:lnTo>
                    <a:pt x="35" y="11112"/>
                  </a:lnTo>
                  <a:lnTo>
                    <a:pt x="26" y="11086"/>
                  </a:lnTo>
                  <a:lnTo>
                    <a:pt x="18" y="11059"/>
                  </a:lnTo>
                  <a:lnTo>
                    <a:pt x="12" y="11031"/>
                  </a:lnTo>
                  <a:lnTo>
                    <a:pt x="7" y="11003"/>
                  </a:lnTo>
                  <a:lnTo>
                    <a:pt x="3" y="10973"/>
                  </a:lnTo>
                  <a:lnTo>
                    <a:pt x="1" y="10944"/>
                  </a:lnTo>
                  <a:lnTo>
                    <a:pt x="0" y="10915"/>
                  </a:lnTo>
                  <a:lnTo>
                    <a:pt x="0" y="9750"/>
                  </a:lnTo>
                  <a:lnTo>
                    <a:pt x="16133" y="9750"/>
                  </a:lnTo>
                  <a:close/>
                  <a:moveTo>
                    <a:pt x="808" y="703"/>
                  </a:moveTo>
                  <a:lnTo>
                    <a:pt x="1791" y="703"/>
                  </a:lnTo>
                  <a:lnTo>
                    <a:pt x="1791" y="1338"/>
                  </a:lnTo>
                  <a:lnTo>
                    <a:pt x="808" y="1338"/>
                  </a:lnTo>
                  <a:lnTo>
                    <a:pt x="808" y="703"/>
                  </a:lnTo>
                  <a:close/>
                  <a:moveTo>
                    <a:pt x="2500" y="703"/>
                  </a:moveTo>
                  <a:lnTo>
                    <a:pt x="3483" y="703"/>
                  </a:lnTo>
                  <a:lnTo>
                    <a:pt x="3483" y="1338"/>
                  </a:lnTo>
                  <a:lnTo>
                    <a:pt x="2500" y="1338"/>
                  </a:lnTo>
                  <a:lnTo>
                    <a:pt x="2500" y="703"/>
                  </a:lnTo>
                  <a:close/>
                  <a:moveTo>
                    <a:pt x="4192" y="703"/>
                  </a:moveTo>
                  <a:lnTo>
                    <a:pt x="5175" y="703"/>
                  </a:lnTo>
                  <a:lnTo>
                    <a:pt x="5175" y="1338"/>
                  </a:lnTo>
                  <a:lnTo>
                    <a:pt x="4192" y="1338"/>
                  </a:lnTo>
                  <a:lnTo>
                    <a:pt x="4192" y="703"/>
                  </a:lnTo>
                  <a:close/>
                  <a:moveTo>
                    <a:pt x="5884" y="703"/>
                  </a:moveTo>
                  <a:lnTo>
                    <a:pt x="6867" y="703"/>
                  </a:lnTo>
                  <a:lnTo>
                    <a:pt x="6867" y="1338"/>
                  </a:lnTo>
                  <a:lnTo>
                    <a:pt x="5884" y="1338"/>
                  </a:lnTo>
                  <a:lnTo>
                    <a:pt x="5884" y="703"/>
                  </a:lnTo>
                  <a:close/>
                  <a:moveTo>
                    <a:pt x="7575" y="703"/>
                  </a:moveTo>
                  <a:lnTo>
                    <a:pt x="8558" y="703"/>
                  </a:lnTo>
                  <a:lnTo>
                    <a:pt x="8558" y="1338"/>
                  </a:lnTo>
                  <a:lnTo>
                    <a:pt x="7575" y="1338"/>
                  </a:lnTo>
                  <a:lnTo>
                    <a:pt x="7575" y="703"/>
                  </a:lnTo>
                  <a:close/>
                  <a:moveTo>
                    <a:pt x="9266" y="703"/>
                  </a:moveTo>
                  <a:lnTo>
                    <a:pt x="10249" y="703"/>
                  </a:lnTo>
                  <a:lnTo>
                    <a:pt x="10249" y="1338"/>
                  </a:lnTo>
                  <a:lnTo>
                    <a:pt x="9266" y="1338"/>
                  </a:lnTo>
                  <a:lnTo>
                    <a:pt x="9266" y="703"/>
                  </a:lnTo>
                  <a:close/>
                  <a:moveTo>
                    <a:pt x="10958" y="703"/>
                  </a:moveTo>
                  <a:lnTo>
                    <a:pt x="11941" y="703"/>
                  </a:lnTo>
                  <a:lnTo>
                    <a:pt x="11941" y="1338"/>
                  </a:lnTo>
                  <a:lnTo>
                    <a:pt x="10958" y="1338"/>
                  </a:lnTo>
                  <a:lnTo>
                    <a:pt x="10958" y="703"/>
                  </a:lnTo>
                  <a:close/>
                  <a:moveTo>
                    <a:pt x="12650" y="703"/>
                  </a:moveTo>
                  <a:lnTo>
                    <a:pt x="13633" y="703"/>
                  </a:lnTo>
                  <a:lnTo>
                    <a:pt x="13633" y="1338"/>
                  </a:lnTo>
                  <a:lnTo>
                    <a:pt x="12650" y="1338"/>
                  </a:lnTo>
                  <a:lnTo>
                    <a:pt x="12650" y="703"/>
                  </a:lnTo>
                  <a:close/>
                  <a:moveTo>
                    <a:pt x="14342" y="703"/>
                  </a:moveTo>
                  <a:lnTo>
                    <a:pt x="15325" y="703"/>
                  </a:lnTo>
                  <a:lnTo>
                    <a:pt x="15325" y="1338"/>
                  </a:lnTo>
                  <a:lnTo>
                    <a:pt x="14342" y="1338"/>
                  </a:lnTo>
                  <a:lnTo>
                    <a:pt x="14342" y="703"/>
                  </a:lnTo>
                  <a:close/>
                  <a:moveTo>
                    <a:pt x="808" y="10232"/>
                  </a:moveTo>
                  <a:lnTo>
                    <a:pt x="1791" y="10232"/>
                  </a:lnTo>
                  <a:lnTo>
                    <a:pt x="1791" y="10868"/>
                  </a:lnTo>
                  <a:lnTo>
                    <a:pt x="808" y="10868"/>
                  </a:lnTo>
                  <a:lnTo>
                    <a:pt x="808" y="10232"/>
                  </a:lnTo>
                  <a:close/>
                  <a:moveTo>
                    <a:pt x="2500" y="10232"/>
                  </a:moveTo>
                  <a:lnTo>
                    <a:pt x="3483" y="10232"/>
                  </a:lnTo>
                  <a:lnTo>
                    <a:pt x="3483" y="10868"/>
                  </a:lnTo>
                  <a:lnTo>
                    <a:pt x="2500" y="10868"/>
                  </a:lnTo>
                  <a:lnTo>
                    <a:pt x="2500" y="10232"/>
                  </a:lnTo>
                  <a:close/>
                  <a:moveTo>
                    <a:pt x="4192" y="10232"/>
                  </a:moveTo>
                  <a:lnTo>
                    <a:pt x="5175" y="10232"/>
                  </a:lnTo>
                  <a:lnTo>
                    <a:pt x="5175" y="10868"/>
                  </a:lnTo>
                  <a:lnTo>
                    <a:pt x="4192" y="10868"/>
                  </a:lnTo>
                  <a:lnTo>
                    <a:pt x="4192" y="10232"/>
                  </a:lnTo>
                  <a:close/>
                  <a:moveTo>
                    <a:pt x="5884" y="10232"/>
                  </a:moveTo>
                  <a:lnTo>
                    <a:pt x="6867" y="10232"/>
                  </a:lnTo>
                  <a:lnTo>
                    <a:pt x="6867" y="10868"/>
                  </a:lnTo>
                  <a:lnTo>
                    <a:pt x="5884" y="10868"/>
                  </a:lnTo>
                  <a:lnTo>
                    <a:pt x="5884" y="10232"/>
                  </a:lnTo>
                  <a:close/>
                  <a:moveTo>
                    <a:pt x="7575" y="10232"/>
                  </a:moveTo>
                  <a:lnTo>
                    <a:pt x="8558" y="10232"/>
                  </a:lnTo>
                  <a:lnTo>
                    <a:pt x="8558" y="10868"/>
                  </a:lnTo>
                  <a:lnTo>
                    <a:pt x="7575" y="10868"/>
                  </a:lnTo>
                  <a:lnTo>
                    <a:pt x="7575" y="10232"/>
                  </a:lnTo>
                  <a:close/>
                  <a:moveTo>
                    <a:pt x="9266" y="10232"/>
                  </a:moveTo>
                  <a:lnTo>
                    <a:pt x="10249" y="10232"/>
                  </a:lnTo>
                  <a:lnTo>
                    <a:pt x="10249" y="10868"/>
                  </a:lnTo>
                  <a:lnTo>
                    <a:pt x="9266" y="10868"/>
                  </a:lnTo>
                  <a:lnTo>
                    <a:pt x="9266" y="10232"/>
                  </a:lnTo>
                  <a:close/>
                  <a:moveTo>
                    <a:pt x="10958" y="10232"/>
                  </a:moveTo>
                  <a:lnTo>
                    <a:pt x="11941" y="10232"/>
                  </a:lnTo>
                  <a:lnTo>
                    <a:pt x="11941" y="10868"/>
                  </a:lnTo>
                  <a:lnTo>
                    <a:pt x="10958" y="10868"/>
                  </a:lnTo>
                  <a:lnTo>
                    <a:pt x="10958" y="10232"/>
                  </a:lnTo>
                  <a:close/>
                  <a:moveTo>
                    <a:pt x="12650" y="10232"/>
                  </a:moveTo>
                  <a:lnTo>
                    <a:pt x="13633" y="10232"/>
                  </a:lnTo>
                  <a:lnTo>
                    <a:pt x="13633" y="10868"/>
                  </a:lnTo>
                  <a:lnTo>
                    <a:pt x="12650" y="10868"/>
                  </a:lnTo>
                  <a:lnTo>
                    <a:pt x="12650" y="10232"/>
                  </a:lnTo>
                  <a:close/>
                  <a:moveTo>
                    <a:pt x="14342" y="10232"/>
                  </a:moveTo>
                  <a:lnTo>
                    <a:pt x="15325" y="10232"/>
                  </a:lnTo>
                  <a:lnTo>
                    <a:pt x="15325" y="10868"/>
                  </a:lnTo>
                  <a:lnTo>
                    <a:pt x="14342" y="10868"/>
                  </a:lnTo>
                  <a:lnTo>
                    <a:pt x="14342" y="10232"/>
                  </a:lnTo>
                  <a:close/>
                </a:path>
              </a:pathLst>
            </a:custGeom>
            <a:solidFill>
              <a:schemeClr val="bg1">
                <a:lumMod val="95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nvGrpSpPr>
            <p:cNvPr id="10" name="组合 746"/>
            <p:cNvGrpSpPr/>
            <p:nvPr/>
          </p:nvGrpSpPr>
          <p:grpSpPr>
            <a:xfrm>
              <a:off x="10169096" y="3045813"/>
              <a:ext cx="317866" cy="296216"/>
              <a:chOff x="11897858" y="3411765"/>
              <a:chExt cx="498475" cy="492125"/>
            </a:xfrm>
            <a:solidFill>
              <a:schemeClr val="bg1">
                <a:lumMod val="95000"/>
              </a:schemeClr>
            </a:solidFill>
          </p:grpSpPr>
          <p:sp>
            <p:nvSpPr>
              <p:cNvPr id="211" name="Freeform 7"/>
              <p:cNvSpPr>
                <a:spLocks/>
              </p:cNvSpPr>
              <p:nvPr/>
            </p:nvSpPr>
            <p:spPr bwMode="auto">
              <a:xfrm>
                <a:off x="12113758" y="3411765"/>
                <a:ext cx="282575" cy="282575"/>
              </a:xfrm>
              <a:custGeom>
                <a:avLst/>
                <a:gdLst/>
                <a:ahLst/>
                <a:cxnLst>
                  <a:cxn ang="0">
                    <a:pos x="14" y="0"/>
                  </a:cxn>
                  <a:cxn ang="0">
                    <a:pos x="14" y="0"/>
                  </a:cxn>
                  <a:cxn ang="0">
                    <a:pos x="8" y="2"/>
                  </a:cxn>
                  <a:cxn ang="0">
                    <a:pos x="4" y="4"/>
                  </a:cxn>
                  <a:cxn ang="0">
                    <a:pos x="2" y="8"/>
                  </a:cxn>
                  <a:cxn ang="0">
                    <a:pos x="0" y="14"/>
                  </a:cxn>
                  <a:cxn ang="0">
                    <a:pos x="0" y="14"/>
                  </a:cxn>
                  <a:cxn ang="0">
                    <a:pos x="2" y="20"/>
                  </a:cxn>
                  <a:cxn ang="0">
                    <a:pos x="4" y="24"/>
                  </a:cxn>
                  <a:cxn ang="0">
                    <a:pos x="8" y="28"/>
                  </a:cxn>
                  <a:cxn ang="0">
                    <a:pos x="14" y="28"/>
                  </a:cxn>
                  <a:cxn ang="0">
                    <a:pos x="14" y="28"/>
                  </a:cxn>
                  <a:cxn ang="0">
                    <a:pos x="28" y="30"/>
                  </a:cxn>
                  <a:cxn ang="0">
                    <a:pos x="42" y="32"/>
                  </a:cxn>
                  <a:cxn ang="0">
                    <a:pos x="54" y="34"/>
                  </a:cxn>
                  <a:cxn ang="0">
                    <a:pos x="68" y="40"/>
                  </a:cxn>
                  <a:cxn ang="0">
                    <a:pos x="78" y="44"/>
                  </a:cxn>
                  <a:cxn ang="0">
                    <a:pos x="90" y="52"/>
                  </a:cxn>
                  <a:cxn ang="0">
                    <a:pos x="100" y="60"/>
                  </a:cxn>
                  <a:cxn ang="0">
                    <a:pos x="110" y="68"/>
                  </a:cxn>
                  <a:cxn ang="0">
                    <a:pos x="118" y="78"/>
                  </a:cxn>
                  <a:cxn ang="0">
                    <a:pos x="126" y="88"/>
                  </a:cxn>
                  <a:cxn ang="0">
                    <a:pos x="134" y="100"/>
                  </a:cxn>
                  <a:cxn ang="0">
                    <a:pos x="138" y="110"/>
                  </a:cxn>
                  <a:cxn ang="0">
                    <a:pos x="144" y="124"/>
                  </a:cxn>
                  <a:cxn ang="0">
                    <a:pos x="146" y="136"/>
                  </a:cxn>
                  <a:cxn ang="0">
                    <a:pos x="148" y="150"/>
                  </a:cxn>
                  <a:cxn ang="0">
                    <a:pos x="150" y="164"/>
                  </a:cxn>
                  <a:cxn ang="0">
                    <a:pos x="150" y="164"/>
                  </a:cxn>
                  <a:cxn ang="0">
                    <a:pos x="150" y="168"/>
                  </a:cxn>
                  <a:cxn ang="0">
                    <a:pos x="154" y="174"/>
                  </a:cxn>
                  <a:cxn ang="0">
                    <a:pos x="158" y="176"/>
                  </a:cxn>
                  <a:cxn ang="0">
                    <a:pos x="164" y="178"/>
                  </a:cxn>
                  <a:cxn ang="0">
                    <a:pos x="164" y="178"/>
                  </a:cxn>
                  <a:cxn ang="0">
                    <a:pos x="170" y="176"/>
                  </a:cxn>
                  <a:cxn ang="0">
                    <a:pos x="174" y="174"/>
                  </a:cxn>
                  <a:cxn ang="0">
                    <a:pos x="178" y="168"/>
                  </a:cxn>
                  <a:cxn ang="0">
                    <a:pos x="178" y="164"/>
                  </a:cxn>
                  <a:cxn ang="0">
                    <a:pos x="178" y="164"/>
                  </a:cxn>
                  <a:cxn ang="0">
                    <a:pos x="178" y="146"/>
                  </a:cxn>
                  <a:cxn ang="0">
                    <a:pos x="176" y="130"/>
                  </a:cxn>
                  <a:cxn ang="0">
                    <a:pos x="172" y="114"/>
                  </a:cxn>
                  <a:cxn ang="0">
                    <a:pos x="166" y="100"/>
                  </a:cxn>
                  <a:cxn ang="0">
                    <a:pos x="158" y="86"/>
                  </a:cxn>
                  <a:cxn ang="0">
                    <a:pos x="150" y="72"/>
                  </a:cxn>
                  <a:cxn ang="0">
                    <a:pos x="142" y="60"/>
                  </a:cxn>
                  <a:cxn ang="0">
                    <a:pos x="130" y="48"/>
                  </a:cxn>
                  <a:cxn ang="0">
                    <a:pos x="118" y="38"/>
                  </a:cxn>
                  <a:cxn ang="0">
                    <a:pos x="106" y="28"/>
                  </a:cxn>
                  <a:cxn ang="0">
                    <a:pos x="92" y="20"/>
                  </a:cxn>
                  <a:cxn ang="0">
                    <a:pos x="78" y="12"/>
                  </a:cxn>
                  <a:cxn ang="0">
                    <a:pos x="64" y="8"/>
                  </a:cxn>
                  <a:cxn ang="0">
                    <a:pos x="48" y="4"/>
                  </a:cxn>
                  <a:cxn ang="0">
                    <a:pos x="32" y="0"/>
                  </a:cxn>
                  <a:cxn ang="0">
                    <a:pos x="14" y="0"/>
                  </a:cxn>
                  <a:cxn ang="0">
                    <a:pos x="14" y="0"/>
                  </a:cxn>
                </a:cxnLst>
                <a:rect l="0" t="0" r="r" b="b"/>
                <a:pathLst>
                  <a:path w="178" h="178">
                    <a:moveTo>
                      <a:pt x="14" y="0"/>
                    </a:moveTo>
                    <a:lnTo>
                      <a:pt x="14" y="0"/>
                    </a:lnTo>
                    <a:lnTo>
                      <a:pt x="8" y="2"/>
                    </a:lnTo>
                    <a:lnTo>
                      <a:pt x="4" y="4"/>
                    </a:lnTo>
                    <a:lnTo>
                      <a:pt x="2" y="8"/>
                    </a:lnTo>
                    <a:lnTo>
                      <a:pt x="0" y="14"/>
                    </a:lnTo>
                    <a:lnTo>
                      <a:pt x="0" y="14"/>
                    </a:lnTo>
                    <a:lnTo>
                      <a:pt x="2" y="20"/>
                    </a:lnTo>
                    <a:lnTo>
                      <a:pt x="4" y="24"/>
                    </a:lnTo>
                    <a:lnTo>
                      <a:pt x="8" y="28"/>
                    </a:lnTo>
                    <a:lnTo>
                      <a:pt x="14" y="28"/>
                    </a:lnTo>
                    <a:lnTo>
                      <a:pt x="14" y="28"/>
                    </a:lnTo>
                    <a:lnTo>
                      <a:pt x="28" y="30"/>
                    </a:lnTo>
                    <a:lnTo>
                      <a:pt x="42" y="32"/>
                    </a:lnTo>
                    <a:lnTo>
                      <a:pt x="54" y="34"/>
                    </a:lnTo>
                    <a:lnTo>
                      <a:pt x="68" y="40"/>
                    </a:lnTo>
                    <a:lnTo>
                      <a:pt x="78" y="44"/>
                    </a:lnTo>
                    <a:lnTo>
                      <a:pt x="90" y="52"/>
                    </a:lnTo>
                    <a:lnTo>
                      <a:pt x="100" y="60"/>
                    </a:lnTo>
                    <a:lnTo>
                      <a:pt x="110" y="68"/>
                    </a:lnTo>
                    <a:lnTo>
                      <a:pt x="118" y="78"/>
                    </a:lnTo>
                    <a:lnTo>
                      <a:pt x="126" y="88"/>
                    </a:lnTo>
                    <a:lnTo>
                      <a:pt x="134" y="100"/>
                    </a:lnTo>
                    <a:lnTo>
                      <a:pt x="138" y="110"/>
                    </a:lnTo>
                    <a:lnTo>
                      <a:pt x="144" y="124"/>
                    </a:lnTo>
                    <a:lnTo>
                      <a:pt x="146" y="136"/>
                    </a:lnTo>
                    <a:lnTo>
                      <a:pt x="148" y="150"/>
                    </a:lnTo>
                    <a:lnTo>
                      <a:pt x="150" y="164"/>
                    </a:lnTo>
                    <a:lnTo>
                      <a:pt x="150" y="164"/>
                    </a:lnTo>
                    <a:lnTo>
                      <a:pt x="150" y="168"/>
                    </a:lnTo>
                    <a:lnTo>
                      <a:pt x="154" y="174"/>
                    </a:lnTo>
                    <a:lnTo>
                      <a:pt x="158" y="176"/>
                    </a:lnTo>
                    <a:lnTo>
                      <a:pt x="164" y="178"/>
                    </a:lnTo>
                    <a:lnTo>
                      <a:pt x="164" y="178"/>
                    </a:lnTo>
                    <a:lnTo>
                      <a:pt x="170" y="176"/>
                    </a:lnTo>
                    <a:lnTo>
                      <a:pt x="174" y="174"/>
                    </a:lnTo>
                    <a:lnTo>
                      <a:pt x="178" y="168"/>
                    </a:lnTo>
                    <a:lnTo>
                      <a:pt x="178" y="164"/>
                    </a:lnTo>
                    <a:lnTo>
                      <a:pt x="178" y="164"/>
                    </a:lnTo>
                    <a:lnTo>
                      <a:pt x="178" y="146"/>
                    </a:lnTo>
                    <a:lnTo>
                      <a:pt x="176" y="130"/>
                    </a:lnTo>
                    <a:lnTo>
                      <a:pt x="172" y="114"/>
                    </a:lnTo>
                    <a:lnTo>
                      <a:pt x="166" y="100"/>
                    </a:lnTo>
                    <a:lnTo>
                      <a:pt x="158" y="86"/>
                    </a:lnTo>
                    <a:lnTo>
                      <a:pt x="150" y="72"/>
                    </a:lnTo>
                    <a:lnTo>
                      <a:pt x="142" y="60"/>
                    </a:lnTo>
                    <a:lnTo>
                      <a:pt x="130" y="48"/>
                    </a:lnTo>
                    <a:lnTo>
                      <a:pt x="118" y="38"/>
                    </a:lnTo>
                    <a:lnTo>
                      <a:pt x="106" y="28"/>
                    </a:lnTo>
                    <a:lnTo>
                      <a:pt x="92" y="20"/>
                    </a:lnTo>
                    <a:lnTo>
                      <a:pt x="78" y="12"/>
                    </a:lnTo>
                    <a:lnTo>
                      <a:pt x="64" y="8"/>
                    </a:lnTo>
                    <a:lnTo>
                      <a:pt x="48" y="4"/>
                    </a:lnTo>
                    <a:lnTo>
                      <a:pt x="32"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12" name="Freeform 8"/>
              <p:cNvSpPr>
                <a:spLocks/>
              </p:cNvSpPr>
              <p:nvPr/>
            </p:nvSpPr>
            <p:spPr bwMode="auto">
              <a:xfrm>
                <a:off x="12113758" y="3497490"/>
                <a:ext cx="193675" cy="196850"/>
              </a:xfrm>
              <a:custGeom>
                <a:avLst/>
                <a:gdLst/>
                <a:ahLst/>
                <a:cxnLst>
                  <a:cxn ang="0">
                    <a:pos x="92" y="110"/>
                  </a:cxn>
                  <a:cxn ang="0">
                    <a:pos x="92" y="110"/>
                  </a:cxn>
                  <a:cxn ang="0">
                    <a:pos x="94" y="114"/>
                  </a:cxn>
                  <a:cxn ang="0">
                    <a:pos x="96" y="120"/>
                  </a:cxn>
                  <a:cxn ang="0">
                    <a:pos x="100" y="122"/>
                  </a:cxn>
                  <a:cxn ang="0">
                    <a:pos x="106" y="124"/>
                  </a:cxn>
                  <a:cxn ang="0">
                    <a:pos x="106" y="124"/>
                  </a:cxn>
                  <a:cxn ang="0">
                    <a:pos x="112" y="122"/>
                  </a:cxn>
                  <a:cxn ang="0">
                    <a:pos x="116" y="120"/>
                  </a:cxn>
                  <a:cxn ang="0">
                    <a:pos x="120" y="114"/>
                  </a:cxn>
                  <a:cxn ang="0">
                    <a:pos x="122" y="110"/>
                  </a:cxn>
                  <a:cxn ang="0">
                    <a:pos x="122" y="110"/>
                  </a:cxn>
                  <a:cxn ang="0">
                    <a:pos x="120" y="88"/>
                  </a:cxn>
                  <a:cxn ang="0">
                    <a:pos x="112" y="68"/>
                  </a:cxn>
                  <a:cxn ang="0">
                    <a:pos x="102" y="48"/>
                  </a:cxn>
                  <a:cxn ang="0">
                    <a:pos x="90" y="32"/>
                  </a:cxn>
                  <a:cxn ang="0">
                    <a:pos x="74" y="20"/>
                  </a:cxn>
                  <a:cxn ang="0">
                    <a:pos x="56" y="10"/>
                  </a:cxn>
                  <a:cxn ang="0">
                    <a:pos x="36" y="2"/>
                  </a:cxn>
                  <a:cxn ang="0">
                    <a:pos x="14" y="0"/>
                  </a:cxn>
                  <a:cxn ang="0">
                    <a:pos x="14" y="0"/>
                  </a:cxn>
                  <a:cxn ang="0">
                    <a:pos x="8" y="2"/>
                  </a:cxn>
                  <a:cxn ang="0">
                    <a:pos x="4" y="4"/>
                  </a:cxn>
                  <a:cxn ang="0">
                    <a:pos x="2" y="10"/>
                  </a:cxn>
                  <a:cxn ang="0">
                    <a:pos x="0" y="14"/>
                  </a:cxn>
                  <a:cxn ang="0">
                    <a:pos x="0" y="14"/>
                  </a:cxn>
                  <a:cxn ang="0">
                    <a:pos x="2" y="20"/>
                  </a:cxn>
                  <a:cxn ang="0">
                    <a:pos x="4" y="26"/>
                  </a:cxn>
                  <a:cxn ang="0">
                    <a:pos x="8" y="28"/>
                  </a:cxn>
                  <a:cxn ang="0">
                    <a:pos x="14" y="30"/>
                  </a:cxn>
                  <a:cxn ang="0">
                    <a:pos x="14" y="30"/>
                  </a:cxn>
                  <a:cxn ang="0">
                    <a:pos x="30" y="30"/>
                  </a:cxn>
                  <a:cxn ang="0">
                    <a:pos x="44" y="36"/>
                  </a:cxn>
                  <a:cxn ang="0">
                    <a:pos x="58" y="42"/>
                  </a:cxn>
                  <a:cxn ang="0">
                    <a:pos x="70" y="52"/>
                  </a:cxn>
                  <a:cxn ang="0">
                    <a:pos x="78" y="64"/>
                  </a:cxn>
                  <a:cxn ang="0">
                    <a:pos x="86" y="78"/>
                  </a:cxn>
                  <a:cxn ang="0">
                    <a:pos x="90" y="94"/>
                  </a:cxn>
                  <a:cxn ang="0">
                    <a:pos x="92" y="110"/>
                  </a:cxn>
                  <a:cxn ang="0">
                    <a:pos x="92" y="110"/>
                  </a:cxn>
                </a:cxnLst>
                <a:rect l="0" t="0" r="r" b="b"/>
                <a:pathLst>
                  <a:path w="122" h="124">
                    <a:moveTo>
                      <a:pt x="92" y="110"/>
                    </a:moveTo>
                    <a:lnTo>
                      <a:pt x="92" y="110"/>
                    </a:lnTo>
                    <a:lnTo>
                      <a:pt x="94" y="114"/>
                    </a:lnTo>
                    <a:lnTo>
                      <a:pt x="96" y="120"/>
                    </a:lnTo>
                    <a:lnTo>
                      <a:pt x="100" y="122"/>
                    </a:lnTo>
                    <a:lnTo>
                      <a:pt x="106" y="124"/>
                    </a:lnTo>
                    <a:lnTo>
                      <a:pt x="106" y="124"/>
                    </a:lnTo>
                    <a:lnTo>
                      <a:pt x="112" y="122"/>
                    </a:lnTo>
                    <a:lnTo>
                      <a:pt x="116" y="120"/>
                    </a:lnTo>
                    <a:lnTo>
                      <a:pt x="120" y="114"/>
                    </a:lnTo>
                    <a:lnTo>
                      <a:pt x="122" y="110"/>
                    </a:lnTo>
                    <a:lnTo>
                      <a:pt x="122" y="110"/>
                    </a:lnTo>
                    <a:lnTo>
                      <a:pt x="120" y="88"/>
                    </a:lnTo>
                    <a:lnTo>
                      <a:pt x="112" y="68"/>
                    </a:lnTo>
                    <a:lnTo>
                      <a:pt x="102" y="48"/>
                    </a:lnTo>
                    <a:lnTo>
                      <a:pt x="90" y="32"/>
                    </a:lnTo>
                    <a:lnTo>
                      <a:pt x="74" y="20"/>
                    </a:lnTo>
                    <a:lnTo>
                      <a:pt x="56" y="10"/>
                    </a:lnTo>
                    <a:lnTo>
                      <a:pt x="36" y="2"/>
                    </a:lnTo>
                    <a:lnTo>
                      <a:pt x="14" y="0"/>
                    </a:lnTo>
                    <a:lnTo>
                      <a:pt x="14" y="0"/>
                    </a:lnTo>
                    <a:lnTo>
                      <a:pt x="8" y="2"/>
                    </a:lnTo>
                    <a:lnTo>
                      <a:pt x="4" y="4"/>
                    </a:lnTo>
                    <a:lnTo>
                      <a:pt x="2" y="10"/>
                    </a:lnTo>
                    <a:lnTo>
                      <a:pt x="0" y="14"/>
                    </a:lnTo>
                    <a:lnTo>
                      <a:pt x="0" y="14"/>
                    </a:lnTo>
                    <a:lnTo>
                      <a:pt x="2" y="20"/>
                    </a:lnTo>
                    <a:lnTo>
                      <a:pt x="4" y="26"/>
                    </a:lnTo>
                    <a:lnTo>
                      <a:pt x="8" y="28"/>
                    </a:lnTo>
                    <a:lnTo>
                      <a:pt x="14" y="30"/>
                    </a:lnTo>
                    <a:lnTo>
                      <a:pt x="14" y="30"/>
                    </a:lnTo>
                    <a:lnTo>
                      <a:pt x="30" y="30"/>
                    </a:lnTo>
                    <a:lnTo>
                      <a:pt x="44" y="36"/>
                    </a:lnTo>
                    <a:lnTo>
                      <a:pt x="58" y="42"/>
                    </a:lnTo>
                    <a:lnTo>
                      <a:pt x="70" y="52"/>
                    </a:lnTo>
                    <a:lnTo>
                      <a:pt x="78" y="64"/>
                    </a:lnTo>
                    <a:lnTo>
                      <a:pt x="86" y="78"/>
                    </a:lnTo>
                    <a:lnTo>
                      <a:pt x="90" y="94"/>
                    </a:lnTo>
                    <a:lnTo>
                      <a:pt x="92" y="110"/>
                    </a:lnTo>
                    <a:lnTo>
                      <a:pt x="92" y="11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13" name="Freeform 9"/>
              <p:cNvSpPr>
                <a:spLocks/>
              </p:cNvSpPr>
              <p:nvPr/>
            </p:nvSpPr>
            <p:spPr bwMode="auto">
              <a:xfrm>
                <a:off x="11897858" y="3446690"/>
                <a:ext cx="454025" cy="457200"/>
              </a:xfrm>
              <a:custGeom>
                <a:avLst/>
                <a:gdLst/>
                <a:ahLst/>
                <a:cxnLst>
                  <a:cxn ang="0">
                    <a:pos x="244" y="188"/>
                  </a:cxn>
                  <a:cxn ang="0">
                    <a:pos x="244" y="188"/>
                  </a:cxn>
                  <a:cxn ang="0">
                    <a:pos x="238" y="182"/>
                  </a:cxn>
                  <a:cxn ang="0">
                    <a:pos x="230" y="180"/>
                  </a:cxn>
                  <a:cxn ang="0">
                    <a:pos x="224" y="182"/>
                  </a:cxn>
                  <a:cxn ang="0">
                    <a:pos x="218" y="184"/>
                  </a:cxn>
                  <a:cxn ang="0">
                    <a:pos x="198" y="206"/>
                  </a:cxn>
                  <a:cxn ang="0">
                    <a:pos x="82" y="92"/>
                  </a:cxn>
                  <a:cxn ang="0">
                    <a:pos x="106" y="68"/>
                  </a:cxn>
                  <a:cxn ang="0">
                    <a:pos x="106" y="68"/>
                  </a:cxn>
                  <a:cxn ang="0">
                    <a:pos x="108" y="62"/>
                  </a:cxn>
                  <a:cxn ang="0">
                    <a:pos x="110" y="56"/>
                  </a:cxn>
                  <a:cxn ang="0">
                    <a:pos x="108" y="50"/>
                  </a:cxn>
                  <a:cxn ang="0">
                    <a:pos x="102" y="42"/>
                  </a:cxn>
                  <a:cxn ang="0">
                    <a:pos x="66" y="6"/>
                  </a:cxn>
                  <a:cxn ang="0">
                    <a:pos x="66" y="6"/>
                  </a:cxn>
                  <a:cxn ang="0">
                    <a:pos x="60" y="2"/>
                  </a:cxn>
                  <a:cxn ang="0">
                    <a:pos x="54" y="0"/>
                  </a:cxn>
                  <a:cxn ang="0">
                    <a:pos x="48" y="0"/>
                  </a:cxn>
                  <a:cxn ang="0">
                    <a:pos x="42" y="4"/>
                  </a:cxn>
                  <a:cxn ang="0">
                    <a:pos x="14" y="32"/>
                  </a:cxn>
                  <a:cxn ang="0">
                    <a:pos x="14" y="32"/>
                  </a:cxn>
                  <a:cxn ang="0">
                    <a:pos x="8" y="38"/>
                  </a:cxn>
                  <a:cxn ang="0">
                    <a:pos x="4" y="46"/>
                  </a:cxn>
                  <a:cxn ang="0">
                    <a:pos x="2" y="54"/>
                  </a:cxn>
                  <a:cxn ang="0">
                    <a:pos x="0" y="62"/>
                  </a:cxn>
                  <a:cxn ang="0">
                    <a:pos x="0" y="72"/>
                  </a:cxn>
                  <a:cxn ang="0">
                    <a:pos x="2" y="80"/>
                  </a:cxn>
                  <a:cxn ang="0">
                    <a:pos x="6" y="90"/>
                  </a:cxn>
                  <a:cxn ang="0">
                    <a:pos x="12" y="98"/>
                  </a:cxn>
                  <a:cxn ang="0">
                    <a:pos x="12" y="98"/>
                  </a:cxn>
                  <a:cxn ang="0">
                    <a:pos x="32" y="128"/>
                  </a:cxn>
                  <a:cxn ang="0">
                    <a:pos x="50" y="154"/>
                  </a:cxn>
                  <a:cxn ang="0">
                    <a:pos x="70" y="178"/>
                  </a:cxn>
                  <a:cxn ang="0">
                    <a:pos x="90" y="200"/>
                  </a:cxn>
                  <a:cxn ang="0">
                    <a:pos x="112" y="220"/>
                  </a:cxn>
                  <a:cxn ang="0">
                    <a:pos x="136" y="240"/>
                  </a:cxn>
                  <a:cxn ang="0">
                    <a:pos x="162" y="258"/>
                  </a:cxn>
                  <a:cxn ang="0">
                    <a:pos x="190" y="278"/>
                  </a:cxn>
                  <a:cxn ang="0">
                    <a:pos x="190" y="278"/>
                  </a:cxn>
                  <a:cxn ang="0">
                    <a:pos x="198" y="282"/>
                  </a:cxn>
                  <a:cxn ang="0">
                    <a:pos x="208" y="286"/>
                  </a:cxn>
                  <a:cxn ang="0">
                    <a:pos x="216" y="288"/>
                  </a:cxn>
                  <a:cxn ang="0">
                    <a:pos x="226" y="288"/>
                  </a:cxn>
                  <a:cxn ang="0">
                    <a:pos x="234" y="286"/>
                  </a:cxn>
                  <a:cxn ang="0">
                    <a:pos x="242" y="284"/>
                  </a:cxn>
                  <a:cxn ang="0">
                    <a:pos x="250" y="280"/>
                  </a:cxn>
                  <a:cxn ang="0">
                    <a:pos x="258" y="274"/>
                  </a:cxn>
                  <a:cxn ang="0">
                    <a:pos x="282" y="248"/>
                  </a:cxn>
                  <a:cxn ang="0">
                    <a:pos x="282" y="248"/>
                  </a:cxn>
                  <a:cxn ang="0">
                    <a:pos x="286" y="244"/>
                  </a:cxn>
                  <a:cxn ang="0">
                    <a:pos x="286" y="236"/>
                  </a:cxn>
                  <a:cxn ang="0">
                    <a:pos x="284" y="230"/>
                  </a:cxn>
                  <a:cxn ang="0">
                    <a:pos x="280" y="224"/>
                  </a:cxn>
                  <a:cxn ang="0">
                    <a:pos x="244" y="188"/>
                  </a:cxn>
                </a:cxnLst>
                <a:rect l="0" t="0" r="r" b="b"/>
                <a:pathLst>
                  <a:path w="286" h="288">
                    <a:moveTo>
                      <a:pt x="244" y="188"/>
                    </a:moveTo>
                    <a:lnTo>
                      <a:pt x="244" y="188"/>
                    </a:lnTo>
                    <a:lnTo>
                      <a:pt x="238" y="182"/>
                    </a:lnTo>
                    <a:lnTo>
                      <a:pt x="230" y="180"/>
                    </a:lnTo>
                    <a:lnTo>
                      <a:pt x="224" y="182"/>
                    </a:lnTo>
                    <a:lnTo>
                      <a:pt x="218" y="184"/>
                    </a:lnTo>
                    <a:lnTo>
                      <a:pt x="198" y="206"/>
                    </a:lnTo>
                    <a:lnTo>
                      <a:pt x="82" y="92"/>
                    </a:lnTo>
                    <a:lnTo>
                      <a:pt x="106" y="68"/>
                    </a:lnTo>
                    <a:lnTo>
                      <a:pt x="106" y="68"/>
                    </a:lnTo>
                    <a:lnTo>
                      <a:pt x="108" y="62"/>
                    </a:lnTo>
                    <a:lnTo>
                      <a:pt x="110" y="56"/>
                    </a:lnTo>
                    <a:lnTo>
                      <a:pt x="108" y="50"/>
                    </a:lnTo>
                    <a:lnTo>
                      <a:pt x="102" y="42"/>
                    </a:lnTo>
                    <a:lnTo>
                      <a:pt x="66" y="6"/>
                    </a:lnTo>
                    <a:lnTo>
                      <a:pt x="66" y="6"/>
                    </a:lnTo>
                    <a:lnTo>
                      <a:pt x="60" y="2"/>
                    </a:lnTo>
                    <a:lnTo>
                      <a:pt x="54" y="0"/>
                    </a:lnTo>
                    <a:lnTo>
                      <a:pt x="48" y="0"/>
                    </a:lnTo>
                    <a:lnTo>
                      <a:pt x="42" y="4"/>
                    </a:lnTo>
                    <a:lnTo>
                      <a:pt x="14" y="32"/>
                    </a:lnTo>
                    <a:lnTo>
                      <a:pt x="14" y="32"/>
                    </a:lnTo>
                    <a:lnTo>
                      <a:pt x="8" y="38"/>
                    </a:lnTo>
                    <a:lnTo>
                      <a:pt x="4" y="46"/>
                    </a:lnTo>
                    <a:lnTo>
                      <a:pt x="2" y="54"/>
                    </a:lnTo>
                    <a:lnTo>
                      <a:pt x="0" y="62"/>
                    </a:lnTo>
                    <a:lnTo>
                      <a:pt x="0" y="72"/>
                    </a:lnTo>
                    <a:lnTo>
                      <a:pt x="2" y="80"/>
                    </a:lnTo>
                    <a:lnTo>
                      <a:pt x="6" y="90"/>
                    </a:lnTo>
                    <a:lnTo>
                      <a:pt x="12" y="98"/>
                    </a:lnTo>
                    <a:lnTo>
                      <a:pt x="12" y="98"/>
                    </a:lnTo>
                    <a:lnTo>
                      <a:pt x="32" y="128"/>
                    </a:lnTo>
                    <a:lnTo>
                      <a:pt x="50" y="154"/>
                    </a:lnTo>
                    <a:lnTo>
                      <a:pt x="70" y="178"/>
                    </a:lnTo>
                    <a:lnTo>
                      <a:pt x="90" y="200"/>
                    </a:lnTo>
                    <a:lnTo>
                      <a:pt x="112" y="220"/>
                    </a:lnTo>
                    <a:lnTo>
                      <a:pt x="136" y="240"/>
                    </a:lnTo>
                    <a:lnTo>
                      <a:pt x="162" y="258"/>
                    </a:lnTo>
                    <a:lnTo>
                      <a:pt x="190" y="278"/>
                    </a:lnTo>
                    <a:lnTo>
                      <a:pt x="190" y="278"/>
                    </a:lnTo>
                    <a:lnTo>
                      <a:pt x="198" y="282"/>
                    </a:lnTo>
                    <a:lnTo>
                      <a:pt x="208" y="286"/>
                    </a:lnTo>
                    <a:lnTo>
                      <a:pt x="216" y="288"/>
                    </a:lnTo>
                    <a:lnTo>
                      <a:pt x="226" y="288"/>
                    </a:lnTo>
                    <a:lnTo>
                      <a:pt x="234" y="286"/>
                    </a:lnTo>
                    <a:lnTo>
                      <a:pt x="242" y="284"/>
                    </a:lnTo>
                    <a:lnTo>
                      <a:pt x="250" y="280"/>
                    </a:lnTo>
                    <a:lnTo>
                      <a:pt x="258" y="274"/>
                    </a:lnTo>
                    <a:lnTo>
                      <a:pt x="282" y="248"/>
                    </a:lnTo>
                    <a:lnTo>
                      <a:pt x="282" y="248"/>
                    </a:lnTo>
                    <a:lnTo>
                      <a:pt x="286" y="244"/>
                    </a:lnTo>
                    <a:lnTo>
                      <a:pt x="286" y="236"/>
                    </a:lnTo>
                    <a:lnTo>
                      <a:pt x="284" y="230"/>
                    </a:lnTo>
                    <a:lnTo>
                      <a:pt x="280" y="224"/>
                    </a:lnTo>
                    <a:lnTo>
                      <a:pt x="244" y="18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grpSp>
      <p:grpSp>
        <p:nvGrpSpPr>
          <p:cNvPr id="11" name="组合 255"/>
          <p:cNvGrpSpPr/>
          <p:nvPr/>
        </p:nvGrpSpPr>
        <p:grpSpPr>
          <a:xfrm>
            <a:off x="5781408" y="2966489"/>
            <a:ext cx="865866" cy="752788"/>
            <a:chOff x="5540778" y="2629608"/>
            <a:chExt cx="865866" cy="752788"/>
          </a:xfrm>
        </p:grpSpPr>
        <p:sp>
          <p:nvSpPr>
            <p:cNvPr id="235" name="Freeform 139"/>
            <p:cNvSpPr>
              <a:spLocks/>
            </p:cNvSpPr>
            <p:nvPr/>
          </p:nvSpPr>
          <p:spPr bwMode="auto">
            <a:xfrm>
              <a:off x="5964047" y="2629608"/>
              <a:ext cx="104368" cy="94536"/>
            </a:xfrm>
            <a:custGeom>
              <a:avLst/>
              <a:gdLst/>
              <a:ahLst/>
              <a:cxnLst>
                <a:cxn ang="0">
                  <a:pos x="1404" y="702"/>
                </a:cxn>
                <a:cxn ang="0">
                  <a:pos x="1404" y="858"/>
                </a:cxn>
                <a:cxn ang="0">
                  <a:pos x="1353" y="988"/>
                </a:cxn>
                <a:cxn ang="0">
                  <a:pos x="1275" y="1092"/>
                </a:cxn>
                <a:cxn ang="0">
                  <a:pos x="1197" y="1196"/>
                </a:cxn>
                <a:cxn ang="0">
                  <a:pos x="1093" y="1300"/>
                </a:cxn>
                <a:cxn ang="0">
                  <a:pos x="963" y="1352"/>
                </a:cxn>
                <a:cxn ang="0">
                  <a:pos x="833" y="1404"/>
                </a:cxn>
                <a:cxn ang="0">
                  <a:pos x="703" y="1404"/>
                </a:cxn>
                <a:cxn ang="0">
                  <a:pos x="547" y="1404"/>
                </a:cxn>
                <a:cxn ang="0">
                  <a:pos x="417" y="1352"/>
                </a:cxn>
                <a:cxn ang="0">
                  <a:pos x="313" y="1300"/>
                </a:cxn>
                <a:cxn ang="0">
                  <a:pos x="209" y="1196"/>
                </a:cxn>
                <a:cxn ang="0">
                  <a:pos x="105" y="1092"/>
                </a:cxn>
                <a:cxn ang="0">
                  <a:pos x="53" y="988"/>
                </a:cxn>
                <a:cxn ang="0">
                  <a:pos x="0" y="858"/>
                </a:cxn>
                <a:cxn ang="0">
                  <a:pos x="0" y="702"/>
                </a:cxn>
                <a:cxn ang="0">
                  <a:pos x="0" y="572"/>
                </a:cxn>
                <a:cxn ang="0">
                  <a:pos x="53" y="416"/>
                </a:cxn>
                <a:cxn ang="0">
                  <a:pos x="105" y="312"/>
                </a:cxn>
                <a:cxn ang="0">
                  <a:pos x="209" y="208"/>
                </a:cxn>
                <a:cxn ang="0">
                  <a:pos x="313" y="130"/>
                </a:cxn>
                <a:cxn ang="0">
                  <a:pos x="417" y="52"/>
                </a:cxn>
                <a:cxn ang="0">
                  <a:pos x="547" y="0"/>
                </a:cxn>
                <a:cxn ang="0">
                  <a:pos x="703" y="0"/>
                </a:cxn>
                <a:cxn ang="0">
                  <a:pos x="833" y="0"/>
                </a:cxn>
                <a:cxn ang="0">
                  <a:pos x="963" y="52"/>
                </a:cxn>
                <a:cxn ang="0">
                  <a:pos x="1093" y="130"/>
                </a:cxn>
                <a:cxn ang="0">
                  <a:pos x="1197" y="208"/>
                </a:cxn>
                <a:cxn ang="0">
                  <a:pos x="1275" y="312"/>
                </a:cxn>
                <a:cxn ang="0">
                  <a:pos x="1353" y="416"/>
                </a:cxn>
                <a:cxn ang="0">
                  <a:pos x="1404" y="572"/>
                </a:cxn>
                <a:cxn ang="0">
                  <a:pos x="1404" y="702"/>
                </a:cxn>
              </a:cxnLst>
              <a:rect l="0" t="0" r="r" b="b"/>
              <a:pathLst>
                <a:path w="1404" h="1404">
                  <a:moveTo>
                    <a:pt x="1404" y="702"/>
                  </a:moveTo>
                  <a:lnTo>
                    <a:pt x="1404" y="858"/>
                  </a:lnTo>
                  <a:lnTo>
                    <a:pt x="1353" y="988"/>
                  </a:lnTo>
                  <a:lnTo>
                    <a:pt x="1275" y="1092"/>
                  </a:lnTo>
                  <a:lnTo>
                    <a:pt x="1197" y="1196"/>
                  </a:lnTo>
                  <a:lnTo>
                    <a:pt x="1093" y="1300"/>
                  </a:lnTo>
                  <a:lnTo>
                    <a:pt x="963" y="1352"/>
                  </a:lnTo>
                  <a:lnTo>
                    <a:pt x="833" y="1404"/>
                  </a:lnTo>
                  <a:lnTo>
                    <a:pt x="703" y="1404"/>
                  </a:lnTo>
                  <a:lnTo>
                    <a:pt x="547" y="1404"/>
                  </a:lnTo>
                  <a:lnTo>
                    <a:pt x="417" y="1352"/>
                  </a:lnTo>
                  <a:lnTo>
                    <a:pt x="313" y="1300"/>
                  </a:lnTo>
                  <a:lnTo>
                    <a:pt x="209" y="1196"/>
                  </a:lnTo>
                  <a:lnTo>
                    <a:pt x="105" y="1092"/>
                  </a:lnTo>
                  <a:lnTo>
                    <a:pt x="53" y="988"/>
                  </a:lnTo>
                  <a:lnTo>
                    <a:pt x="0" y="858"/>
                  </a:lnTo>
                  <a:lnTo>
                    <a:pt x="0" y="702"/>
                  </a:lnTo>
                  <a:lnTo>
                    <a:pt x="0" y="572"/>
                  </a:lnTo>
                  <a:lnTo>
                    <a:pt x="53" y="416"/>
                  </a:lnTo>
                  <a:lnTo>
                    <a:pt x="105" y="312"/>
                  </a:lnTo>
                  <a:lnTo>
                    <a:pt x="209" y="208"/>
                  </a:lnTo>
                  <a:lnTo>
                    <a:pt x="313" y="130"/>
                  </a:lnTo>
                  <a:lnTo>
                    <a:pt x="417" y="52"/>
                  </a:lnTo>
                  <a:lnTo>
                    <a:pt x="547" y="0"/>
                  </a:lnTo>
                  <a:lnTo>
                    <a:pt x="703" y="0"/>
                  </a:lnTo>
                  <a:lnTo>
                    <a:pt x="833" y="0"/>
                  </a:lnTo>
                  <a:lnTo>
                    <a:pt x="963" y="52"/>
                  </a:lnTo>
                  <a:lnTo>
                    <a:pt x="1093" y="130"/>
                  </a:lnTo>
                  <a:lnTo>
                    <a:pt x="1197" y="208"/>
                  </a:lnTo>
                  <a:lnTo>
                    <a:pt x="1275" y="312"/>
                  </a:lnTo>
                  <a:lnTo>
                    <a:pt x="1353" y="416"/>
                  </a:lnTo>
                  <a:lnTo>
                    <a:pt x="1404" y="572"/>
                  </a:lnTo>
                  <a:lnTo>
                    <a:pt x="1404" y="702"/>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36" name="Freeform 140"/>
            <p:cNvSpPr>
              <a:spLocks/>
            </p:cNvSpPr>
            <p:nvPr/>
          </p:nvSpPr>
          <p:spPr bwMode="auto">
            <a:xfrm>
              <a:off x="5880939" y="2731147"/>
              <a:ext cx="270583" cy="570718"/>
            </a:xfrm>
            <a:custGeom>
              <a:avLst/>
              <a:gdLst/>
              <a:ahLst/>
              <a:cxnLst>
                <a:cxn ang="0">
                  <a:pos x="3432" y="1066"/>
                </a:cxn>
                <a:cxn ang="0">
                  <a:pos x="3380" y="910"/>
                </a:cxn>
                <a:cxn ang="0">
                  <a:pos x="3223" y="728"/>
                </a:cxn>
                <a:cxn ang="0">
                  <a:pos x="2730" y="468"/>
                </a:cxn>
                <a:cxn ang="0">
                  <a:pos x="2314" y="234"/>
                </a:cxn>
                <a:cxn ang="0">
                  <a:pos x="2236" y="52"/>
                </a:cxn>
                <a:cxn ang="0">
                  <a:pos x="2184" y="0"/>
                </a:cxn>
                <a:cxn ang="0">
                  <a:pos x="2002" y="156"/>
                </a:cxn>
                <a:cxn ang="0">
                  <a:pos x="2002" y="364"/>
                </a:cxn>
                <a:cxn ang="0">
                  <a:pos x="1898" y="468"/>
                </a:cxn>
                <a:cxn ang="0">
                  <a:pos x="2002" y="1014"/>
                </a:cxn>
                <a:cxn ang="0">
                  <a:pos x="2054" y="1482"/>
                </a:cxn>
                <a:cxn ang="0">
                  <a:pos x="1950" y="2028"/>
                </a:cxn>
                <a:cxn ang="0">
                  <a:pos x="1846" y="2366"/>
                </a:cxn>
                <a:cxn ang="0">
                  <a:pos x="1794" y="2366"/>
                </a:cxn>
                <a:cxn ang="0">
                  <a:pos x="1664" y="2028"/>
                </a:cxn>
                <a:cxn ang="0">
                  <a:pos x="1560" y="1482"/>
                </a:cxn>
                <a:cxn ang="0">
                  <a:pos x="1638" y="1014"/>
                </a:cxn>
                <a:cxn ang="0">
                  <a:pos x="1742" y="468"/>
                </a:cxn>
                <a:cxn ang="0">
                  <a:pos x="1638" y="364"/>
                </a:cxn>
                <a:cxn ang="0">
                  <a:pos x="1638" y="156"/>
                </a:cxn>
                <a:cxn ang="0">
                  <a:pos x="1456" y="0"/>
                </a:cxn>
                <a:cxn ang="0">
                  <a:pos x="1404" y="52"/>
                </a:cxn>
                <a:cxn ang="0">
                  <a:pos x="1326" y="234"/>
                </a:cxn>
                <a:cxn ang="0">
                  <a:pos x="910" y="468"/>
                </a:cxn>
                <a:cxn ang="0">
                  <a:pos x="390" y="728"/>
                </a:cxn>
                <a:cxn ang="0">
                  <a:pos x="260" y="910"/>
                </a:cxn>
                <a:cxn ang="0">
                  <a:pos x="208" y="1066"/>
                </a:cxn>
                <a:cxn ang="0">
                  <a:pos x="0" y="3978"/>
                </a:cxn>
                <a:cxn ang="0">
                  <a:pos x="156" y="4212"/>
                </a:cxn>
                <a:cxn ang="0">
                  <a:pos x="390" y="4290"/>
                </a:cxn>
                <a:cxn ang="0">
                  <a:pos x="624" y="4212"/>
                </a:cxn>
                <a:cxn ang="0">
                  <a:pos x="728" y="4108"/>
                </a:cxn>
                <a:cxn ang="0">
                  <a:pos x="754" y="7591"/>
                </a:cxn>
                <a:cxn ang="0">
                  <a:pos x="806" y="7956"/>
                </a:cxn>
                <a:cxn ang="0">
                  <a:pos x="910" y="8216"/>
                </a:cxn>
                <a:cxn ang="0">
                  <a:pos x="1066" y="8372"/>
                </a:cxn>
                <a:cxn ang="0">
                  <a:pos x="1248" y="8450"/>
                </a:cxn>
                <a:cxn ang="0">
                  <a:pos x="1430" y="8450"/>
                </a:cxn>
                <a:cxn ang="0">
                  <a:pos x="1586" y="8398"/>
                </a:cxn>
                <a:cxn ang="0">
                  <a:pos x="1716" y="8268"/>
                </a:cxn>
                <a:cxn ang="0">
                  <a:pos x="1794" y="8112"/>
                </a:cxn>
                <a:cxn ang="0">
                  <a:pos x="1820" y="8112"/>
                </a:cxn>
                <a:cxn ang="0">
                  <a:pos x="1898" y="8268"/>
                </a:cxn>
                <a:cxn ang="0">
                  <a:pos x="2054" y="8398"/>
                </a:cxn>
                <a:cxn ang="0">
                  <a:pos x="2210" y="8450"/>
                </a:cxn>
                <a:cxn ang="0">
                  <a:pos x="2392" y="8450"/>
                </a:cxn>
                <a:cxn ang="0">
                  <a:pos x="2574" y="8372"/>
                </a:cxn>
                <a:cxn ang="0">
                  <a:pos x="2730" y="8216"/>
                </a:cxn>
                <a:cxn ang="0">
                  <a:pos x="2834" y="7956"/>
                </a:cxn>
                <a:cxn ang="0">
                  <a:pos x="2860" y="7591"/>
                </a:cxn>
                <a:cxn ang="0">
                  <a:pos x="2886" y="4108"/>
                </a:cxn>
                <a:cxn ang="0">
                  <a:pos x="2912" y="4134"/>
                </a:cxn>
                <a:cxn ang="0">
                  <a:pos x="3120" y="4264"/>
                </a:cxn>
                <a:cxn ang="0">
                  <a:pos x="3380" y="4290"/>
                </a:cxn>
                <a:cxn ang="0">
                  <a:pos x="3588" y="4134"/>
                </a:cxn>
                <a:cxn ang="0">
                  <a:pos x="3640" y="3770"/>
                </a:cxn>
              </a:cxnLst>
              <a:rect l="0" t="0" r="r" b="b"/>
              <a:pathLst>
                <a:path w="3640" h="8476">
                  <a:moveTo>
                    <a:pt x="3640" y="3770"/>
                  </a:moveTo>
                  <a:lnTo>
                    <a:pt x="3432" y="1066"/>
                  </a:lnTo>
                  <a:lnTo>
                    <a:pt x="3406" y="1014"/>
                  </a:lnTo>
                  <a:lnTo>
                    <a:pt x="3380" y="910"/>
                  </a:lnTo>
                  <a:lnTo>
                    <a:pt x="3302" y="780"/>
                  </a:lnTo>
                  <a:lnTo>
                    <a:pt x="3223" y="728"/>
                  </a:lnTo>
                  <a:lnTo>
                    <a:pt x="3172" y="676"/>
                  </a:lnTo>
                  <a:lnTo>
                    <a:pt x="2730" y="468"/>
                  </a:lnTo>
                  <a:lnTo>
                    <a:pt x="2418" y="286"/>
                  </a:lnTo>
                  <a:lnTo>
                    <a:pt x="2314" y="234"/>
                  </a:lnTo>
                  <a:lnTo>
                    <a:pt x="2262" y="156"/>
                  </a:lnTo>
                  <a:lnTo>
                    <a:pt x="2236" y="52"/>
                  </a:lnTo>
                  <a:lnTo>
                    <a:pt x="2210" y="0"/>
                  </a:lnTo>
                  <a:lnTo>
                    <a:pt x="2184" y="0"/>
                  </a:lnTo>
                  <a:lnTo>
                    <a:pt x="1976" y="78"/>
                  </a:lnTo>
                  <a:lnTo>
                    <a:pt x="2002" y="156"/>
                  </a:lnTo>
                  <a:lnTo>
                    <a:pt x="2028" y="260"/>
                  </a:lnTo>
                  <a:lnTo>
                    <a:pt x="2002" y="364"/>
                  </a:lnTo>
                  <a:lnTo>
                    <a:pt x="1976" y="416"/>
                  </a:lnTo>
                  <a:lnTo>
                    <a:pt x="1898" y="468"/>
                  </a:lnTo>
                  <a:lnTo>
                    <a:pt x="1924" y="728"/>
                  </a:lnTo>
                  <a:lnTo>
                    <a:pt x="2002" y="1014"/>
                  </a:lnTo>
                  <a:lnTo>
                    <a:pt x="2054" y="1274"/>
                  </a:lnTo>
                  <a:lnTo>
                    <a:pt x="2054" y="1482"/>
                  </a:lnTo>
                  <a:lnTo>
                    <a:pt x="2028" y="1716"/>
                  </a:lnTo>
                  <a:lnTo>
                    <a:pt x="1950" y="2028"/>
                  </a:lnTo>
                  <a:lnTo>
                    <a:pt x="1872" y="2288"/>
                  </a:lnTo>
                  <a:lnTo>
                    <a:pt x="1846" y="2366"/>
                  </a:lnTo>
                  <a:lnTo>
                    <a:pt x="1820" y="2392"/>
                  </a:lnTo>
                  <a:lnTo>
                    <a:pt x="1794" y="2366"/>
                  </a:lnTo>
                  <a:lnTo>
                    <a:pt x="1768" y="2288"/>
                  </a:lnTo>
                  <a:lnTo>
                    <a:pt x="1664" y="2028"/>
                  </a:lnTo>
                  <a:lnTo>
                    <a:pt x="1612" y="1716"/>
                  </a:lnTo>
                  <a:lnTo>
                    <a:pt x="1560" y="1482"/>
                  </a:lnTo>
                  <a:lnTo>
                    <a:pt x="1586" y="1274"/>
                  </a:lnTo>
                  <a:lnTo>
                    <a:pt x="1638" y="1014"/>
                  </a:lnTo>
                  <a:lnTo>
                    <a:pt x="1690" y="728"/>
                  </a:lnTo>
                  <a:lnTo>
                    <a:pt x="1742" y="468"/>
                  </a:lnTo>
                  <a:lnTo>
                    <a:pt x="1664" y="416"/>
                  </a:lnTo>
                  <a:lnTo>
                    <a:pt x="1638" y="364"/>
                  </a:lnTo>
                  <a:lnTo>
                    <a:pt x="1638" y="260"/>
                  </a:lnTo>
                  <a:lnTo>
                    <a:pt x="1638" y="156"/>
                  </a:lnTo>
                  <a:lnTo>
                    <a:pt x="1664" y="78"/>
                  </a:lnTo>
                  <a:lnTo>
                    <a:pt x="1456" y="0"/>
                  </a:lnTo>
                  <a:lnTo>
                    <a:pt x="1430" y="0"/>
                  </a:lnTo>
                  <a:lnTo>
                    <a:pt x="1404" y="52"/>
                  </a:lnTo>
                  <a:lnTo>
                    <a:pt x="1378" y="156"/>
                  </a:lnTo>
                  <a:lnTo>
                    <a:pt x="1326" y="234"/>
                  </a:lnTo>
                  <a:lnTo>
                    <a:pt x="1222" y="286"/>
                  </a:lnTo>
                  <a:lnTo>
                    <a:pt x="910" y="468"/>
                  </a:lnTo>
                  <a:lnTo>
                    <a:pt x="468" y="676"/>
                  </a:lnTo>
                  <a:lnTo>
                    <a:pt x="390" y="728"/>
                  </a:lnTo>
                  <a:lnTo>
                    <a:pt x="338" y="780"/>
                  </a:lnTo>
                  <a:lnTo>
                    <a:pt x="260" y="910"/>
                  </a:lnTo>
                  <a:lnTo>
                    <a:pt x="234" y="1014"/>
                  </a:lnTo>
                  <a:lnTo>
                    <a:pt x="208" y="1066"/>
                  </a:lnTo>
                  <a:lnTo>
                    <a:pt x="0" y="3770"/>
                  </a:lnTo>
                  <a:lnTo>
                    <a:pt x="0" y="3978"/>
                  </a:lnTo>
                  <a:lnTo>
                    <a:pt x="52" y="4134"/>
                  </a:lnTo>
                  <a:lnTo>
                    <a:pt x="156" y="4212"/>
                  </a:lnTo>
                  <a:lnTo>
                    <a:pt x="260" y="4290"/>
                  </a:lnTo>
                  <a:lnTo>
                    <a:pt x="390" y="4290"/>
                  </a:lnTo>
                  <a:lnTo>
                    <a:pt x="520" y="4264"/>
                  </a:lnTo>
                  <a:lnTo>
                    <a:pt x="624" y="4212"/>
                  </a:lnTo>
                  <a:lnTo>
                    <a:pt x="702" y="4134"/>
                  </a:lnTo>
                  <a:lnTo>
                    <a:pt x="728" y="4108"/>
                  </a:lnTo>
                  <a:lnTo>
                    <a:pt x="728" y="4134"/>
                  </a:lnTo>
                  <a:lnTo>
                    <a:pt x="754" y="7591"/>
                  </a:lnTo>
                  <a:lnTo>
                    <a:pt x="780" y="7774"/>
                  </a:lnTo>
                  <a:lnTo>
                    <a:pt x="806" y="7956"/>
                  </a:lnTo>
                  <a:lnTo>
                    <a:pt x="858" y="8086"/>
                  </a:lnTo>
                  <a:lnTo>
                    <a:pt x="910" y="8216"/>
                  </a:lnTo>
                  <a:lnTo>
                    <a:pt x="988" y="8320"/>
                  </a:lnTo>
                  <a:lnTo>
                    <a:pt x="1066" y="8372"/>
                  </a:lnTo>
                  <a:lnTo>
                    <a:pt x="1144" y="8424"/>
                  </a:lnTo>
                  <a:lnTo>
                    <a:pt x="1248" y="8450"/>
                  </a:lnTo>
                  <a:lnTo>
                    <a:pt x="1326" y="8476"/>
                  </a:lnTo>
                  <a:lnTo>
                    <a:pt x="1430" y="8450"/>
                  </a:lnTo>
                  <a:lnTo>
                    <a:pt x="1508" y="8424"/>
                  </a:lnTo>
                  <a:lnTo>
                    <a:pt x="1586" y="8398"/>
                  </a:lnTo>
                  <a:lnTo>
                    <a:pt x="1664" y="8346"/>
                  </a:lnTo>
                  <a:lnTo>
                    <a:pt x="1716" y="8268"/>
                  </a:lnTo>
                  <a:lnTo>
                    <a:pt x="1768" y="8190"/>
                  </a:lnTo>
                  <a:lnTo>
                    <a:pt x="1794" y="8112"/>
                  </a:lnTo>
                  <a:lnTo>
                    <a:pt x="1820" y="8086"/>
                  </a:lnTo>
                  <a:lnTo>
                    <a:pt x="1820" y="8112"/>
                  </a:lnTo>
                  <a:lnTo>
                    <a:pt x="1872" y="8190"/>
                  </a:lnTo>
                  <a:lnTo>
                    <a:pt x="1898" y="8268"/>
                  </a:lnTo>
                  <a:lnTo>
                    <a:pt x="1976" y="8346"/>
                  </a:lnTo>
                  <a:lnTo>
                    <a:pt x="2054" y="8398"/>
                  </a:lnTo>
                  <a:lnTo>
                    <a:pt x="2132" y="8424"/>
                  </a:lnTo>
                  <a:lnTo>
                    <a:pt x="2210" y="8450"/>
                  </a:lnTo>
                  <a:lnTo>
                    <a:pt x="2314" y="8476"/>
                  </a:lnTo>
                  <a:lnTo>
                    <a:pt x="2392" y="8450"/>
                  </a:lnTo>
                  <a:lnTo>
                    <a:pt x="2496" y="8424"/>
                  </a:lnTo>
                  <a:lnTo>
                    <a:pt x="2574" y="8372"/>
                  </a:lnTo>
                  <a:lnTo>
                    <a:pt x="2652" y="8320"/>
                  </a:lnTo>
                  <a:lnTo>
                    <a:pt x="2730" y="8216"/>
                  </a:lnTo>
                  <a:lnTo>
                    <a:pt x="2782" y="8086"/>
                  </a:lnTo>
                  <a:lnTo>
                    <a:pt x="2834" y="7956"/>
                  </a:lnTo>
                  <a:lnTo>
                    <a:pt x="2860" y="7774"/>
                  </a:lnTo>
                  <a:lnTo>
                    <a:pt x="2860" y="7591"/>
                  </a:lnTo>
                  <a:lnTo>
                    <a:pt x="2886" y="4134"/>
                  </a:lnTo>
                  <a:lnTo>
                    <a:pt x="2886" y="4108"/>
                  </a:lnTo>
                  <a:lnTo>
                    <a:pt x="2912" y="4108"/>
                  </a:lnTo>
                  <a:lnTo>
                    <a:pt x="2912" y="4134"/>
                  </a:lnTo>
                  <a:lnTo>
                    <a:pt x="3016" y="4212"/>
                  </a:lnTo>
                  <a:lnTo>
                    <a:pt x="3120" y="4264"/>
                  </a:lnTo>
                  <a:lnTo>
                    <a:pt x="3250" y="4290"/>
                  </a:lnTo>
                  <a:lnTo>
                    <a:pt x="3380" y="4290"/>
                  </a:lnTo>
                  <a:lnTo>
                    <a:pt x="3484" y="4212"/>
                  </a:lnTo>
                  <a:lnTo>
                    <a:pt x="3588" y="4134"/>
                  </a:lnTo>
                  <a:lnTo>
                    <a:pt x="3640" y="3978"/>
                  </a:lnTo>
                  <a:lnTo>
                    <a:pt x="3640" y="3770"/>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37" name="Freeform 141"/>
            <p:cNvSpPr>
              <a:spLocks/>
            </p:cNvSpPr>
            <p:nvPr/>
          </p:nvSpPr>
          <p:spPr bwMode="auto">
            <a:xfrm>
              <a:off x="5761110" y="3256348"/>
              <a:ext cx="508309" cy="126048"/>
            </a:xfrm>
            <a:custGeom>
              <a:avLst/>
              <a:gdLst/>
              <a:ahLst/>
              <a:cxnLst>
                <a:cxn ang="0">
                  <a:pos x="5902" y="104"/>
                </a:cxn>
                <a:cxn ang="0">
                  <a:pos x="6188" y="338"/>
                </a:cxn>
                <a:cxn ang="0">
                  <a:pos x="6239" y="468"/>
                </a:cxn>
                <a:cxn ang="0">
                  <a:pos x="6188" y="624"/>
                </a:cxn>
                <a:cxn ang="0">
                  <a:pos x="6006" y="780"/>
                </a:cxn>
                <a:cxn ang="0">
                  <a:pos x="5408" y="1040"/>
                </a:cxn>
                <a:cxn ang="0">
                  <a:pos x="4524" y="1222"/>
                </a:cxn>
                <a:cxn ang="0">
                  <a:pos x="3406" y="1274"/>
                </a:cxn>
                <a:cxn ang="0">
                  <a:pos x="2314" y="1222"/>
                </a:cxn>
                <a:cxn ang="0">
                  <a:pos x="1430" y="1040"/>
                </a:cxn>
                <a:cxn ang="0">
                  <a:pos x="832" y="780"/>
                </a:cxn>
                <a:cxn ang="0">
                  <a:pos x="650" y="624"/>
                </a:cxn>
                <a:cxn ang="0">
                  <a:pos x="598" y="468"/>
                </a:cxn>
                <a:cxn ang="0">
                  <a:pos x="624" y="338"/>
                </a:cxn>
                <a:cxn ang="0">
                  <a:pos x="910" y="130"/>
                </a:cxn>
                <a:cxn ang="0">
                  <a:pos x="650" y="182"/>
                </a:cxn>
                <a:cxn ang="0">
                  <a:pos x="312" y="364"/>
                </a:cxn>
                <a:cxn ang="0">
                  <a:pos x="78" y="572"/>
                </a:cxn>
                <a:cxn ang="0">
                  <a:pos x="0" y="806"/>
                </a:cxn>
                <a:cxn ang="0">
                  <a:pos x="78" y="1014"/>
                </a:cxn>
                <a:cxn ang="0">
                  <a:pos x="286" y="1222"/>
                </a:cxn>
                <a:cxn ang="0">
                  <a:pos x="598" y="1404"/>
                </a:cxn>
                <a:cxn ang="0">
                  <a:pos x="1508" y="1690"/>
                </a:cxn>
                <a:cxn ang="0">
                  <a:pos x="2729" y="1846"/>
                </a:cxn>
                <a:cxn ang="0">
                  <a:pos x="4108" y="1846"/>
                </a:cxn>
                <a:cxn ang="0">
                  <a:pos x="5330" y="1690"/>
                </a:cxn>
                <a:cxn ang="0">
                  <a:pos x="6266" y="1404"/>
                </a:cxn>
                <a:cxn ang="0">
                  <a:pos x="6578" y="1222"/>
                </a:cxn>
                <a:cxn ang="0">
                  <a:pos x="6786" y="1014"/>
                </a:cxn>
                <a:cxn ang="0">
                  <a:pos x="6838" y="806"/>
                </a:cxn>
                <a:cxn ang="0">
                  <a:pos x="6760" y="572"/>
                </a:cxn>
                <a:cxn ang="0">
                  <a:pos x="6526" y="338"/>
                </a:cxn>
                <a:cxn ang="0">
                  <a:pos x="6162" y="156"/>
                </a:cxn>
                <a:cxn ang="0">
                  <a:pos x="5668" y="0"/>
                </a:cxn>
              </a:cxnLst>
              <a:rect l="0" t="0" r="r" b="b"/>
              <a:pathLst>
                <a:path w="6838" h="1872">
                  <a:moveTo>
                    <a:pt x="5668" y="0"/>
                  </a:moveTo>
                  <a:lnTo>
                    <a:pt x="5902" y="104"/>
                  </a:lnTo>
                  <a:lnTo>
                    <a:pt x="6084" y="208"/>
                  </a:lnTo>
                  <a:lnTo>
                    <a:pt x="6188" y="338"/>
                  </a:lnTo>
                  <a:lnTo>
                    <a:pt x="6214" y="416"/>
                  </a:lnTo>
                  <a:lnTo>
                    <a:pt x="6239" y="468"/>
                  </a:lnTo>
                  <a:lnTo>
                    <a:pt x="6214" y="546"/>
                  </a:lnTo>
                  <a:lnTo>
                    <a:pt x="6188" y="624"/>
                  </a:lnTo>
                  <a:lnTo>
                    <a:pt x="6110" y="702"/>
                  </a:lnTo>
                  <a:lnTo>
                    <a:pt x="6006" y="780"/>
                  </a:lnTo>
                  <a:lnTo>
                    <a:pt x="5746" y="910"/>
                  </a:lnTo>
                  <a:lnTo>
                    <a:pt x="5408" y="1040"/>
                  </a:lnTo>
                  <a:lnTo>
                    <a:pt x="4992" y="1144"/>
                  </a:lnTo>
                  <a:lnTo>
                    <a:pt x="4524" y="1222"/>
                  </a:lnTo>
                  <a:lnTo>
                    <a:pt x="3978" y="1248"/>
                  </a:lnTo>
                  <a:lnTo>
                    <a:pt x="3406" y="1274"/>
                  </a:lnTo>
                  <a:lnTo>
                    <a:pt x="2860" y="1248"/>
                  </a:lnTo>
                  <a:lnTo>
                    <a:pt x="2314" y="1222"/>
                  </a:lnTo>
                  <a:lnTo>
                    <a:pt x="1846" y="1144"/>
                  </a:lnTo>
                  <a:lnTo>
                    <a:pt x="1430" y="1040"/>
                  </a:lnTo>
                  <a:lnTo>
                    <a:pt x="1092" y="910"/>
                  </a:lnTo>
                  <a:lnTo>
                    <a:pt x="832" y="780"/>
                  </a:lnTo>
                  <a:lnTo>
                    <a:pt x="728" y="702"/>
                  </a:lnTo>
                  <a:lnTo>
                    <a:pt x="650" y="624"/>
                  </a:lnTo>
                  <a:lnTo>
                    <a:pt x="624" y="546"/>
                  </a:lnTo>
                  <a:lnTo>
                    <a:pt x="598" y="468"/>
                  </a:lnTo>
                  <a:lnTo>
                    <a:pt x="598" y="416"/>
                  </a:lnTo>
                  <a:lnTo>
                    <a:pt x="624" y="338"/>
                  </a:lnTo>
                  <a:lnTo>
                    <a:pt x="728" y="234"/>
                  </a:lnTo>
                  <a:lnTo>
                    <a:pt x="910" y="130"/>
                  </a:lnTo>
                  <a:lnTo>
                    <a:pt x="1118" y="26"/>
                  </a:lnTo>
                  <a:lnTo>
                    <a:pt x="650" y="182"/>
                  </a:lnTo>
                  <a:lnTo>
                    <a:pt x="468" y="260"/>
                  </a:lnTo>
                  <a:lnTo>
                    <a:pt x="312" y="364"/>
                  </a:lnTo>
                  <a:lnTo>
                    <a:pt x="182" y="468"/>
                  </a:lnTo>
                  <a:lnTo>
                    <a:pt x="78" y="572"/>
                  </a:lnTo>
                  <a:lnTo>
                    <a:pt x="26" y="676"/>
                  </a:lnTo>
                  <a:lnTo>
                    <a:pt x="0" y="806"/>
                  </a:lnTo>
                  <a:lnTo>
                    <a:pt x="26" y="910"/>
                  </a:lnTo>
                  <a:lnTo>
                    <a:pt x="78" y="1014"/>
                  </a:lnTo>
                  <a:lnTo>
                    <a:pt x="156" y="1118"/>
                  </a:lnTo>
                  <a:lnTo>
                    <a:pt x="286" y="1222"/>
                  </a:lnTo>
                  <a:lnTo>
                    <a:pt x="416" y="1300"/>
                  </a:lnTo>
                  <a:lnTo>
                    <a:pt x="598" y="1404"/>
                  </a:lnTo>
                  <a:lnTo>
                    <a:pt x="1014" y="1560"/>
                  </a:lnTo>
                  <a:lnTo>
                    <a:pt x="1508" y="1690"/>
                  </a:lnTo>
                  <a:lnTo>
                    <a:pt x="2106" y="1768"/>
                  </a:lnTo>
                  <a:lnTo>
                    <a:pt x="2729" y="1846"/>
                  </a:lnTo>
                  <a:lnTo>
                    <a:pt x="3432" y="1872"/>
                  </a:lnTo>
                  <a:lnTo>
                    <a:pt x="4108" y="1846"/>
                  </a:lnTo>
                  <a:lnTo>
                    <a:pt x="4758" y="1768"/>
                  </a:lnTo>
                  <a:lnTo>
                    <a:pt x="5330" y="1690"/>
                  </a:lnTo>
                  <a:lnTo>
                    <a:pt x="5850" y="1560"/>
                  </a:lnTo>
                  <a:lnTo>
                    <a:pt x="6266" y="1404"/>
                  </a:lnTo>
                  <a:lnTo>
                    <a:pt x="6448" y="1300"/>
                  </a:lnTo>
                  <a:lnTo>
                    <a:pt x="6578" y="1222"/>
                  </a:lnTo>
                  <a:lnTo>
                    <a:pt x="6682" y="1118"/>
                  </a:lnTo>
                  <a:lnTo>
                    <a:pt x="6786" y="1014"/>
                  </a:lnTo>
                  <a:lnTo>
                    <a:pt x="6838" y="910"/>
                  </a:lnTo>
                  <a:lnTo>
                    <a:pt x="6838" y="806"/>
                  </a:lnTo>
                  <a:lnTo>
                    <a:pt x="6838" y="676"/>
                  </a:lnTo>
                  <a:lnTo>
                    <a:pt x="6760" y="572"/>
                  </a:lnTo>
                  <a:lnTo>
                    <a:pt x="6656" y="442"/>
                  </a:lnTo>
                  <a:lnTo>
                    <a:pt x="6526" y="338"/>
                  </a:lnTo>
                  <a:lnTo>
                    <a:pt x="6344" y="260"/>
                  </a:lnTo>
                  <a:lnTo>
                    <a:pt x="6162" y="156"/>
                  </a:lnTo>
                  <a:lnTo>
                    <a:pt x="5928" y="78"/>
                  </a:lnTo>
                  <a:lnTo>
                    <a:pt x="5668" y="0"/>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38" name="Freeform 142"/>
            <p:cNvSpPr>
              <a:spLocks/>
            </p:cNvSpPr>
            <p:nvPr/>
          </p:nvSpPr>
          <p:spPr bwMode="auto">
            <a:xfrm>
              <a:off x="6290679" y="2881704"/>
              <a:ext cx="38655" cy="35013"/>
            </a:xfrm>
            <a:custGeom>
              <a:avLst/>
              <a:gdLst/>
              <a:ahLst/>
              <a:cxnLst>
                <a:cxn ang="0">
                  <a:pos x="520" y="260"/>
                </a:cxn>
                <a:cxn ang="0">
                  <a:pos x="520" y="364"/>
                </a:cxn>
                <a:cxn ang="0">
                  <a:pos x="442" y="443"/>
                </a:cxn>
                <a:cxn ang="0">
                  <a:pos x="364" y="494"/>
                </a:cxn>
                <a:cxn ang="0">
                  <a:pos x="260" y="520"/>
                </a:cxn>
                <a:cxn ang="0">
                  <a:pos x="156" y="494"/>
                </a:cxn>
                <a:cxn ang="0">
                  <a:pos x="78" y="443"/>
                </a:cxn>
                <a:cxn ang="0">
                  <a:pos x="0" y="364"/>
                </a:cxn>
                <a:cxn ang="0">
                  <a:pos x="0" y="260"/>
                </a:cxn>
                <a:cxn ang="0">
                  <a:pos x="0" y="156"/>
                </a:cxn>
                <a:cxn ang="0">
                  <a:pos x="78" y="78"/>
                </a:cxn>
                <a:cxn ang="0">
                  <a:pos x="156" y="0"/>
                </a:cxn>
                <a:cxn ang="0">
                  <a:pos x="260" y="0"/>
                </a:cxn>
                <a:cxn ang="0">
                  <a:pos x="364" y="0"/>
                </a:cxn>
                <a:cxn ang="0">
                  <a:pos x="442" y="78"/>
                </a:cxn>
                <a:cxn ang="0">
                  <a:pos x="520" y="156"/>
                </a:cxn>
                <a:cxn ang="0">
                  <a:pos x="520" y="260"/>
                </a:cxn>
              </a:cxnLst>
              <a:rect l="0" t="0" r="r" b="b"/>
              <a:pathLst>
                <a:path w="520" h="520">
                  <a:moveTo>
                    <a:pt x="520" y="260"/>
                  </a:moveTo>
                  <a:lnTo>
                    <a:pt x="520" y="364"/>
                  </a:lnTo>
                  <a:lnTo>
                    <a:pt x="442" y="443"/>
                  </a:lnTo>
                  <a:lnTo>
                    <a:pt x="364" y="494"/>
                  </a:lnTo>
                  <a:lnTo>
                    <a:pt x="260" y="520"/>
                  </a:lnTo>
                  <a:lnTo>
                    <a:pt x="156" y="494"/>
                  </a:lnTo>
                  <a:lnTo>
                    <a:pt x="78" y="443"/>
                  </a:lnTo>
                  <a:lnTo>
                    <a:pt x="0" y="364"/>
                  </a:lnTo>
                  <a:lnTo>
                    <a:pt x="0" y="260"/>
                  </a:lnTo>
                  <a:lnTo>
                    <a:pt x="0" y="156"/>
                  </a:lnTo>
                  <a:lnTo>
                    <a:pt x="78" y="78"/>
                  </a:lnTo>
                  <a:lnTo>
                    <a:pt x="156" y="0"/>
                  </a:lnTo>
                  <a:lnTo>
                    <a:pt x="260" y="0"/>
                  </a:lnTo>
                  <a:lnTo>
                    <a:pt x="364" y="0"/>
                  </a:lnTo>
                  <a:lnTo>
                    <a:pt x="442" y="78"/>
                  </a:lnTo>
                  <a:lnTo>
                    <a:pt x="520" y="156"/>
                  </a:lnTo>
                  <a:lnTo>
                    <a:pt x="520" y="260"/>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39" name="Freeform 143"/>
            <p:cNvSpPr>
              <a:spLocks/>
            </p:cNvSpPr>
            <p:nvPr/>
          </p:nvSpPr>
          <p:spPr bwMode="auto">
            <a:xfrm>
              <a:off x="6257823" y="2920219"/>
              <a:ext cx="104368" cy="217083"/>
            </a:xfrm>
            <a:custGeom>
              <a:avLst/>
              <a:gdLst/>
              <a:ahLst/>
              <a:cxnLst>
                <a:cxn ang="0">
                  <a:pos x="1326" y="390"/>
                </a:cxn>
                <a:cxn ang="0">
                  <a:pos x="1274" y="286"/>
                </a:cxn>
                <a:cxn ang="0">
                  <a:pos x="1040" y="182"/>
                </a:cxn>
                <a:cxn ang="0">
                  <a:pos x="858" y="52"/>
                </a:cxn>
                <a:cxn ang="0">
                  <a:pos x="832" y="0"/>
                </a:cxn>
                <a:cxn ang="0">
                  <a:pos x="780" y="104"/>
                </a:cxn>
                <a:cxn ang="0">
                  <a:pos x="728" y="182"/>
                </a:cxn>
                <a:cxn ang="0">
                  <a:pos x="806" y="571"/>
                </a:cxn>
                <a:cxn ang="0">
                  <a:pos x="702" y="910"/>
                </a:cxn>
                <a:cxn ang="0">
                  <a:pos x="598" y="571"/>
                </a:cxn>
                <a:cxn ang="0">
                  <a:pos x="676" y="182"/>
                </a:cxn>
                <a:cxn ang="0">
                  <a:pos x="624" y="104"/>
                </a:cxn>
                <a:cxn ang="0">
                  <a:pos x="572" y="0"/>
                </a:cxn>
                <a:cxn ang="0">
                  <a:pos x="546" y="52"/>
                </a:cxn>
                <a:cxn ang="0">
                  <a:pos x="364" y="182"/>
                </a:cxn>
                <a:cxn ang="0">
                  <a:pos x="130" y="286"/>
                </a:cxn>
                <a:cxn ang="0">
                  <a:pos x="78" y="390"/>
                </a:cxn>
                <a:cxn ang="0">
                  <a:pos x="0" y="1508"/>
                </a:cxn>
                <a:cxn ang="0">
                  <a:pos x="52" y="1612"/>
                </a:cxn>
                <a:cxn ang="0">
                  <a:pos x="208" y="1638"/>
                </a:cxn>
                <a:cxn ang="0">
                  <a:pos x="286" y="1560"/>
                </a:cxn>
                <a:cxn ang="0">
                  <a:pos x="286" y="2886"/>
                </a:cxn>
                <a:cxn ang="0">
                  <a:pos x="364" y="3146"/>
                </a:cxn>
                <a:cxn ang="0">
                  <a:pos x="468" y="3224"/>
                </a:cxn>
                <a:cxn ang="0">
                  <a:pos x="624" y="3198"/>
                </a:cxn>
                <a:cxn ang="0">
                  <a:pos x="702" y="3094"/>
                </a:cxn>
                <a:cxn ang="0">
                  <a:pos x="780" y="3198"/>
                </a:cxn>
                <a:cxn ang="0">
                  <a:pos x="910" y="3224"/>
                </a:cxn>
                <a:cxn ang="0">
                  <a:pos x="1040" y="3146"/>
                </a:cxn>
                <a:cxn ang="0">
                  <a:pos x="1118" y="2886"/>
                </a:cxn>
                <a:cxn ang="0">
                  <a:pos x="1118" y="1560"/>
                </a:cxn>
                <a:cxn ang="0">
                  <a:pos x="1196" y="1638"/>
                </a:cxn>
                <a:cxn ang="0">
                  <a:pos x="1352" y="1612"/>
                </a:cxn>
                <a:cxn ang="0">
                  <a:pos x="1404" y="1508"/>
                </a:cxn>
              </a:cxnLst>
              <a:rect l="0" t="0" r="r" b="b"/>
              <a:pathLst>
                <a:path w="1404" h="3224">
                  <a:moveTo>
                    <a:pt x="1404" y="1430"/>
                  </a:moveTo>
                  <a:lnTo>
                    <a:pt x="1326" y="390"/>
                  </a:lnTo>
                  <a:lnTo>
                    <a:pt x="1300" y="338"/>
                  </a:lnTo>
                  <a:lnTo>
                    <a:pt x="1274" y="286"/>
                  </a:lnTo>
                  <a:lnTo>
                    <a:pt x="1222" y="260"/>
                  </a:lnTo>
                  <a:lnTo>
                    <a:pt x="1040" y="182"/>
                  </a:lnTo>
                  <a:lnTo>
                    <a:pt x="936" y="104"/>
                  </a:lnTo>
                  <a:lnTo>
                    <a:pt x="858" y="52"/>
                  </a:lnTo>
                  <a:lnTo>
                    <a:pt x="858" y="0"/>
                  </a:lnTo>
                  <a:lnTo>
                    <a:pt x="832" y="0"/>
                  </a:lnTo>
                  <a:lnTo>
                    <a:pt x="754" y="26"/>
                  </a:lnTo>
                  <a:lnTo>
                    <a:pt x="780" y="104"/>
                  </a:lnTo>
                  <a:lnTo>
                    <a:pt x="754" y="156"/>
                  </a:lnTo>
                  <a:lnTo>
                    <a:pt x="728" y="182"/>
                  </a:lnTo>
                  <a:lnTo>
                    <a:pt x="780" y="390"/>
                  </a:lnTo>
                  <a:lnTo>
                    <a:pt x="806" y="571"/>
                  </a:lnTo>
                  <a:lnTo>
                    <a:pt x="754" y="780"/>
                  </a:lnTo>
                  <a:lnTo>
                    <a:pt x="702" y="910"/>
                  </a:lnTo>
                  <a:lnTo>
                    <a:pt x="650" y="780"/>
                  </a:lnTo>
                  <a:lnTo>
                    <a:pt x="598" y="571"/>
                  </a:lnTo>
                  <a:lnTo>
                    <a:pt x="624" y="390"/>
                  </a:lnTo>
                  <a:lnTo>
                    <a:pt x="676" y="182"/>
                  </a:lnTo>
                  <a:lnTo>
                    <a:pt x="650" y="156"/>
                  </a:lnTo>
                  <a:lnTo>
                    <a:pt x="624" y="104"/>
                  </a:lnTo>
                  <a:lnTo>
                    <a:pt x="650" y="26"/>
                  </a:lnTo>
                  <a:lnTo>
                    <a:pt x="572" y="0"/>
                  </a:lnTo>
                  <a:lnTo>
                    <a:pt x="546" y="0"/>
                  </a:lnTo>
                  <a:lnTo>
                    <a:pt x="546" y="52"/>
                  </a:lnTo>
                  <a:lnTo>
                    <a:pt x="468" y="104"/>
                  </a:lnTo>
                  <a:lnTo>
                    <a:pt x="364" y="182"/>
                  </a:lnTo>
                  <a:lnTo>
                    <a:pt x="182" y="260"/>
                  </a:lnTo>
                  <a:lnTo>
                    <a:pt x="130" y="286"/>
                  </a:lnTo>
                  <a:lnTo>
                    <a:pt x="104" y="338"/>
                  </a:lnTo>
                  <a:lnTo>
                    <a:pt x="78" y="390"/>
                  </a:lnTo>
                  <a:lnTo>
                    <a:pt x="0" y="1430"/>
                  </a:lnTo>
                  <a:lnTo>
                    <a:pt x="0" y="1508"/>
                  </a:lnTo>
                  <a:lnTo>
                    <a:pt x="26" y="1560"/>
                  </a:lnTo>
                  <a:lnTo>
                    <a:pt x="52" y="1612"/>
                  </a:lnTo>
                  <a:lnTo>
                    <a:pt x="104" y="1638"/>
                  </a:lnTo>
                  <a:lnTo>
                    <a:pt x="208" y="1638"/>
                  </a:lnTo>
                  <a:lnTo>
                    <a:pt x="234" y="1612"/>
                  </a:lnTo>
                  <a:lnTo>
                    <a:pt x="286" y="1560"/>
                  </a:lnTo>
                  <a:lnTo>
                    <a:pt x="286" y="1586"/>
                  </a:lnTo>
                  <a:lnTo>
                    <a:pt x="286" y="2886"/>
                  </a:lnTo>
                  <a:lnTo>
                    <a:pt x="312" y="3042"/>
                  </a:lnTo>
                  <a:lnTo>
                    <a:pt x="364" y="3146"/>
                  </a:lnTo>
                  <a:lnTo>
                    <a:pt x="416" y="3198"/>
                  </a:lnTo>
                  <a:lnTo>
                    <a:pt x="468" y="3224"/>
                  </a:lnTo>
                  <a:lnTo>
                    <a:pt x="546" y="3224"/>
                  </a:lnTo>
                  <a:lnTo>
                    <a:pt x="624" y="3198"/>
                  </a:lnTo>
                  <a:lnTo>
                    <a:pt x="676" y="3172"/>
                  </a:lnTo>
                  <a:lnTo>
                    <a:pt x="702" y="3094"/>
                  </a:lnTo>
                  <a:lnTo>
                    <a:pt x="728" y="3172"/>
                  </a:lnTo>
                  <a:lnTo>
                    <a:pt x="780" y="3198"/>
                  </a:lnTo>
                  <a:lnTo>
                    <a:pt x="858" y="3224"/>
                  </a:lnTo>
                  <a:lnTo>
                    <a:pt x="910" y="3224"/>
                  </a:lnTo>
                  <a:lnTo>
                    <a:pt x="988" y="3198"/>
                  </a:lnTo>
                  <a:lnTo>
                    <a:pt x="1040" y="3146"/>
                  </a:lnTo>
                  <a:lnTo>
                    <a:pt x="1092" y="3042"/>
                  </a:lnTo>
                  <a:lnTo>
                    <a:pt x="1118" y="2886"/>
                  </a:lnTo>
                  <a:lnTo>
                    <a:pt x="1118" y="1586"/>
                  </a:lnTo>
                  <a:lnTo>
                    <a:pt x="1118" y="1560"/>
                  </a:lnTo>
                  <a:lnTo>
                    <a:pt x="1170" y="1612"/>
                  </a:lnTo>
                  <a:lnTo>
                    <a:pt x="1196" y="1638"/>
                  </a:lnTo>
                  <a:lnTo>
                    <a:pt x="1300" y="1638"/>
                  </a:lnTo>
                  <a:lnTo>
                    <a:pt x="1352" y="1612"/>
                  </a:lnTo>
                  <a:lnTo>
                    <a:pt x="1378" y="1560"/>
                  </a:lnTo>
                  <a:lnTo>
                    <a:pt x="1404" y="1508"/>
                  </a:lnTo>
                  <a:lnTo>
                    <a:pt x="1404" y="1430"/>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40" name="Freeform 144"/>
            <p:cNvSpPr>
              <a:spLocks/>
            </p:cNvSpPr>
            <p:nvPr/>
          </p:nvSpPr>
          <p:spPr bwMode="auto">
            <a:xfrm>
              <a:off x="6213370" y="3121546"/>
              <a:ext cx="193274" cy="47268"/>
            </a:xfrm>
            <a:custGeom>
              <a:avLst/>
              <a:gdLst/>
              <a:ahLst/>
              <a:cxnLst>
                <a:cxn ang="0">
                  <a:pos x="2158" y="0"/>
                </a:cxn>
                <a:cxn ang="0">
                  <a:pos x="2313" y="78"/>
                </a:cxn>
                <a:cxn ang="0">
                  <a:pos x="2366" y="130"/>
                </a:cxn>
                <a:cxn ang="0">
                  <a:pos x="2366" y="182"/>
                </a:cxn>
                <a:cxn ang="0">
                  <a:pos x="2340" y="234"/>
                </a:cxn>
                <a:cxn ang="0">
                  <a:pos x="2288" y="286"/>
                </a:cxn>
                <a:cxn ang="0">
                  <a:pos x="2184" y="339"/>
                </a:cxn>
                <a:cxn ang="0">
                  <a:pos x="2054" y="391"/>
                </a:cxn>
                <a:cxn ang="0">
                  <a:pos x="1716" y="468"/>
                </a:cxn>
                <a:cxn ang="0">
                  <a:pos x="1300" y="468"/>
                </a:cxn>
                <a:cxn ang="0">
                  <a:pos x="884" y="468"/>
                </a:cxn>
                <a:cxn ang="0">
                  <a:pos x="520" y="391"/>
                </a:cxn>
                <a:cxn ang="0">
                  <a:pos x="390" y="339"/>
                </a:cxn>
                <a:cxn ang="0">
                  <a:pos x="312" y="286"/>
                </a:cxn>
                <a:cxn ang="0">
                  <a:pos x="234" y="234"/>
                </a:cxn>
                <a:cxn ang="0">
                  <a:pos x="208" y="182"/>
                </a:cxn>
                <a:cxn ang="0">
                  <a:pos x="234" y="130"/>
                </a:cxn>
                <a:cxn ang="0">
                  <a:pos x="260" y="78"/>
                </a:cxn>
                <a:cxn ang="0">
                  <a:pos x="416" y="0"/>
                </a:cxn>
                <a:cxn ang="0">
                  <a:pos x="234" y="52"/>
                </a:cxn>
                <a:cxn ang="0">
                  <a:pos x="104" y="130"/>
                </a:cxn>
                <a:cxn ang="0">
                  <a:pos x="26" y="208"/>
                </a:cxn>
                <a:cxn ang="0">
                  <a:pos x="0" y="286"/>
                </a:cxn>
                <a:cxn ang="0">
                  <a:pos x="26" y="391"/>
                </a:cxn>
                <a:cxn ang="0">
                  <a:pos x="104" y="468"/>
                </a:cxn>
                <a:cxn ang="0">
                  <a:pos x="208" y="520"/>
                </a:cxn>
                <a:cxn ang="0">
                  <a:pos x="364" y="598"/>
                </a:cxn>
                <a:cxn ang="0">
                  <a:pos x="572" y="624"/>
                </a:cxn>
                <a:cxn ang="0">
                  <a:pos x="780" y="676"/>
                </a:cxn>
                <a:cxn ang="0">
                  <a:pos x="1040" y="702"/>
                </a:cxn>
                <a:cxn ang="0">
                  <a:pos x="1300" y="702"/>
                </a:cxn>
                <a:cxn ang="0">
                  <a:pos x="1560" y="702"/>
                </a:cxn>
                <a:cxn ang="0">
                  <a:pos x="1820" y="676"/>
                </a:cxn>
                <a:cxn ang="0">
                  <a:pos x="2028" y="624"/>
                </a:cxn>
                <a:cxn ang="0">
                  <a:pos x="2236" y="598"/>
                </a:cxn>
                <a:cxn ang="0">
                  <a:pos x="2392" y="520"/>
                </a:cxn>
                <a:cxn ang="0">
                  <a:pos x="2496" y="468"/>
                </a:cxn>
                <a:cxn ang="0">
                  <a:pos x="2574" y="391"/>
                </a:cxn>
                <a:cxn ang="0">
                  <a:pos x="2600" y="286"/>
                </a:cxn>
                <a:cxn ang="0">
                  <a:pos x="2574" y="208"/>
                </a:cxn>
                <a:cxn ang="0">
                  <a:pos x="2496" y="130"/>
                </a:cxn>
                <a:cxn ang="0">
                  <a:pos x="2340" y="52"/>
                </a:cxn>
                <a:cxn ang="0">
                  <a:pos x="2158" y="0"/>
                </a:cxn>
              </a:cxnLst>
              <a:rect l="0" t="0" r="r" b="b"/>
              <a:pathLst>
                <a:path w="2600" h="702">
                  <a:moveTo>
                    <a:pt x="2158" y="0"/>
                  </a:moveTo>
                  <a:lnTo>
                    <a:pt x="2313" y="78"/>
                  </a:lnTo>
                  <a:lnTo>
                    <a:pt x="2366" y="130"/>
                  </a:lnTo>
                  <a:lnTo>
                    <a:pt x="2366" y="182"/>
                  </a:lnTo>
                  <a:lnTo>
                    <a:pt x="2340" y="234"/>
                  </a:lnTo>
                  <a:lnTo>
                    <a:pt x="2288" y="286"/>
                  </a:lnTo>
                  <a:lnTo>
                    <a:pt x="2184" y="339"/>
                  </a:lnTo>
                  <a:lnTo>
                    <a:pt x="2054" y="391"/>
                  </a:lnTo>
                  <a:lnTo>
                    <a:pt x="1716" y="468"/>
                  </a:lnTo>
                  <a:lnTo>
                    <a:pt x="1300" y="468"/>
                  </a:lnTo>
                  <a:lnTo>
                    <a:pt x="884" y="468"/>
                  </a:lnTo>
                  <a:lnTo>
                    <a:pt x="520" y="391"/>
                  </a:lnTo>
                  <a:lnTo>
                    <a:pt x="390" y="339"/>
                  </a:lnTo>
                  <a:lnTo>
                    <a:pt x="312" y="286"/>
                  </a:lnTo>
                  <a:lnTo>
                    <a:pt x="234" y="234"/>
                  </a:lnTo>
                  <a:lnTo>
                    <a:pt x="208" y="182"/>
                  </a:lnTo>
                  <a:lnTo>
                    <a:pt x="234" y="130"/>
                  </a:lnTo>
                  <a:lnTo>
                    <a:pt x="260" y="78"/>
                  </a:lnTo>
                  <a:lnTo>
                    <a:pt x="416" y="0"/>
                  </a:lnTo>
                  <a:lnTo>
                    <a:pt x="234" y="52"/>
                  </a:lnTo>
                  <a:lnTo>
                    <a:pt x="104" y="130"/>
                  </a:lnTo>
                  <a:lnTo>
                    <a:pt x="26" y="208"/>
                  </a:lnTo>
                  <a:lnTo>
                    <a:pt x="0" y="286"/>
                  </a:lnTo>
                  <a:lnTo>
                    <a:pt x="26" y="391"/>
                  </a:lnTo>
                  <a:lnTo>
                    <a:pt x="104" y="468"/>
                  </a:lnTo>
                  <a:lnTo>
                    <a:pt x="208" y="520"/>
                  </a:lnTo>
                  <a:lnTo>
                    <a:pt x="364" y="598"/>
                  </a:lnTo>
                  <a:lnTo>
                    <a:pt x="572" y="624"/>
                  </a:lnTo>
                  <a:lnTo>
                    <a:pt x="780" y="676"/>
                  </a:lnTo>
                  <a:lnTo>
                    <a:pt x="1040" y="702"/>
                  </a:lnTo>
                  <a:lnTo>
                    <a:pt x="1300" y="702"/>
                  </a:lnTo>
                  <a:lnTo>
                    <a:pt x="1560" y="702"/>
                  </a:lnTo>
                  <a:lnTo>
                    <a:pt x="1820" y="676"/>
                  </a:lnTo>
                  <a:lnTo>
                    <a:pt x="2028" y="624"/>
                  </a:lnTo>
                  <a:lnTo>
                    <a:pt x="2236" y="598"/>
                  </a:lnTo>
                  <a:lnTo>
                    <a:pt x="2392" y="520"/>
                  </a:lnTo>
                  <a:lnTo>
                    <a:pt x="2496" y="468"/>
                  </a:lnTo>
                  <a:lnTo>
                    <a:pt x="2574" y="391"/>
                  </a:lnTo>
                  <a:lnTo>
                    <a:pt x="2600" y="286"/>
                  </a:lnTo>
                  <a:lnTo>
                    <a:pt x="2574" y="208"/>
                  </a:lnTo>
                  <a:lnTo>
                    <a:pt x="2496" y="130"/>
                  </a:lnTo>
                  <a:lnTo>
                    <a:pt x="2340" y="52"/>
                  </a:lnTo>
                  <a:lnTo>
                    <a:pt x="2158" y="0"/>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44" name="Freeform 148"/>
            <p:cNvSpPr>
              <a:spLocks/>
            </p:cNvSpPr>
            <p:nvPr/>
          </p:nvSpPr>
          <p:spPr bwMode="auto">
            <a:xfrm>
              <a:off x="5797832" y="2899211"/>
              <a:ext cx="23193" cy="21008"/>
            </a:xfrm>
            <a:custGeom>
              <a:avLst/>
              <a:gdLst/>
              <a:ahLst/>
              <a:cxnLst>
                <a:cxn ang="0">
                  <a:pos x="312" y="156"/>
                </a:cxn>
                <a:cxn ang="0">
                  <a:pos x="312" y="234"/>
                </a:cxn>
                <a:cxn ang="0">
                  <a:pos x="260" y="260"/>
                </a:cxn>
                <a:cxn ang="0">
                  <a:pos x="234" y="312"/>
                </a:cxn>
                <a:cxn ang="0">
                  <a:pos x="156" y="312"/>
                </a:cxn>
                <a:cxn ang="0">
                  <a:pos x="104" y="312"/>
                </a:cxn>
                <a:cxn ang="0">
                  <a:pos x="52" y="260"/>
                </a:cxn>
                <a:cxn ang="0">
                  <a:pos x="26" y="234"/>
                </a:cxn>
                <a:cxn ang="0">
                  <a:pos x="0" y="156"/>
                </a:cxn>
                <a:cxn ang="0">
                  <a:pos x="26" y="104"/>
                </a:cxn>
                <a:cxn ang="0">
                  <a:pos x="52" y="52"/>
                </a:cxn>
                <a:cxn ang="0">
                  <a:pos x="104" y="26"/>
                </a:cxn>
                <a:cxn ang="0">
                  <a:pos x="156" y="0"/>
                </a:cxn>
                <a:cxn ang="0">
                  <a:pos x="234" y="26"/>
                </a:cxn>
                <a:cxn ang="0">
                  <a:pos x="260" y="52"/>
                </a:cxn>
                <a:cxn ang="0">
                  <a:pos x="312" y="104"/>
                </a:cxn>
                <a:cxn ang="0">
                  <a:pos x="312" y="156"/>
                </a:cxn>
              </a:cxnLst>
              <a:rect l="0" t="0" r="r" b="b"/>
              <a:pathLst>
                <a:path w="312" h="312">
                  <a:moveTo>
                    <a:pt x="312" y="156"/>
                  </a:moveTo>
                  <a:lnTo>
                    <a:pt x="312" y="234"/>
                  </a:lnTo>
                  <a:lnTo>
                    <a:pt x="260" y="260"/>
                  </a:lnTo>
                  <a:lnTo>
                    <a:pt x="234" y="312"/>
                  </a:lnTo>
                  <a:lnTo>
                    <a:pt x="156" y="312"/>
                  </a:lnTo>
                  <a:lnTo>
                    <a:pt x="104" y="312"/>
                  </a:lnTo>
                  <a:lnTo>
                    <a:pt x="52" y="260"/>
                  </a:lnTo>
                  <a:lnTo>
                    <a:pt x="26" y="234"/>
                  </a:lnTo>
                  <a:lnTo>
                    <a:pt x="0" y="156"/>
                  </a:lnTo>
                  <a:lnTo>
                    <a:pt x="26" y="104"/>
                  </a:lnTo>
                  <a:lnTo>
                    <a:pt x="52" y="52"/>
                  </a:lnTo>
                  <a:lnTo>
                    <a:pt x="104" y="26"/>
                  </a:lnTo>
                  <a:lnTo>
                    <a:pt x="156" y="0"/>
                  </a:lnTo>
                  <a:lnTo>
                    <a:pt x="234" y="26"/>
                  </a:lnTo>
                  <a:lnTo>
                    <a:pt x="260" y="52"/>
                  </a:lnTo>
                  <a:lnTo>
                    <a:pt x="312" y="104"/>
                  </a:lnTo>
                  <a:lnTo>
                    <a:pt x="312" y="156"/>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45" name="Freeform 149"/>
            <p:cNvSpPr>
              <a:spLocks/>
            </p:cNvSpPr>
            <p:nvPr/>
          </p:nvSpPr>
          <p:spPr bwMode="auto">
            <a:xfrm>
              <a:off x="5780437" y="2921970"/>
              <a:ext cx="59915" cy="126048"/>
            </a:xfrm>
            <a:custGeom>
              <a:avLst/>
              <a:gdLst/>
              <a:ahLst/>
              <a:cxnLst>
                <a:cxn ang="0">
                  <a:pos x="806" y="832"/>
                </a:cxn>
                <a:cxn ang="0">
                  <a:pos x="754" y="234"/>
                </a:cxn>
                <a:cxn ang="0">
                  <a:pos x="728" y="208"/>
                </a:cxn>
                <a:cxn ang="0">
                  <a:pos x="702" y="156"/>
                </a:cxn>
                <a:cxn ang="0">
                  <a:pos x="598" y="104"/>
                </a:cxn>
                <a:cxn ang="0">
                  <a:pos x="494" y="26"/>
                </a:cxn>
                <a:cxn ang="0">
                  <a:pos x="494" y="0"/>
                </a:cxn>
                <a:cxn ang="0">
                  <a:pos x="468" y="0"/>
                </a:cxn>
                <a:cxn ang="0">
                  <a:pos x="442" y="26"/>
                </a:cxn>
                <a:cxn ang="0">
                  <a:pos x="442" y="52"/>
                </a:cxn>
                <a:cxn ang="0">
                  <a:pos x="442" y="104"/>
                </a:cxn>
                <a:cxn ang="0">
                  <a:pos x="416" y="104"/>
                </a:cxn>
                <a:cxn ang="0">
                  <a:pos x="442" y="338"/>
                </a:cxn>
                <a:cxn ang="0">
                  <a:pos x="416" y="442"/>
                </a:cxn>
                <a:cxn ang="0">
                  <a:pos x="390" y="520"/>
                </a:cxn>
                <a:cxn ang="0">
                  <a:pos x="364" y="442"/>
                </a:cxn>
                <a:cxn ang="0">
                  <a:pos x="338" y="338"/>
                </a:cxn>
                <a:cxn ang="0">
                  <a:pos x="364" y="104"/>
                </a:cxn>
                <a:cxn ang="0">
                  <a:pos x="364" y="52"/>
                </a:cxn>
                <a:cxn ang="0">
                  <a:pos x="364" y="26"/>
                </a:cxn>
                <a:cxn ang="0">
                  <a:pos x="311" y="0"/>
                </a:cxn>
                <a:cxn ang="0">
                  <a:pos x="311" y="26"/>
                </a:cxn>
                <a:cxn ang="0">
                  <a:pos x="182" y="104"/>
                </a:cxn>
                <a:cxn ang="0">
                  <a:pos x="104" y="156"/>
                </a:cxn>
                <a:cxn ang="0">
                  <a:pos x="52" y="208"/>
                </a:cxn>
                <a:cxn ang="0">
                  <a:pos x="52" y="234"/>
                </a:cxn>
                <a:cxn ang="0">
                  <a:pos x="0" y="832"/>
                </a:cxn>
                <a:cxn ang="0">
                  <a:pos x="0" y="910"/>
                </a:cxn>
                <a:cxn ang="0">
                  <a:pos x="52" y="936"/>
                </a:cxn>
                <a:cxn ang="0">
                  <a:pos x="104" y="936"/>
                </a:cxn>
                <a:cxn ang="0">
                  <a:pos x="156" y="910"/>
                </a:cxn>
                <a:cxn ang="0">
                  <a:pos x="156" y="1664"/>
                </a:cxn>
                <a:cxn ang="0">
                  <a:pos x="182" y="1768"/>
                </a:cxn>
                <a:cxn ang="0">
                  <a:pos x="182" y="1820"/>
                </a:cxn>
                <a:cxn ang="0">
                  <a:pos x="234" y="1846"/>
                </a:cxn>
                <a:cxn ang="0">
                  <a:pos x="260" y="1872"/>
                </a:cxn>
                <a:cxn ang="0">
                  <a:pos x="338" y="1846"/>
                </a:cxn>
                <a:cxn ang="0">
                  <a:pos x="364" y="1820"/>
                </a:cxn>
                <a:cxn ang="0">
                  <a:pos x="390" y="1794"/>
                </a:cxn>
                <a:cxn ang="0">
                  <a:pos x="416" y="1820"/>
                </a:cxn>
                <a:cxn ang="0">
                  <a:pos x="442" y="1846"/>
                </a:cxn>
                <a:cxn ang="0">
                  <a:pos x="520" y="1872"/>
                </a:cxn>
                <a:cxn ang="0">
                  <a:pos x="572" y="1846"/>
                </a:cxn>
                <a:cxn ang="0">
                  <a:pos x="598" y="1820"/>
                </a:cxn>
                <a:cxn ang="0">
                  <a:pos x="624" y="1768"/>
                </a:cxn>
                <a:cxn ang="0">
                  <a:pos x="624" y="1664"/>
                </a:cxn>
                <a:cxn ang="0">
                  <a:pos x="624" y="910"/>
                </a:cxn>
                <a:cxn ang="0">
                  <a:pos x="650" y="910"/>
                </a:cxn>
                <a:cxn ang="0">
                  <a:pos x="676" y="936"/>
                </a:cxn>
                <a:cxn ang="0">
                  <a:pos x="728" y="936"/>
                </a:cxn>
                <a:cxn ang="0">
                  <a:pos x="780" y="910"/>
                </a:cxn>
                <a:cxn ang="0">
                  <a:pos x="806" y="832"/>
                </a:cxn>
              </a:cxnLst>
              <a:rect l="0" t="0" r="r" b="b"/>
              <a:pathLst>
                <a:path w="806" h="1872">
                  <a:moveTo>
                    <a:pt x="806" y="832"/>
                  </a:moveTo>
                  <a:lnTo>
                    <a:pt x="754" y="234"/>
                  </a:lnTo>
                  <a:lnTo>
                    <a:pt x="728" y="208"/>
                  </a:lnTo>
                  <a:lnTo>
                    <a:pt x="702" y="156"/>
                  </a:lnTo>
                  <a:lnTo>
                    <a:pt x="598" y="104"/>
                  </a:lnTo>
                  <a:lnTo>
                    <a:pt x="494" y="26"/>
                  </a:lnTo>
                  <a:lnTo>
                    <a:pt x="494" y="0"/>
                  </a:lnTo>
                  <a:lnTo>
                    <a:pt x="468" y="0"/>
                  </a:lnTo>
                  <a:lnTo>
                    <a:pt x="442" y="26"/>
                  </a:lnTo>
                  <a:lnTo>
                    <a:pt x="442" y="52"/>
                  </a:lnTo>
                  <a:lnTo>
                    <a:pt x="442" y="104"/>
                  </a:lnTo>
                  <a:lnTo>
                    <a:pt x="416" y="104"/>
                  </a:lnTo>
                  <a:lnTo>
                    <a:pt x="442" y="338"/>
                  </a:lnTo>
                  <a:lnTo>
                    <a:pt x="416" y="442"/>
                  </a:lnTo>
                  <a:lnTo>
                    <a:pt x="390" y="520"/>
                  </a:lnTo>
                  <a:lnTo>
                    <a:pt x="364" y="442"/>
                  </a:lnTo>
                  <a:lnTo>
                    <a:pt x="338" y="338"/>
                  </a:lnTo>
                  <a:lnTo>
                    <a:pt x="364" y="104"/>
                  </a:lnTo>
                  <a:lnTo>
                    <a:pt x="364" y="52"/>
                  </a:lnTo>
                  <a:lnTo>
                    <a:pt x="364" y="26"/>
                  </a:lnTo>
                  <a:lnTo>
                    <a:pt x="311" y="0"/>
                  </a:lnTo>
                  <a:lnTo>
                    <a:pt x="311" y="26"/>
                  </a:lnTo>
                  <a:lnTo>
                    <a:pt x="182" y="104"/>
                  </a:lnTo>
                  <a:lnTo>
                    <a:pt x="104" y="156"/>
                  </a:lnTo>
                  <a:lnTo>
                    <a:pt x="52" y="208"/>
                  </a:lnTo>
                  <a:lnTo>
                    <a:pt x="52" y="234"/>
                  </a:lnTo>
                  <a:lnTo>
                    <a:pt x="0" y="832"/>
                  </a:lnTo>
                  <a:lnTo>
                    <a:pt x="0" y="910"/>
                  </a:lnTo>
                  <a:lnTo>
                    <a:pt x="52" y="936"/>
                  </a:lnTo>
                  <a:lnTo>
                    <a:pt x="104" y="936"/>
                  </a:lnTo>
                  <a:lnTo>
                    <a:pt x="156" y="910"/>
                  </a:lnTo>
                  <a:lnTo>
                    <a:pt x="156" y="1664"/>
                  </a:lnTo>
                  <a:lnTo>
                    <a:pt x="182" y="1768"/>
                  </a:lnTo>
                  <a:lnTo>
                    <a:pt x="182" y="1820"/>
                  </a:lnTo>
                  <a:lnTo>
                    <a:pt x="234" y="1846"/>
                  </a:lnTo>
                  <a:lnTo>
                    <a:pt x="260" y="1872"/>
                  </a:lnTo>
                  <a:lnTo>
                    <a:pt x="338" y="1846"/>
                  </a:lnTo>
                  <a:lnTo>
                    <a:pt x="364" y="1820"/>
                  </a:lnTo>
                  <a:lnTo>
                    <a:pt x="390" y="1794"/>
                  </a:lnTo>
                  <a:lnTo>
                    <a:pt x="416" y="1820"/>
                  </a:lnTo>
                  <a:lnTo>
                    <a:pt x="442" y="1846"/>
                  </a:lnTo>
                  <a:lnTo>
                    <a:pt x="520" y="1872"/>
                  </a:lnTo>
                  <a:lnTo>
                    <a:pt x="572" y="1846"/>
                  </a:lnTo>
                  <a:lnTo>
                    <a:pt x="598" y="1820"/>
                  </a:lnTo>
                  <a:lnTo>
                    <a:pt x="624" y="1768"/>
                  </a:lnTo>
                  <a:lnTo>
                    <a:pt x="624" y="1664"/>
                  </a:lnTo>
                  <a:lnTo>
                    <a:pt x="624" y="910"/>
                  </a:lnTo>
                  <a:lnTo>
                    <a:pt x="650" y="910"/>
                  </a:lnTo>
                  <a:lnTo>
                    <a:pt x="676" y="936"/>
                  </a:lnTo>
                  <a:lnTo>
                    <a:pt x="728" y="936"/>
                  </a:lnTo>
                  <a:lnTo>
                    <a:pt x="780" y="910"/>
                  </a:lnTo>
                  <a:lnTo>
                    <a:pt x="806" y="832"/>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46" name="Freeform 150"/>
            <p:cNvSpPr>
              <a:spLocks/>
            </p:cNvSpPr>
            <p:nvPr/>
          </p:nvSpPr>
          <p:spPr bwMode="auto">
            <a:xfrm>
              <a:off x="5753379" y="3037514"/>
              <a:ext cx="112099" cy="28011"/>
            </a:xfrm>
            <a:custGeom>
              <a:avLst/>
              <a:gdLst/>
              <a:ahLst/>
              <a:cxnLst>
                <a:cxn ang="0">
                  <a:pos x="1248" y="0"/>
                </a:cxn>
                <a:cxn ang="0">
                  <a:pos x="1352" y="52"/>
                </a:cxn>
                <a:cxn ang="0">
                  <a:pos x="1378" y="104"/>
                </a:cxn>
                <a:cxn ang="0">
                  <a:pos x="1352" y="156"/>
                </a:cxn>
                <a:cxn ang="0">
                  <a:pos x="1326" y="182"/>
                </a:cxn>
                <a:cxn ang="0">
                  <a:pos x="1196" y="235"/>
                </a:cxn>
                <a:cxn ang="0">
                  <a:pos x="988" y="260"/>
                </a:cxn>
                <a:cxn ang="0">
                  <a:pos x="754" y="286"/>
                </a:cxn>
                <a:cxn ang="0">
                  <a:pos x="520" y="260"/>
                </a:cxn>
                <a:cxn ang="0">
                  <a:pos x="312" y="235"/>
                </a:cxn>
                <a:cxn ang="0">
                  <a:pos x="182" y="182"/>
                </a:cxn>
                <a:cxn ang="0">
                  <a:pos x="156" y="156"/>
                </a:cxn>
                <a:cxn ang="0">
                  <a:pos x="130" y="104"/>
                </a:cxn>
                <a:cxn ang="0">
                  <a:pos x="156" y="52"/>
                </a:cxn>
                <a:cxn ang="0">
                  <a:pos x="260" y="0"/>
                </a:cxn>
                <a:cxn ang="0">
                  <a:pos x="78" y="78"/>
                </a:cxn>
                <a:cxn ang="0">
                  <a:pos x="26" y="130"/>
                </a:cxn>
                <a:cxn ang="0">
                  <a:pos x="0" y="182"/>
                </a:cxn>
                <a:cxn ang="0">
                  <a:pos x="26" y="235"/>
                </a:cxn>
                <a:cxn ang="0">
                  <a:pos x="52" y="260"/>
                </a:cxn>
                <a:cxn ang="0">
                  <a:pos x="234" y="338"/>
                </a:cxn>
                <a:cxn ang="0">
                  <a:pos x="468" y="390"/>
                </a:cxn>
                <a:cxn ang="0">
                  <a:pos x="754" y="416"/>
                </a:cxn>
                <a:cxn ang="0">
                  <a:pos x="1040" y="390"/>
                </a:cxn>
                <a:cxn ang="0">
                  <a:pos x="1300" y="338"/>
                </a:cxn>
                <a:cxn ang="0">
                  <a:pos x="1456" y="260"/>
                </a:cxn>
                <a:cxn ang="0">
                  <a:pos x="1508" y="235"/>
                </a:cxn>
                <a:cxn ang="0">
                  <a:pos x="1508" y="182"/>
                </a:cxn>
                <a:cxn ang="0">
                  <a:pos x="1482" y="130"/>
                </a:cxn>
                <a:cxn ang="0">
                  <a:pos x="1430" y="78"/>
                </a:cxn>
                <a:cxn ang="0">
                  <a:pos x="1352" y="52"/>
                </a:cxn>
                <a:cxn ang="0">
                  <a:pos x="1248" y="0"/>
                </a:cxn>
              </a:cxnLst>
              <a:rect l="0" t="0" r="r" b="b"/>
              <a:pathLst>
                <a:path w="1508" h="416">
                  <a:moveTo>
                    <a:pt x="1248" y="0"/>
                  </a:moveTo>
                  <a:lnTo>
                    <a:pt x="1352" y="52"/>
                  </a:lnTo>
                  <a:lnTo>
                    <a:pt x="1378" y="104"/>
                  </a:lnTo>
                  <a:lnTo>
                    <a:pt x="1352" y="156"/>
                  </a:lnTo>
                  <a:lnTo>
                    <a:pt x="1326" y="182"/>
                  </a:lnTo>
                  <a:lnTo>
                    <a:pt x="1196" y="235"/>
                  </a:lnTo>
                  <a:lnTo>
                    <a:pt x="988" y="260"/>
                  </a:lnTo>
                  <a:lnTo>
                    <a:pt x="754" y="286"/>
                  </a:lnTo>
                  <a:lnTo>
                    <a:pt x="520" y="260"/>
                  </a:lnTo>
                  <a:lnTo>
                    <a:pt x="312" y="235"/>
                  </a:lnTo>
                  <a:lnTo>
                    <a:pt x="182" y="182"/>
                  </a:lnTo>
                  <a:lnTo>
                    <a:pt x="156" y="156"/>
                  </a:lnTo>
                  <a:lnTo>
                    <a:pt x="130" y="104"/>
                  </a:lnTo>
                  <a:lnTo>
                    <a:pt x="156" y="52"/>
                  </a:lnTo>
                  <a:lnTo>
                    <a:pt x="260" y="0"/>
                  </a:lnTo>
                  <a:lnTo>
                    <a:pt x="78" y="78"/>
                  </a:lnTo>
                  <a:lnTo>
                    <a:pt x="26" y="130"/>
                  </a:lnTo>
                  <a:lnTo>
                    <a:pt x="0" y="182"/>
                  </a:lnTo>
                  <a:lnTo>
                    <a:pt x="26" y="235"/>
                  </a:lnTo>
                  <a:lnTo>
                    <a:pt x="52" y="260"/>
                  </a:lnTo>
                  <a:lnTo>
                    <a:pt x="234" y="338"/>
                  </a:lnTo>
                  <a:lnTo>
                    <a:pt x="468" y="390"/>
                  </a:lnTo>
                  <a:lnTo>
                    <a:pt x="754" y="416"/>
                  </a:lnTo>
                  <a:lnTo>
                    <a:pt x="1040" y="390"/>
                  </a:lnTo>
                  <a:lnTo>
                    <a:pt x="1300" y="338"/>
                  </a:lnTo>
                  <a:lnTo>
                    <a:pt x="1456" y="260"/>
                  </a:lnTo>
                  <a:lnTo>
                    <a:pt x="1508" y="235"/>
                  </a:lnTo>
                  <a:lnTo>
                    <a:pt x="1508" y="182"/>
                  </a:lnTo>
                  <a:lnTo>
                    <a:pt x="1482" y="130"/>
                  </a:lnTo>
                  <a:lnTo>
                    <a:pt x="1430" y="78"/>
                  </a:lnTo>
                  <a:lnTo>
                    <a:pt x="1352" y="52"/>
                  </a:lnTo>
                  <a:lnTo>
                    <a:pt x="1248" y="0"/>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50" name="Freeform 154"/>
            <p:cNvSpPr>
              <a:spLocks/>
            </p:cNvSpPr>
            <p:nvPr/>
          </p:nvSpPr>
          <p:spPr bwMode="auto">
            <a:xfrm>
              <a:off x="6199841" y="2816930"/>
              <a:ext cx="17395" cy="14005"/>
            </a:xfrm>
            <a:custGeom>
              <a:avLst/>
              <a:gdLst/>
              <a:ahLst/>
              <a:cxnLst>
                <a:cxn ang="0">
                  <a:pos x="234" y="104"/>
                </a:cxn>
                <a:cxn ang="0">
                  <a:pos x="234" y="156"/>
                </a:cxn>
                <a:cxn ang="0">
                  <a:pos x="208" y="182"/>
                </a:cxn>
                <a:cxn ang="0">
                  <a:pos x="156" y="208"/>
                </a:cxn>
                <a:cxn ang="0">
                  <a:pos x="130" y="208"/>
                </a:cxn>
                <a:cxn ang="0">
                  <a:pos x="78" y="208"/>
                </a:cxn>
                <a:cxn ang="0">
                  <a:pos x="26" y="182"/>
                </a:cxn>
                <a:cxn ang="0">
                  <a:pos x="0" y="156"/>
                </a:cxn>
                <a:cxn ang="0">
                  <a:pos x="0" y="104"/>
                </a:cxn>
                <a:cxn ang="0">
                  <a:pos x="0" y="52"/>
                </a:cxn>
                <a:cxn ang="0">
                  <a:pos x="26" y="26"/>
                </a:cxn>
                <a:cxn ang="0">
                  <a:pos x="78" y="0"/>
                </a:cxn>
                <a:cxn ang="0">
                  <a:pos x="130" y="0"/>
                </a:cxn>
                <a:cxn ang="0">
                  <a:pos x="156" y="0"/>
                </a:cxn>
                <a:cxn ang="0">
                  <a:pos x="208" y="26"/>
                </a:cxn>
                <a:cxn ang="0">
                  <a:pos x="234" y="52"/>
                </a:cxn>
                <a:cxn ang="0">
                  <a:pos x="234" y="104"/>
                </a:cxn>
              </a:cxnLst>
              <a:rect l="0" t="0" r="r" b="b"/>
              <a:pathLst>
                <a:path w="234" h="208">
                  <a:moveTo>
                    <a:pt x="234" y="104"/>
                  </a:moveTo>
                  <a:lnTo>
                    <a:pt x="234" y="156"/>
                  </a:lnTo>
                  <a:lnTo>
                    <a:pt x="208" y="182"/>
                  </a:lnTo>
                  <a:lnTo>
                    <a:pt x="156" y="208"/>
                  </a:lnTo>
                  <a:lnTo>
                    <a:pt x="130" y="208"/>
                  </a:lnTo>
                  <a:lnTo>
                    <a:pt x="78" y="208"/>
                  </a:lnTo>
                  <a:lnTo>
                    <a:pt x="26" y="182"/>
                  </a:lnTo>
                  <a:lnTo>
                    <a:pt x="0" y="156"/>
                  </a:lnTo>
                  <a:lnTo>
                    <a:pt x="0" y="104"/>
                  </a:lnTo>
                  <a:lnTo>
                    <a:pt x="0" y="52"/>
                  </a:lnTo>
                  <a:lnTo>
                    <a:pt x="26" y="26"/>
                  </a:lnTo>
                  <a:lnTo>
                    <a:pt x="78" y="0"/>
                  </a:lnTo>
                  <a:lnTo>
                    <a:pt x="130" y="0"/>
                  </a:lnTo>
                  <a:lnTo>
                    <a:pt x="156" y="0"/>
                  </a:lnTo>
                  <a:lnTo>
                    <a:pt x="208" y="26"/>
                  </a:lnTo>
                  <a:lnTo>
                    <a:pt x="234" y="52"/>
                  </a:lnTo>
                  <a:lnTo>
                    <a:pt x="234" y="104"/>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51" name="Freeform 155"/>
            <p:cNvSpPr>
              <a:spLocks/>
            </p:cNvSpPr>
            <p:nvPr/>
          </p:nvSpPr>
          <p:spPr bwMode="auto">
            <a:xfrm>
              <a:off x="6186312" y="2832686"/>
              <a:ext cx="44453" cy="91035"/>
            </a:xfrm>
            <a:custGeom>
              <a:avLst/>
              <a:gdLst/>
              <a:ahLst/>
              <a:cxnLst>
                <a:cxn ang="0">
                  <a:pos x="598" y="598"/>
                </a:cxn>
                <a:cxn ang="0">
                  <a:pos x="546" y="156"/>
                </a:cxn>
                <a:cxn ang="0">
                  <a:pos x="519" y="104"/>
                </a:cxn>
                <a:cxn ang="0">
                  <a:pos x="442" y="78"/>
                </a:cxn>
                <a:cxn ang="0">
                  <a:pos x="364" y="26"/>
                </a:cxn>
                <a:cxn ang="0">
                  <a:pos x="364" y="0"/>
                </a:cxn>
                <a:cxn ang="0">
                  <a:pos x="338" y="0"/>
                </a:cxn>
                <a:cxn ang="0">
                  <a:pos x="312" y="78"/>
                </a:cxn>
                <a:cxn ang="0">
                  <a:pos x="338" y="234"/>
                </a:cxn>
                <a:cxn ang="0">
                  <a:pos x="312" y="390"/>
                </a:cxn>
                <a:cxn ang="0">
                  <a:pos x="260" y="234"/>
                </a:cxn>
                <a:cxn ang="0">
                  <a:pos x="286" y="78"/>
                </a:cxn>
                <a:cxn ang="0">
                  <a:pos x="286" y="0"/>
                </a:cxn>
                <a:cxn ang="0">
                  <a:pos x="234" y="0"/>
                </a:cxn>
                <a:cxn ang="0">
                  <a:pos x="234" y="26"/>
                </a:cxn>
                <a:cxn ang="0">
                  <a:pos x="156" y="78"/>
                </a:cxn>
                <a:cxn ang="0">
                  <a:pos x="78" y="104"/>
                </a:cxn>
                <a:cxn ang="0">
                  <a:pos x="52" y="156"/>
                </a:cxn>
                <a:cxn ang="0">
                  <a:pos x="0" y="598"/>
                </a:cxn>
                <a:cxn ang="0">
                  <a:pos x="26" y="650"/>
                </a:cxn>
                <a:cxn ang="0">
                  <a:pos x="52" y="676"/>
                </a:cxn>
                <a:cxn ang="0">
                  <a:pos x="78" y="676"/>
                </a:cxn>
                <a:cxn ang="0">
                  <a:pos x="130" y="650"/>
                </a:cxn>
                <a:cxn ang="0">
                  <a:pos x="130" y="1222"/>
                </a:cxn>
                <a:cxn ang="0">
                  <a:pos x="156" y="1326"/>
                </a:cxn>
                <a:cxn ang="0">
                  <a:pos x="208" y="1352"/>
                </a:cxn>
                <a:cxn ang="0">
                  <a:pos x="260" y="1352"/>
                </a:cxn>
                <a:cxn ang="0">
                  <a:pos x="286" y="1300"/>
                </a:cxn>
                <a:cxn ang="0">
                  <a:pos x="312" y="1300"/>
                </a:cxn>
                <a:cxn ang="0">
                  <a:pos x="338" y="1352"/>
                </a:cxn>
                <a:cxn ang="0">
                  <a:pos x="390" y="1352"/>
                </a:cxn>
                <a:cxn ang="0">
                  <a:pos x="442" y="1326"/>
                </a:cxn>
                <a:cxn ang="0">
                  <a:pos x="468" y="1222"/>
                </a:cxn>
                <a:cxn ang="0">
                  <a:pos x="468" y="650"/>
                </a:cxn>
                <a:cxn ang="0">
                  <a:pos x="519" y="676"/>
                </a:cxn>
                <a:cxn ang="0">
                  <a:pos x="546" y="676"/>
                </a:cxn>
                <a:cxn ang="0">
                  <a:pos x="572" y="650"/>
                </a:cxn>
                <a:cxn ang="0">
                  <a:pos x="598" y="598"/>
                </a:cxn>
              </a:cxnLst>
              <a:rect l="0" t="0" r="r" b="b"/>
              <a:pathLst>
                <a:path w="598" h="1352">
                  <a:moveTo>
                    <a:pt x="598" y="598"/>
                  </a:moveTo>
                  <a:lnTo>
                    <a:pt x="546" y="156"/>
                  </a:lnTo>
                  <a:lnTo>
                    <a:pt x="519" y="104"/>
                  </a:lnTo>
                  <a:lnTo>
                    <a:pt x="442" y="78"/>
                  </a:lnTo>
                  <a:lnTo>
                    <a:pt x="364" y="26"/>
                  </a:lnTo>
                  <a:lnTo>
                    <a:pt x="364" y="0"/>
                  </a:lnTo>
                  <a:lnTo>
                    <a:pt x="338" y="0"/>
                  </a:lnTo>
                  <a:lnTo>
                    <a:pt x="312" y="78"/>
                  </a:lnTo>
                  <a:lnTo>
                    <a:pt x="338" y="234"/>
                  </a:lnTo>
                  <a:lnTo>
                    <a:pt x="312" y="390"/>
                  </a:lnTo>
                  <a:lnTo>
                    <a:pt x="260" y="234"/>
                  </a:lnTo>
                  <a:lnTo>
                    <a:pt x="286" y="78"/>
                  </a:lnTo>
                  <a:lnTo>
                    <a:pt x="286" y="0"/>
                  </a:lnTo>
                  <a:lnTo>
                    <a:pt x="234" y="0"/>
                  </a:lnTo>
                  <a:lnTo>
                    <a:pt x="234" y="26"/>
                  </a:lnTo>
                  <a:lnTo>
                    <a:pt x="156" y="78"/>
                  </a:lnTo>
                  <a:lnTo>
                    <a:pt x="78" y="104"/>
                  </a:lnTo>
                  <a:lnTo>
                    <a:pt x="52" y="156"/>
                  </a:lnTo>
                  <a:lnTo>
                    <a:pt x="0" y="598"/>
                  </a:lnTo>
                  <a:lnTo>
                    <a:pt x="26" y="650"/>
                  </a:lnTo>
                  <a:lnTo>
                    <a:pt x="52" y="676"/>
                  </a:lnTo>
                  <a:lnTo>
                    <a:pt x="78" y="676"/>
                  </a:lnTo>
                  <a:lnTo>
                    <a:pt x="130" y="650"/>
                  </a:lnTo>
                  <a:lnTo>
                    <a:pt x="130" y="1222"/>
                  </a:lnTo>
                  <a:lnTo>
                    <a:pt x="156" y="1326"/>
                  </a:lnTo>
                  <a:lnTo>
                    <a:pt x="208" y="1352"/>
                  </a:lnTo>
                  <a:lnTo>
                    <a:pt x="260" y="1352"/>
                  </a:lnTo>
                  <a:lnTo>
                    <a:pt x="286" y="1300"/>
                  </a:lnTo>
                  <a:lnTo>
                    <a:pt x="312" y="1300"/>
                  </a:lnTo>
                  <a:lnTo>
                    <a:pt x="338" y="1352"/>
                  </a:lnTo>
                  <a:lnTo>
                    <a:pt x="390" y="1352"/>
                  </a:lnTo>
                  <a:lnTo>
                    <a:pt x="442" y="1326"/>
                  </a:lnTo>
                  <a:lnTo>
                    <a:pt x="468" y="1222"/>
                  </a:lnTo>
                  <a:lnTo>
                    <a:pt x="468" y="650"/>
                  </a:lnTo>
                  <a:lnTo>
                    <a:pt x="519" y="676"/>
                  </a:lnTo>
                  <a:lnTo>
                    <a:pt x="546" y="676"/>
                  </a:lnTo>
                  <a:lnTo>
                    <a:pt x="572" y="650"/>
                  </a:lnTo>
                  <a:lnTo>
                    <a:pt x="598" y="598"/>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52" name="Freeform 156"/>
            <p:cNvSpPr>
              <a:spLocks/>
            </p:cNvSpPr>
            <p:nvPr/>
          </p:nvSpPr>
          <p:spPr bwMode="auto">
            <a:xfrm>
              <a:off x="6166984" y="2916718"/>
              <a:ext cx="83108" cy="19257"/>
            </a:xfrm>
            <a:custGeom>
              <a:avLst/>
              <a:gdLst/>
              <a:ahLst/>
              <a:cxnLst>
                <a:cxn ang="0">
                  <a:pos x="910" y="0"/>
                </a:cxn>
                <a:cxn ang="0">
                  <a:pos x="988" y="26"/>
                </a:cxn>
                <a:cxn ang="0">
                  <a:pos x="1014" y="78"/>
                </a:cxn>
                <a:cxn ang="0">
                  <a:pos x="962" y="130"/>
                </a:cxn>
                <a:cxn ang="0">
                  <a:pos x="884" y="156"/>
                </a:cxn>
                <a:cxn ang="0">
                  <a:pos x="728" y="182"/>
                </a:cxn>
                <a:cxn ang="0">
                  <a:pos x="546" y="208"/>
                </a:cxn>
                <a:cxn ang="0">
                  <a:pos x="390" y="182"/>
                </a:cxn>
                <a:cxn ang="0">
                  <a:pos x="234" y="156"/>
                </a:cxn>
                <a:cxn ang="0">
                  <a:pos x="130" y="130"/>
                </a:cxn>
                <a:cxn ang="0">
                  <a:pos x="104" y="78"/>
                </a:cxn>
                <a:cxn ang="0">
                  <a:pos x="130" y="26"/>
                </a:cxn>
                <a:cxn ang="0">
                  <a:pos x="182" y="0"/>
                </a:cxn>
                <a:cxn ang="0">
                  <a:pos x="52" y="52"/>
                </a:cxn>
                <a:cxn ang="0">
                  <a:pos x="26" y="104"/>
                </a:cxn>
                <a:cxn ang="0">
                  <a:pos x="0" y="130"/>
                </a:cxn>
                <a:cxn ang="0">
                  <a:pos x="26" y="156"/>
                </a:cxn>
                <a:cxn ang="0">
                  <a:pos x="52" y="182"/>
                </a:cxn>
                <a:cxn ang="0">
                  <a:pos x="182" y="260"/>
                </a:cxn>
                <a:cxn ang="0">
                  <a:pos x="338" y="286"/>
                </a:cxn>
                <a:cxn ang="0">
                  <a:pos x="572" y="286"/>
                </a:cxn>
                <a:cxn ang="0">
                  <a:pos x="779" y="286"/>
                </a:cxn>
                <a:cxn ang="0">
                  <a:pos x="936" y="260"/>
                </a:cxn>
                <a:cxn ang="0">
                  <a:pos x="1066" y="182"/>
                </a:cxn>
                <a:cxn ang="0">
                  <a:pos x="1092" y="156"/>
                </a:cxn>
                <a:cxn ang="0">
                  <a:pos x="1118" y="130"/>
                </a:cxn>
                <a:cxn ang="0">
                  <a:pos x="1092" y="78"/>
                </a:cxn>
                <a:cxn ang="0">
                  <a:pos x="1066" y="52"/>
                </a:cxn>
                <a:cxn ang="0">
                  <a:pos x="910" y="0"/>
                </a:cxn>
              </a:cxnLst>
              <a:rect l="0" t="0" r="r" b="b"/>
              <a:pathLst>
                <a:path w="1118" h="286">
                  <a:moveTo>
                    <a:pt x="910" y="0"/>
                  </a:moveTo>
                  <a:lnTo>
                    <a:pt x="988" y="26"/>
                  </a:lnTo>
                  <a:lnTo>
                    <a:pt x="1014" y="78"/>
                  </a:lnTo>
                  <a:lnTo>
                    <a:pt x="962" y="130"/>
                  </a:lnTo>
                  <a:lnTo>
                    <a:pt x="884" y="156"/>
                  </a:lnTo>
                  <a:lnTo>
                    <a:pt x="728" y="182"/>
                  </a:lnTo>
                  <a:lnTo>
                    <a:pt x="546" y="208"/>
                  </a:lnTo>
                  <a:lnTo>
                    <a:pt x="390" y="182"/>
                  </a:lnTo>
                  <a:lnTo>
                    <a:pt x="234" y="156"/>
                  </a:lnTo>
                  <a:lnTo>
                    <a:pt x="130" y="130"/>
                  </a:lnTo>
                  <a:lnTo>
                    <a:pt x="104" y="78"/>
                  </a:lnTo>
                  <a:lnTo>
                    <a:pt x="130" y="26"/>
                  </a:lnTo>
                  <a:lnTo>
                    <a:pt x="182" y="0"/>
                  </a:lnTo>
                  <a:lnTo>
                    <a:pt x="52" y="52"/>
                  </a:lnTo>
                  <a:lnTo>
                    <a:pt x="26" y="104"/>
                  </a:lnTo>
                  <a:lnTo>
                    <a:pt x="0" y="130"/>
                  </a:lnTo>
                  <a:lnTo>
                    <a:pt x="26" y="156"/>
                  </a:lnTo>
                  <a:lnTo>
                    <a:pt x="52" y="182"/>
                  </a:lnTo>
                  <a:lnTo>
                    <a:pt x="182" y="260"/>
                  </a:lnTo>
                  <a:lnTo>
                    <a:pt x="338" y="286"/>
                  </a:lnTo>
                  <a:lnTo>
                    <a:pt x="572" y="286"/>
                  </a:lnTo>
                  <a:lnTo>
                    <a:pt x="779" y="286"/>
                  </a:lnTo>
                  <a:lnTo>
                    <a:pt x="936" y="260"/>
                  </a:lnTo>
                  <a:lnTo>
                    <a:pt x="1066" y="182"/>
                  </a:lnTo>
                  <a:lnTo>
                    <a:pt x="1092" y="156"/>
                  </a:lnTo>
                  <a:lnTo>
                    <a:pt x="1118" y="130"/>
                  </a:lnTo>
                  <a:lnTo>
                    <a:pt x="1092" y="78"/>
                  </a:lnTo>
                  <a:lnTo>
                    <a:pt x="1066" y="52"/>
                  </a:lnTo>
                  <a:lnTo>
                    <a:pt x="910" y="0"/>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53" name="Freeform 157"/>
            <p:cNvSpPr>
              <a:spLocks/>
            </p:cNvSpPr>
            <p:nvPr/>
          </p:nvSpPr>
          <p:spPr bwMode="auto">
            <a:xfrm>
              <a:off x="5641280" y="2820431"/>
              <a:ext cx="50251" cy="45517"/>
            </a:xfrm>
            <a:custGeom>
              <a:avLst/>
              <a:gdLst/>
              <a:ahLst/>
              <a:cxnLst>
                <a:cxn ang="0">
                  <a:pos x="676" y="338"/>
                </a:cxn>
                <a:cxn ang="0">
                  <a:pos x="650" y="468"/>
                </a:cxn>
                <a:cxn ang="0">
                  <a:pos x="572" y="598"/>
                </a:cxn>
                <a:cxn ang="0">
                  <a:pos x="468" y="649"/>
                </a:cxn>
                <a:cxn ang="0">
                  <a:pos x="338" y="676"/>
                </a:cxn>
                <a:cxn ang="0">
                  <a:pos x="208" y="649"/>
                </a:cxn>
                <a:cxn ang="0">
                  <a:pos x="104" y="598"/>
                </a:cxn>
                <a:cxn ang="0">
                  <a:pos x="26" y="468"/>
                </a:cxn>
                <a:cxn ang="0">
                  <a:pos x="0" y="338"/>
                </a:cxn>
                <a:cxn ang="0">
                  <a:pos x="26" y="208"/>
                </a:cxn>
                <a:cxn ang="0">
                  <a:pos x="104" y="104"/>
                </a:cxn>
                <a:cxn ang="0">
                  <a:pos x="208" y="26"/>
                </a:cxn>
                <a:cxn ang="0">
                  <a:pos x="338" y="0"/>
                </a:cxn>
                <a:cxn ang="0">
                  <a:pos x="468" y="26"/>
                </a:cxn>
                <a:cxn ang="0">
                  <a:pos x="572" y="104"/>
                </a:cxn>
                <a:cxn ang="0">
                  <a:pos x="650" y="208"/>
                </a:cxn>
                <a:cxn ang="0">
                  <a:pos x="676" y="338"/>
                </a:cxn>
              </a:cxnLst>
              <a:rect l="0" t="0" r="r" b="b"/>
              <a:pathLst>
                <a:path w="676" h="676">
                  <a:moveTo>
                    <a:pt x="676" y="338"/>
                  </a:moveTo>
                  <a:lnTo>
                    <a:pt x="650" y="468"/>
                  </a:lnTo>
                  <a:lnTo>
                    <a:pt x="572" y="598"/>
                  </a:lnTo>
                  <a:lnTo>
                    <a:pt x="468" y="649"/>
                  </a:lnTo>
                  <a:lnTo>
                    <a:pt x="338" y="676"/>
                  </a:lnTo>
                  <a:lnTo>
                    <a:pt x="208" y="649"/>
                  </a:lnTo>
                  <a:lnTo>
                    <a:pt x="104" y="598"/>
                  </a:lnTo>
                  <a:lnTo>
                    <a:pt x="26" y="468"/>
                  </a:lnTo>
                  <a:lnTo>
                    <a:pt x="0" y="338"/>
                  </a:lnTo>
                  <a:lnTo>
                    <a:pt x="26" y="208"/>
                  </a:lnTo>
                  <a:lnTo>
                    <a:pt x="104" y="104"/>
                  </a:lnTo>
                  <a:lnTo>
                    <a:pt x="208" y="26"/>
                  </a:lnTo>
                  <a:lnTo>
                    <a:pt x="338" y="0"/>
                  </a:lnTo>
                  <a:lnTo>
                    <a:pt x="468" y="26"/>
                  </a:lnTo>
                  <a:lnTo>
                    <a:pt x="572" y="104"/>
                  </a:lnTo>
                  <a:lnTo>
                    <a:pt x="650" y="208"/>
                  </a:lnTo>
                  <a:lnTo>
                    <a:pt x="676" y="338"/>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54" name="Freeform 158"/>
            <p:cNvSpPr>
              <a:spLocks/>
            </p:cNvSpPr>
            <p:nvPr/>
          </p:nvSpPr>
          <p:spPr bwMode="auto">
            <a:xfrm>
              <a:off x="5598760" y="2869450"/>
              <a:ext cx="135291" cy="280107"/>
            </a:xfrm>
            <a:custGeom>
              <a:avLst/>
              <a:gdLst/>
              <a:ahLst/>
              <a:cxnLst>
                <a:cxn ang="0">
                  <a:pos x="1690" y="520"/>
                </a:cxn>
                <a:cxn ang="0">
                  <a:pos x="1638" y="390"/>
                </a:cxn>
                <a:cxn ang="0">
                  <a:pos x="1351" y="234"/>
                </a:cxn>
                <a:cxn ang="0">
                  <a:pos x="1118" y="78"/>
                </a:cxn>
                <a:cxn ang="0">
                  <a:pos x="1092" y="26"/>
                </a:cxn>
                <a:cxn ang="0">
                  <a:pos x="988" y="52"/>
                </a:cxn>
                <a:cxn ang="0">
                  <a:pos x="988" y="208"/>
                </a:cxn>
                <a:cxn ang="0">
                  <a:pos x="988" y="494"/>
                </a:cxn>
                <a:cxn ang="0">
                  <a:pos x="1014" y="858"/>
                </a:cxn>
                <a:cxn ang="0">
                  <a:pos x="936" y="1118"/>
                </a:cxn>
                <a:cxn ang="0">
                  <a:pos x="884" y="1118"/>
                </a:cxn>
                <a:cxn ang="0">
                  <a:pos x="806" y="858"/>
                </a:cxn>
                <a:cxn ang="0">
                  <a:pos x="832" y="494"/>
                </a:cxn>
                <a:cxn ang="0">
                  <a:pos x="832" y="208"/>
                </a:cxn>
                <a:cxn ang="0">
                  <a:pos x="832" y="52"/>
                </a:cxn>
                <a:cxn ang="0">
                  <a:pos x="702" y="26"/>
                </a:cxn>
                <a:cxn ang="0">
                  <a:pos x="624" y="156"/>
                </a:cxn>
                <a:cxn ang="0">
                  <a:pos x="260" y="338"/>
                </a:cxn>
                <a:cxn ang="0">
                  <a:pos x="156" y="442"/>
                </a:cxn>
                <a:cxn ang="0">
                  <a:pos x="0" y="1872"/>
                </a:cxn>
                <a:cxn ang="0">
                  <a:pos x="52" y="2029"/>
                </a:cxn>
                <a:cxn ang="0">
                  <a:pos x="156" y="2106"/>
                </a:cxn>
                <a:cxn ang="0">
                  <a:pos x="260" y="2106"/>
                </a:cxn>
                <a:cxn ang="0">
                  <a:pos x="364" y="2029"/>
                </a:cxn>
                <a:cxn ang="0">
                  <a:pos x="390" y="2054"/>
                </a:cxn>
                <a:cxn ang="0">
                  <a:pos x="416" y="3900"/>
                </a:cxn>
                <a:cxn ang="0">
                  <a:pos x="546" y="4135"/>
                </a:cxn>
                <a:cxn ang="0">
                  <a:pos x="702" y="4160"/>
                </a:cxn>
                <a:cxn ang="0">
                  <a:pos x="858" y="4056"/>
                </a:cxn>
                <a:cxn ang="0">
                  <a:pos x="962" y="4056"/>
                </a:cxn>
                <a:cxn ang="0">
                  <a:pos x="1092" y="4160"/>
                </a:cxn>
                <a:cxn ang="0">
                  <a:pos x="1274" y="4135"/>
                </a:cxn>
                <a:cxn ang="0">
                  <a:pos x="1404" y="3900"/>
                </a:cxn>
                <a:cxn ang="0">
                  <a:pos x="1430" y="2054"/>
                </a:cxn>
                <a:cxn ang="0">
                  <a:pos x="1456" y="2029"/>
                </a:cxn>
                <a:cxn ang="0">
                  <a:pos x="1560" y="2106"/>
                </a:cxn>
                <a:cxn ang="0">
                  <a:pos x="1664" y="2106"/>
                </a:cxn>
                <a:cxn ang="0">
                  <a:pos x="1768" y="2029"/>
                </a:cxn>
                <a:cxn ang="0">
                  <a:pos x="1820" y="1872"/>
                </a:cxn>
              </a:cxnLst>
              <a:rect l="0" t="0" r="r" b="b"/>
              <a:pathLst>
                <a:path w="1820" h="4160">
                  <a:moveTo>
                    <a:pt x="1820" y="1872"/>
                  </a:moveTo>
                  <a:lnTo>
                    <a:pt x="1690" y="520"/>
                  </a:lnTo>
                  <a:lnTo>
                    <a:pt x="1664" y="442"/>
                  </a:lnTo>
                  <a:lnTo>
                    <a:pt x="1638" y="390"/>
                  </a:lnTo>
                  <a:lnTo>
                    <a:pt x="1560" y="338"/>
                  </a:lnTo>
                  <a:lnTo>
                    <a:pt x="1351" y="234"/>
                  </a:lnTo>
                  <a:lnTo>
                    <a:pt x="1196" y="156"/>
                  </a:lnTo>
                  <a:lnTo>
                    <a:pt x="1118" y="78"/>
                  </a:lnTo>
                  <a:lnTo>
                    <a:pt x="1118" y="26"/>
                  </a:lnTo>
                  <a:lnTo>
                    <a:pt x="1092" y="26"/>
                  </a:lnTo>
                  <a:lnTo>
                    <a:pt x="1092" y="0"/>
                  </a:lnTo>
                  <a:lnTo>
                    <a:pt x="988" y="52"/>
                  </a:lnTo>
                  <a:lnTo>
                    <a:pt x="1014" y="130"/>
                  </a:lnTo>
                  <a:lnTo>
                    <a:pt x="988" y="208"/>
                  </a:lnTo>
                  <a:lnTo>
                    <a:pt x="962" y="234"/>
                  </a:lnTo>
                  <a:lnTo>
                    <a:pt x="988" y="494"/>
                  </a:lnTo>
                  <a:lnTo>
                    <a:pt x="1040" y="728"/>
                  </a:lnTo>
                  <a:lnTo>
                    <a:pt x="1014" y="858"/>
                  </a:lnTo>
                  <a:lnTo>
                    <a:pt x="988" y="1014"/>
                  </a:lnTo>
                  <a:lnTo>
                    <a:pt x="936" y="1118"/>
                  </a:lnTo>
                  <a:lnTo>
                    <a:pt x="910" y="1170"/>
                  </a:lnTo>
                  <a:lnTo>
                    <a:pt x="884" y="1118"/>
                  </a:lnTo>
                  <a:lnTo>
                    <a:pt x="832" y="1014"/>
                  </a:lnTo>
                  <a:lnTo>
                    <a:pt x="806" y="858"/>
                  </a:lnTo>
                  <a:lnTo>
                    <a:pt x="780" y="728"/>
                  </a:lnTo>
                  <a:lnTo>
                    <a:pt x="832" y="494"/>
                  </a:lnTo>
                  <a:lnTo>
                    <a:pt x="858" y="234"/>
                  </a:lnTo>
                  <a:lnTo>
                    <a:pt x="832" y="208"/>
                  </a:lnTo>
                  <a:lnTo>
                    <a:pt x="806" y="130"/>
                  </a:lnTo>
                  <a:lnTo>
                    <a:pt x="832" y="52"/>
                  </a:lnTo>
                  <a:lnTo>
                    <a:pt x="728" y="0"/>
                  </a:lnTo>
                  <a:lnTo>
                    <a:pt x="702" y="26"/>
                  </a:lnTo>
                  <a:lnTo>
                    <a:pt x="702" y="78"/>
                  </a:lnTo>
                  <a:lnTo>
                    <a:pt x="624" y="156"/>
                  </a:lnTo>
                  <a:lnTo>
                    <a:pt x="468" y="234"/>
                  </a:lnTo>
                  <a:lnTo>
                    <a:pt x="260" y="338"/>
                  </a:lnTo>
                  <a:lnTo>
                    <a:pt x="182" y="390"/>
                  </a:lnTo>
                  <a:lnTo>
                    <a:pt x="156" y="442"/>
                  </a:lnTo>
                  <a:lnTo>
                    <a:pt x="130" y="520"/>
                  </a:lnTo>
                  <a:lnTo>
                    <a:pt x="0" y="1872"/>
                  </a:lnTo>
                  <a:lnTo>
                    <a:pt x="26" y="1950"/>
                  </a:lnTo>
                  <a:lnTo>
                    <a:pt x="52" y="2029"/>
                  </a:lnTo>
                  <a:lnTo>
                    <a:pt x="78" y="2080"/>
                  </a:lnTo>
                  <a:lnTo>
                    <a:pt x="156" y="2106"/>
                  </a:lnTo>
                  <a:lnTo>
                    <a:pt x="208" y="2106"/>
                  </a:lnTo>
                  <a:lnTo>
                    <a:pt x="260" y="2106"/>
                  </a:lnTo>
                  <a:lnTo>
                    <a:pt x="312" y="2080"/>
                  </a:lnTo>
                  <a:lnTo>
                    <a:pt x="364" y="2029"/>
                  </a:lnTo>
                  <a:lnTo>
                    <a:pt x="390" y="2029"/>
                  </a:lnTo>
                  <a:lnTo>
                    <a:pt x="390" y="2054"/>
                  </a:lnTo>
                  <a:lnTo>
                    <a:pt x="390" y="3718"/>
                  </a:lnTo>
                  <a:lnTo>
                    <a:pt x="416" y="3900"/>
                  </a:lnTo>
                  <a:lnTo>
                    <a:pt x="468" y="4030"/>
                  </a:lnTo>
                  <a:lnTo>
                    <a:pt x="546" y="4135"/>
                  </a:lnTo>
                  <a:lnTo>
                    <a:pt x="624" y="4160"/>
                  </a:lnTo>
                  <a:lnTo>
                    <a:pt x="702" y="4160"/>
                  </a:lnTo>
                  <a:lnTo>
                    <a:pt x="806" y="4135"/>
                  </a:lnTo>
                  <a:lnTo>
                    <a:pt x="858" y="4056"/>
                  </a:lnTo>
                  <a:lnTo>
                    <a:pt x="910" y="3978"/>
                  </a:lnTo>
                  <a:lnTo>
                    <a:pt x="962" y="4056"/>
                  </a:lnTo>
                  <a:lnTo>
                    <a:pt x="1014" y="4135"/>
                  </a:lnTo>
                  <a:lnTo>
                    <a:pt x="1092" y="4160"/>
                  </a:lnTo>
                  <a:lnTo>
                    <a:pt x="1196" y="4160"/>
                  </a:lnTo>
                  <a:lnTo>
                    <a:pt x="1274" y="4135"/>
                  </a:lnTo>
                  <a:lnTo>
                    <a:pt x="1351" y="4030"/>
                  </a:lnTo>
                  <a:lnTo>
                    <a:pt x="1404" y="3900"/>
                  </a:lnTo>
                  <a:lnTo>
                    <a:pt x="1430" y="3718"/>
                  </a:lnTo>
                  <a:lnTo>
                    <a:pt x="1430" y="2054"/>
                  </a:lnTo>
                  <a:lnTo>
                    <a:pt x="1430" y="2029"/>
                  </a:lnTo>
                  <a:lnTo>
                    <a:pt x="1456" y="2029"/>
                  </a:lnTo>
                  <a:lnTo>
                    <a:pt x="1482" y="2080"/>
                  </a:lnTo>
                  <a:lnTo>
                    <a:pt x="1560" y="2106"/>
                  </a:lnTo>
                  <a:lnTo>
                    <a:pt x="1612" y="2106"/>
                  </a:lnTo>
                  <a:lnTo>
                    <a:pt x="1664" y="2106"/>
                  </a:lnTo>
                  <a:lnTo>
                    <a:pt x="1716" y="2080"/>
                  </a:lnTo>
                  <a:lnTo>
                    <a:pt x="1768" y="2029"/>
                  </a:lnTo>
                  <a:lnTo>
                    <a:pt x="1794" y="1950"/>
                  </a:lnTo>
                  <a:lnTo>
                    <a:pt x="1820" y="1872"/>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sp>
          <p:nvSpPr>
            <p:cNvPr id="255" name="Freeform 159"/>
            <p:cNvSpPr>
              <a:spLocks/>
            </p:cNvSpPr>
            <p:nvPr/>
          </p:nvSpPr>
          <p:spPr bwMode="auto">
            <a:xfrm>
              <a:off x="5540778" y="3126798"/>
              <a:ext cx="249323" cy="63024"/>
            </a:xfrm>
            <a:custGeom>
              <a:avLst/>
              <a:gdLst/>
              <a:ahLst/>
              <a:cxnLst>
                <a:cxn ang="0">
                  <a:pos x="2782" y="0"/>
                </a:cxn>
                <a:cxn ang="0">
                  <a:pos x="2912" y="52"/>
                </a:cxn>
                <a:cxn ang="0">
                  <a:pos x="2990" y="130"/>
                </a:cxn>
                <a:cxn ang="0">
                  <a:pos x="3042" y="182"/>
                </a:cxn>
                <a:cxn ang="0">
                  <a:pos x="3068" y="261"/>
                </a:cxn>
                <a:cxn ang="0">
                  <a:pos x="3042" y="338"/>
                </a:cxn>
                <a:cxn ang="0">
                  <a:pos x="2964" y="390"/>
                </a:cxn>
                <a:cxn ang="0">
                  <a:pos x="2835" y="468"/>
                </a:cxn>
                <a:cxn ang="0">
                  <a:pos x="2652" y="520"/>
                </a:cxn>
                <a:cxn ang="0">
                  <a:pos x="2444" y="572"/>
                </a:cxn>
                <a:cxn ang="0">
                  <a:pos x="2210" y="598"/>
                </a:cxn>
                <a:cxn ang="0">
                  <a:pos x="1950" y="624"/>
                </a:cxn>
                <a:cxn ang="0">
                  <a:pos x="1690" y="650"/>
                </a:cxn>
                <a:cxn ang="0">
                  <a:pos x="1404" y="624"/>
                </a:cxn>
                <a:cxn ang="0">
                  <a:pos x="1144" y="598"/>
                </a:cxn>
                <a:cxn ang="0">
                  <a:pos x="910" y="572"/>
                </a:cxn>
                <a:cxn ang="0">
                  <a:pos x="702" y="520"/>
                </a:cxn>
                <a:cxn ang="0">
                  <a:pos x="546" y="468"/>
                </a:cxn>
                <a:cxn ang="0">
                  <a:pos x="416" y="390"/>
                </a:cxn>
                <a:cxn ang="0">
                  <a:pos x="338" y="338"/>
                </a:cxn>
                <a:cxn ang="0">
                  <a:pos x="312" y="261"/>
                </a:cxn>
                <a:cxn ang="0">
                  <a:pos x="312" y="182"/>
                </a:cxn>
                <a:cxn ang="0">
                  <a:pos x="364" y="130"/>
                </a:cxn>
                <a:cxn ang="0">
                  <a:pos x="442" y="78"/>
                </a:cxn>
                <a:cxn ang="0">
                  <a:pos x="546" y="26"/>
                </a:cxn>
                <a:cxn ang="0">
                  <a:pos x="338" y="104"/>
                </a:cxn>
                <a:cxn ang="0">
                  <a:pos x="156" y="182"/>
                </a:cxn>
                <a:cxn ang="0">
                  <a:pos x="52" y="286"/>
                </a:cxn>
                <a:cxn ang="0">
                  <a:pos x="26" y="338"/>
                </a:cxn>
                <a:cxn ang="0">
                  <a:pos x="0" y="416"/>
                </a:cxn>
                <a:cxn ang="0">
                  <a:pos x="26" y="468"/>
                </a:cxn>
                <a:cxn ang="0">
                  <a:pos x="52" y="520"/>
                </a:cxn>
                <a:cxn ang="0">
                  <a:pos x="130" y="598"/>
                </a:cxn>
                <a:cxn ang="0">
                  <a:pos x="286" y="702"/>
                </a:cxn>
                <a:cxn ang="0">
                  <a:pos x="494" y="780"/>
                </a:cxn>
                <a:cxn ang="0">
                  <a:pos x="754" y="832"/>
                </a:cxn>
                <a:cxn ang="0">
                  <a:pos x="1040" y="884"/>
                </a:cxn>
                <a:cxn ang="0">
                  <a:pos x="1352" y="910"/>
                </a:cxn>
                <a:cxn ang="0">
                  <a:pos x="1690" y="936"/>
                </a:cxn>
                <a:cxn ang="0">
                  <a:pos x="2028" y="910"/>
                </a:cxn>
                <a:cxn ang="0">
                  <a:pos x="2340" y="884"/>
                </a:cxn>
                <a:cxn ang="0">
                  <a:pos x="2626" y="832"/>
                </a:cxn>
                <a:cxn ang="0">
                  <a:pos x="2886" y="780"/>
                </a:cxn>
                <a:cxn ang="0">
                  <a:pos x="3068" y="702"/>
                </a:cxn>
                <a:cxn ang="0">
                  <a:pos x="3224" y="598"/>
                </a:cxn>
                <a:cxn ang="0">
                  <a:pos x="3328" y="520"/>
                </a:cxn>
                <a:cxn ang="0">
                  <a:pos x="3354" y="468"/>
                </a:cxn>
                <a:cxn ang="0">
                  <a:pos x="3354" y="416"/>
                </a:cxn>
                <a:cxn ang="0">
                  <a:pos x="3354" y="338"/>
                </a:cxn>
                <a:cxn ang="0">
                  <a:pos x="3328" y="286"/>
                </a:cxn>
                <a:cxn ang="0">
                  <a:pos x="3198" y="182"/>
                </a:cxn>
                <a:cxn ang="0">
                  <a:pos x="3016" y="104"/>
                </a:cxn>
                <a:cxn ang="0">
                  <a:pos x="2782" y="0"/>
                </a:cxn>
              </a:cxnLst>
              <a:rect l="0" t="0" r="r" b="b"/>
              <a:pathLst>
                <a:path w="3354" h="936">
                  <a:moveTo>
                    <a:pt x="2782" y="0"/>
                  </a:moveTo>
                  <a:lnTo>
                    <a:pt x="2912" y="52"/>
                  </a:lnTo>
                  <a:lnTo>
                    <a:pt x="2990" y="130"/>
                  </a:lnTo>
                  <a:lnTo>
                    <a:pt x="3042" y="182"/>
                  </a:lnTo>
                  <a:lnTo>
                    <a:pt x="3068" y="261"/>
                  </a:lnTo>
                  <a:lnTo>
                    <a:pt x="3042" y="338"/>
                  </a:lnTo>
                  <a:lnTo>
                    <a:pt x="2964" y="390"/>
                  </a:lnTo>
                  <a:lnTo>
                    <a:pt x="2835" y="468"/>
                  </a:lnTo>
                  <a:lnTo>
                    <a:pt x="2652" y="520"/>
                  </a:lnTo>
                  <a:lnTo>
                    <a:pt x="2444" y="572"/>
                  </a:lnTo>
                  <a:lnTo>
                    <a:pt x="2210" y="598"/>
                  </a:lnTo>
                  <a:lnTo>
                    <a:pt x="1950" y="624"/>
                  </a:lnTo>
                  <a:lnTo>
                    <a:pt x="1690" y="650"/>
                  </a:lnTo>
                  <a:lnTo>
                    <a:pt x="1404" y="624"/>
                  </a:lnTo>
                  <a:lnTo>
                    <a:pt x="1144" y="598"/>
                  </a:lnTo>
                  <a:lnTo>
                    <a:pt x="910" y="572"/>
                  </a:lnTo>
                  <a:lnTo>
                    <a:pt x="702" y="520"/>
                  </a:lnTo>
                  <a:lnTo>
                    <a:pt x="546" y="468"/>
                  </a:lnTo>
                  <a:lnTo>
                    <a:pt x="416" y="390"/>
                  </a:lnTo>
                  <a:lnTo>
                    <a:pt x="338" y="338"/>
                  </a:lnTo>
                  <a:lnTo>
                    <a:pt x="312" y="261"/>
                  </a:lnTo>
                  <a:lnTo>
                    <a:pt x="312" y="182"/>
                  </a:lnTo>
                  <a:lnTo>
                    <a:pt x="364" y="130"/>
                  </a:lnTo>
                  <a:lnTo>
                    <a:pt x="442" y="78"/>
                  </a:lnTo>
                  <a:lnTo>
                    <a:pt x="546" y="26"/>
                  </a:lnTo>
                  <a:lnTo>
                    <a:pt x="338" y="104"/>
                  </a:lnTo>
                  <a:lnTo>
                    <a:pt x="156" y="182"/>
                  </a:lnTo>
                  <a:lnTo>
                    <a:pt x="52" y="286"/>
                  </a:lnTo>
                  <a:lnTo>
                    <a:pt x="26" y="338"/>
                  </a:lnTo>
                  <a:lnTo>
                    <a:pt x="0" y="416"/>
                  </a:lnTo>
                  <a:lnTo>
                    <a:pt x="26" y="468"/>
                  </a:lnTo>
                  <a:lnTo>
                    <a:pt x="52" y="520"/>
                  </a:lnTo>
                  <a:lnTo>
                    <a:pt x="130" y="598"/>
                  </a:lnTo>
                  <a:lnTo>
                    <a:pt x="286" y="702"/>
                  </a:lnTo>
                  <a:lnTo>
                    <a:pt x="494" y="780"/>
                  </a:lnTo>
                  <a:lnTo>
                    <a:pt x="754" y="832"/>
                  </a:lnTo>
                  <a:lnTo>
                    <a:pt x="1040" y="884"/>
                  </a:lnTo>
                  <a:lnTo>
                    <a:pt x="1352" y="910"/>
                  </a:lnTo>
                  <a:lnTo>
                    <a:pt x="1690" y="936"/>
                  </a:lnTo>
                  <a:lnTo>
                    <a:pt x="2028" y="910"/>
                  </a:lnTo>
                  <a:lnTo>
                    <a:pt x="2340" y="884"/>
                  </a:lnTo>
                  <a:lnTo>
                    <a:pt x="2626" y="832"/>
                  </a:lnTo>
                  <a:lnTo>
                    <a:pt x="2886" y="780"/>
                  </a:lnTo>
                  <a:lnTo>
                    <a:pt x="3068" y="702"/>
                  </a:lnTo>
                  <a:lnTo>
                    <a:pt x="3224" y="598"/>
                  </a:lnTo>
                  <a:lnTo>
                    <a:pt x="3328" y="520"/>
                  </a:lnTo>
                  <a:lnTo>
                    <a:pt x="3354" y="468"/>
                  </a:lnTo>
                  <a:lnTo>
                    <a:pt x="3354" y="416"/>
                  </a:lnTo>
                  <a:lnTo>
                    <a:pt x="3354" y="338"/>
                  </a:lnTo>
                  <a:lnTo>
                    <a:pt x="3328" y="286"/>
                  </a:lnTo>
                  <a:lnTo>
                    <a:pt x="3198" y="182"/>
                  </a:lnTo>
                  <a:lnTo>
                    <a:pt x="3016" y="104"/>
                  </a:lnTo>
                  <a:lnTo>
                    <a:pt x="2782" y="0"/>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ea typeface="Arial Unicode MS" pitchFamily="34" charset="-122"/>
                <a:cs typeface="Arial" pitchFamily="34" charset="0"/>
              </a:endParaRPr>
            </a:p>
          </p:txBody>
        </p:sp>
      </p:grpSp>
      <p:sp>
        <p:nvSpPr>
          <p:cNvPr id="258" name="矩形 257"/>
          <p:cNvSpPr/>
          <p:nvPr/>
        </p:nvSpPr>
        <p:spPr>
          <a:xfrm>
            <a:off x="9568524" y="3947960"/>
            <a:ext cx="3747528" cy="861696"/>
          </a:xfrm>
          <a:prstGeom prst="rect">
            <a:avLst/>
          </a:prstGeom>
        </p:spPr>
        <p:txBody>
          <a:bodyPr wrap="square" lIns="91368" tIns="45681" rIns="91368" bIns="45681">
            <a:spAutoFit/>
          </a:bodyPr>
          <a:lstStyle/>
          <a:p>
            <a:pPr algn="ctr"/>
            <a:r>
              <a:rPr lang="en-US" altLang="zh-CN" b="1" dirty="0" smtClean="0">
                <a:solidFill>
                  <a:srgbClr val="595959"/>
                </a:solidFill>
                <a:latin typeface="Arial" pitchFamily="34" charset="0"/>
                <a:ea typeface="Arial Unicode MS" pitchFamily="34" charset="-122"/>
                <a:cs typeface="Arial" pitchFamily="34" charset="0"/>
              </a:rPr>
              <a:t>By 2017</a:t>
            </a:r>
            <a:r>
              <a:rPr lang="zh-CN" altLang="en-US" b="1" dirty="0" smtClean="0">
                <a:solidFill>
                  <a:srgbClr val="595959"/>
                </a:solidFill>
                <a:latin typeface="Arial" pitchFamily="34" charset="0"/>
                <a:ea typeface="Arial Unicode MS" pitchFamily="34" charset="-122"/>
                <a:cs typeface="Arial" pitchFamily="34" charset="0"/>
              </a:rPr>
              <a:t>年，</a:t>
            </a:r>
            <a:r>
              <a:rPr lang="en-US" altLang="zh-CN" b="1" dirty="0" smtClean="0">
                <a:solidFill>
                  <a:srgbClr val="595959"/>
                </a:solidFill>
                <a:latin typeface="Arial" pitchFamily="34" charset="0"/>
                <a:ea typeface="Arial Unicode MS" pitchFamily="34" charset="-122"/>
                <a:cs typeface="Arial" pitchFamily="34" charset="0"/>
              </a:rPr>
              <a:t>Mobile payments will reach </a:t>
            </a:r>
            <a:r>
              <a:rPr lang="en-US" altLang="zh-CN" sz="3200" b="1" dirty="0" smtClean="0">
                <a:solidFill>
                  <a:srgbClr val="595959"/>
                </a:solidFill>
                <a:latin typeface="Arial" pitchFamily="34" charset="0"/>
                <a:ea typeface="Arial Unicode MS" pitchFamily="34" charset="-122"/>
                <a:cs typeface="Arial" pitchFamily="34" charset="0"/>
              </a:rPr>
              <a:t>13 trillion </a:t>
            </a:r>
            <a:r>
              <a:rPr lang="en-US" altLang="zh-CN" b="1" dirty="0" smtClean="0">
                <a:solidFill>
                  <a:srgbClr val="595959"/>
                </a:solidFill>
                <a:latin typeface="Arial" pitchFamily="34" charset="0"/>
                <a:ea typeface="Arial Unicode MS" pitchFamily="34" charset="-122"/>
                <a:cs typeface="Arial" pitchFamily="34" charset="0"/>
              </a:rPr>
              <a:t>$</a:t>
            </a:r>
            <a:endParaRPr lang="zh-CN" altLang="en-US" b="1" dirty="0" smtClean="0">
              <a:solidFill>
                <a:srgbClr val="595959"/>
              </a:solidFill>
              <a:latin typeface="Arial" pitchFamily="34" charset="0"/>
              <a:ea typeface="Arial Unicode MS" pitchFamily="34" charset="-122"/>
              <a:cs typeface="Arial" pitchFamily="34" charset="0"/>
            </a:endParaRPr>
          </a:p>
        </p:txBody>
      </p:sp>
      <p:sp>
        <p:nvSpPr>
          <p:cNvPr id="259" name="矩形 258"/>
          <p:cNvSpPr/>
          <p:nvPr/>
        </p:nvSpPr>
        <p:spPr>
          <a:xfrm>
            <a:off x="5285289" y="3947960"/>
            <a:ext cx="3747528" cy="861696"/>
          </a:xfrm>
          <a:prstGeom prst="rect">
            <a:avLst/>
          </a:prstGeom>
        </p:spPr>
        <p:txBody>
          <a:bodyPr wrap="square" lIns="91368" tIns="45681" rIns="91368" bIns="45681">
            <a:spAutoFit/>
          </a:bodyPr>
          <a:lstStyle/>
          <a:p>
            <a:pPr algn="ctr"/>
            <a:r>
              <a:rPr lang="en-US" altLang="zh-CN" b="1" dirty="0" smtClean="0">
                <a:solidFill>
                  <a:srgbClr val="595959"/>
                </a:solidFill>
                <a:latin typeface="Arial" pitchFamily="34" charset="0"/>
                <a:ea typeface="Arial Unicode MS" pitchFamily="34" charset="-122"/>
                <a:cs typeface="Arial" pitchFamily="34" charset="0"/>
              </a:rPr>
              <a:t>By 2018</a:t>
            </a:r>
            <a:r>
              <a:rPr lang="zh-CN" altLang="en-US" b="1" dirty="0" smtClean="0">
                <a:solidFill>
                  <a:srgbClr val="595959"/>
                </a:solidFill>
                <a:latin typeface="Arial" pitchFamily="34" charset="0"/>
                <a:ea typeface="Arial Unicode MS" pitchFamily="34" charset="-122"/>
                <a:cs typeface="Arial" pitchFamily="34" charset="0"/>
              </a:rPr>
              <a:t>，</a:t>
            </a:r>
            <a:r>
              <a:rPr lang="en-US" altLang="zh-CN" b="1" dirty="0" smtClean="0">
                <a:solidFill>
                  <a:srgbClr val="595959"/>
                </a:solidFill>
                <a:latin typeface="Arial" pitchFamily="34" charset="0"/>
                <a:ea typeface="Arial Unicode MS" pitchFamily="34" charset="-122"/>
                <a:cs typeface="Arial" pitchFamily="34" charset="0"/>
              </a:rPr>
              <a:t>global mobile users will hit more than </a:t>
            </a:r>
            <a:r>
              <a:rPr lang="en-US" altLang="zh-CN" sz="3200" b="1" dirty="0" smtClean="0">
                <a:solidFill>
                  <a:srgbClr val="595959"/>
                </a:solidFill>
                <a:latin typeface="Arial" pitchFamily="34" charset="0"/>
                <a:ea typeface="Arial Unicode MS" pitchFamily="34" charset="-122"/>
                <a:cs typeface="Arial" pitchFamily="34" charset="0"/>
              </a:rPr>
              <a:t>8 billion</a:t>
            </a:r>
            <a:endParaRPr lang="zh-CN" altLang="en-US" sz="3200" b="1" dirty="0" smtClean="0">
              <a:solidFill>
                <a:srgbClr val="595959"/>
              </a:solidFill>
              <a:latin typeface="Arial" pitchFamily="34" charset="0"/>
              <a:ea typeface="Arial Unicode MS" pitchFamily="34" charset="-122"/>
              <a:cs typeface="Arial" pitchFamily="34" charset="0"/>
            </a:endParaRPr>
          </a:p>
        </p:txBody>
      </p:sp>
      <p:pic>
        <p:nvPicPr>
          <p:cNvPr id="1026" name="Picture 2" descr="C:\Users\z57143\Desktop\下载.jpg"/>
          <p:cNvPicPr>
            <a:picLocks noChangeAspect="1" noChangeArrowheads="1"/>
          </p:cNvPicPr>
          <p:nvPr/>
        </p:nvPicPr>
        <p:blipFill>
          <a:blip r:embed="rId3" cstate="screen">
            <a:clrChange>
              <a:clrFrom>
                <a:srgbClr val="FFFFFF"/>
              </a:clrFrom>
              <a:clrTo>
                <a:srgbClr val="FFFFFF">
                  <a:alpha val="0"/>
                </a:srgbClr>
              </a:clrTo>
            </a:clrChange>
            <a:duotone>
              <a:prstClr val="black"/>
              <a:schemeClr val="bg1">
                <a:lumMod val="65000"/>
                <a:tint val="45000"/>
                <a:satMod val="400000"/>
              </a:schemeClr>
            </a:duotone>
          </a:blip>
          <a:srcRect/>
          <a:stretch>
            <a:fillRect/>
          </a:stretch>
        </p:blipFill>
        <p:spPr bwMode="auto">
          <a:xfrm>
            <a:off x="10453694" y="2932279"/>
            <a:ext cx="928183" cy="424739"/>
          </a:xfrm>
          <a:prstGeom prst="rect">
            <a:avLst/>
          </a:prstGeom>
          <a:noFill/>
        </p:spPr>
      </p:pic>
      <p:pic>
        <p:nvPicPr>
          <p:cNvPr id="1027" name="Picture 3" descr="C:\Users\z57143\Desktop\下载 (1).jpg"/>
          <p:cNvPicPr>
            <a:picLocks noChangeAspect="1" noChangeArrowheads="1"/>
          </p:cNvPicPr>
          <p:nvPr/>
        </p:nvPicPr>
        <p:blipFill>
          <a:blip r:embed="rId4" cstate="screen">
            <a:duotone>
              <a:prstClr val="black"/>
              <a:schemeClr val="bg1">
                <a:lumMod val="65000"/>
                <a:tint val="45000"/>
                <a:satMod val="400000"/>
              </a:schemeClr>
            </a:duotone>
            <a:clrChange>
              <a:clrFrom>
                <a:srgbClr val="FFFFFF"/>
              </a:clrFrom>
              <a:clrTo>
                <a:srgbClr val="FFFFFF">
                  <a:alpha val="0"/>
                </a:srgbClr>
              </a:clrTo>
            </a:clrChange>
          </a:blip>
          <a:srcRect/>
          <a:stretch>
            <a:fillRect/>
          </a:stretch>
        </p:blipFill>
        <p:spPr bwMode="auto">
          <a:xfrm>
            <a:off x="11499439" y="3001128"/>
            <a:ext cx="724652" cy="358919"/>
          </a:xfrm>
          <a:prstGeom prst="rect">
            <a:avLst/>
          </a:prstGeom>
          <a:noFill/>
        </p:spPr>
      </p:pic>
      <p:pic>
        <p:nvPicPr>
          <p:cNvPr id="1029" name="Picture 5" descr="C:\Users\z57143\Desktop\下载 (2).jpg"/>
          <p:cNvPicPr>
            <a:picLocks noChangeAspect="1" noChangeArrowheads="1"/>
          </p:cNvPicPr>
          <p:nvPr/>
        </p:nvPicPr>
        <p:blipFill>
          <a:blip r:embed="rId5" cstate="screen">
            <a:duotone>
              <a:prstClr val="black"/>
              <a:schemeClr val="bg1">
                <a:lumMod val="65000"/>
                <a:tint val="45000"/>
                <a:satMod val="400000"/>
              </a:schemeClr>
            </a:duotone>
            <a:clrChange>
              <a:clrFrom>
                <a:srgbClr val="FFFFFF"/>
              </a:clrFrom>
              <a:clrTo>
                <a:srgbClr val="FFFFFF">
                  <a:alpha val="0"/>
                </a:srgbClr>
              </a:clrTo>
            </a:clrChange>
          </a:blip>
          <a:srcRect/>
          <a:stretch>
            <a:fillRect/>
          </a:stretch>
        </p:blipFill>
        <p:spPr bwMode="auto">
          <a:xfrm>
            <a:off x="10299039" y="3296656"/>
            <a:ext cx="1419452" cy="553453"/>
          </a:xfrm>
          <a:prstGeom prst="rect">
            <a:avLst/>
          </a:prstGeom>
          <a:noFill/>
        </p:spPr>
      </p:pic>
      <p:pic>
        <p:nvPicPr>
          <p:cNvPr id="1031" name="Picture 7" descr="C:\Users\z57143\Desktop\下载 (1).png"/>
          <p:cNvPicPr>
            <a:picLocks noChangeAspect="1" noChangeArrowheads="1"/>
          </p:cNvPicPr>
          <p:nvPr/>
        </p:nvPicPr>
        <p:blipFill>
          <a:blip r:embed="rId6" cstate="screen">
            <a:clrChange>
              <a:clrFrom>
                <a:srgbClr val="FFFFFF"/>
              </a:clrFrom>
              <a:clrTo>
                <a:srgbClr val="FFFFFF">
                  <a:alpha val="0"/>
                </a:srgbClr>
              </a:clrTo>
            </a:clrChange>
            <a:duotone>
              <a:prstClr val="black"/>
              <a:schemeClr val="bg1">
                <a:lumMod val="65000"/>
                <a:tint val="45000"/>
                <a:satMod val="400000"/>
              </a:schemeClr>
            </a:duotone>
          </a:blip>
          <a:srcRect/>
          <a:stretch>
            <a:fillRect/>
          </a:stretch>
        </p:blipFill>
        <p:spPr bwMode="auto">
          <a:xfrm>
            <a:off x="11882687" y="3388479"/>
            <a:ext cx="726406" cy="344482"/>
          </a:xfrm>
          <a:prstGeom prst="rect">
            <a:avLst/>
          </a:prstGeom>
          <a:noFill/>
        </p:spPr>
      </p:pic>
      <p:sp>
        <p:nvSpPr>
          <p:cNvPr id="282" name="矩形 281"/>
          <p:cNvSpPr/>
          <p:nvPr/>
        </p:nvSpPr>
        <p:spPr>
          <a:xfrm>
            <a:off x="14138460" y="3851706"/>
            <a:ext cx="3042632" cy="1354138"/>
          </a:xfrm>
          <a:prstGeom prst="rect">
            <a:avLst/>
          </a:prstGeom>
        </p:spPr>
        <p:txBody>
          <a:bodyPr wrap="square" lIns="91368" tIns="45681" rIns="91368" bIns="45681">
            <a:spAutoFit/>
          </a:bodyPr>
          <a:lstStyle/>
          <a:p>
            <a:pPr algn="ctr"/>
            <a:r>
              <a:rPr lang="en-US" altLang="zh-CN" b="1" dirty="0" smtClean="0">
                <a:solidFill>
                  <a:srgbClr val="595959"/>
                </a:solidFill>
                <a:latin typeface="Arial" pitchFamily="34" charset="0"/>
                <a:ea typeface="Arial Unicode MS" pitchFamily="34" charset="-122"/>
                <a:cs typeface="Arial" pitchFamily="34" charset="0"/>
              </a:rPr>
              <a:t>Losses caused by cyber attacks over </a:t>
            </a:r>
            <a:r>
              <a:rPr lang="en-US" altLang="zh-CN" sz="3200" b="1" dirty="0" smtClean="0">
                <a:solidFill>
                  <a:srgbClr val="595959"/>
                </a:solidFill>
                <a:latin typeface="Arial" pitchFamily="34" charset="0"/>
                <a:ea typeface="Arial Unicode MS" pitchFamily="34" charset="-122"/>
                <a:cs typeface="Arial" pitchFamily="34" charset="0"/>
              </a:rPr>
              <a:t>70+ billion </a:t>
            </a:r>
            <a:r>
              <a:rPr lang="en-US" altLang="zh-CN" b="1" dirty="0" smtClean="0">
                <a:solidFill>
                  <a:srgbClr val="595959"/>
                </a:solidFill>
                <a:latin typeface="Arial" pitchFamily="34" charset="0"/>
                <a:ea typeface="Arial Unicode MS" pitchFamily="34" charset="-122"/>
                <a:cs typeface="Arial" pitchFamily="34" charset="0"/>
              </a:rPr>
              <a:t>annually</a:t>
            </a:r>
            <a:endParaRPr lang="zh-CN" altLang="en-US" b="1" dirty="0" smtClean="0">
              <a:solidFill>
                <a:srgbClr val="595959"/>
              </a:solidFill>
              <a:latin typeface="Arial" pitchFamily="34" charset="0"/>
              <a:ea typeface="Arial Unicode MS" pitchFamily="34" charset="-122"/>
              <a:cs typeface="Arial" pitchFamily="34" charset="0"/>
            </a:endParaRPr>
          </a:p>
        </p:txBody>
      </p:sp>
      <p:grpSp>
        <p:nvGrpSpPr>
          <p:cNvPr id="12" name="组合 72"/>
          <p:cNvGrpSpPr>
            <a:grpSpLocks/>
          </p:cNvGrpSpPr>
          <p:nvPr/>
        </p:nvGrpSpPr>
        <p:grpSpPr bwMode="auto">
          <a:xfrm>
            <a:off x="14553982" y="2829102"/>
            <a:ext cx="1255514" cy="828496"/>
            <a:chOff x="9088022" y="2836986"/>
            <a:chExt cx="2261546" cy="1893172"/>
          </a:xfrm>
          <a:effectLst/>
        </p:grpSpPr>
        <p:pic>
          <p:nvPicPr>
            <p:cNvPr id="294" name="图片 4"/>
            <p:cNvPicPr>
              <a:picLocks noChangeAspect="1"/>
            </p:cNvPicPr>
            <p:nvPr/>
          </p:nvPicPr>
          <p:blipFill>
            <a:blip r:embed="rId7" cstate="screen">
              <a:duotone>
                <a:prstClr val="black"/>
                <a:schemeClr val="tx1">
                  <a:lumMod val="95000"/>
                  <a:lumOff val="5000"/>
                  <a:tint val="45000"/>
                  <a:satMod val="400000"/>
                </a:schemeClr>
              </a:duotone>
            </a:blip>
            <a:srcRect/>
            <a:stretch>
              <a:fillRect/>
            </a:stretch>
          </p:blipFill>
          <p:spPr bwMode="auto">
            <a:xfrm>
              <a:off x="9947025" y="2836986"/>
              <a:ext cx="1402543" cy="916617"/>
            </a:xfrm>
            <a:prstGeom prst="rect">
              <a:avLst/>
            </a:prstGeom>
            <a:ln>
              <a:noFill/>
            </a:ln>
            <a:effectLst>
              <a:outerShdw blurRad="292100" dist="139700" dir="2700000" algn="tl" rotWithShape="0">
                <a:srgbClr val="333333">
                  <a:alpha val="65000"/>
                </a:srgbClr>
              </a:outerShdw>
            </a:effectLst>
          </p:spPr>
        </p:pic>
        <p:pic>
          <p:nvPicPr>
            <p:cNvPr id="295" name="图片 4"/>
            <p:cNvPicPr>
              <a:picLocks noChangeAspect="1"/>
            </p:cNvPicPr>
            <p:nvPr/>
          </p:nvPicPr>
          <p:blipFill>
            <a:blip r:embed="rId8" cstate="screen">
              <a:duotone>
                <a:prstClr val="black"/>
                <a:schemeClr val="tx1">
                  <a:lumMod val="95000"/>
                  <a:lumOff val="5000"/>
                  <a:tint val="45000"/>
                  <a:satMod val="400000"/>
                </a:schemeClr>
              </a:duotone>
            </a:blip>
            <a:srcRect/>
            <a:stretch>
              <a:fillRect/>
            </a:stretch>
          </p:blipFill>
          <p:spPr bwMode="auto">
            <a:xfrm>
              <a:off x="9088022" y="3379844"/>
              <a:ext cx="2066902" cy="1350314"/>
            </a:xfrm>
            <a:prstGeom prst="rect">
              <a:avLst/>
            </a:prstGeom>
            <a:ln>
              <a:noFill/>
            </a:ln>
            <a:effectLst>
              <a:outerShdw blurRad="292100" dist="139700" dir="2700000" algn="tl" rotWithShape="0">
                <a:srgbClr val="333333">
                  <a:alpha val="65000"/>
                </a:srgbClr>
              </a:outerShdw>
            </a:effectLst>
          </p:spPr>
        </p:pic>
      </p:grpSp>
      <p:grpSp>
        <p:nvGrpSpPr>
          <p:cNvPr id="13" name="组合 297"/>
          <p:cNvGrpSpPr/>
          <p:nvPr/>
        </p:nvGrpSpPr>
        <p:grpSpPr>
          <a:xfrm>
            <a:off x="15383040" y="3051283"/>
            <a:ext cx="1024390" cy="534125"/>
            <a:chOff x="15383040" y="2545961"/>
            <a:chExt cx="1024389" cy="534124"/>
          </a:xfrm>
        </p:grpSpPr>
        <p:sp>
          <p:nvSpPr>
            <p:cNvPr id="283" name="Freeform 22"/>
            <p:cNvSpPr>
              <a:spLocks noEditPoints="1"/>
            </p:cNvSpPr>
            <p:nvPr/>
          </p:nvSpPr>
          <p:spPr bwMode="auto">
            <a:xfrm>
              <a:off x="15383040" y="2638436"/>
              <a:ext cx="402391" cy="441649"/>
            </a:xfrm>
            <a:custGeom>
              <a:avLst/>
              <a:gdLst/>
              <a:ahLst/>
              <a:cxnLst>
                <a:cxn ang="0">
                  <a:pos x="748" y="478"/>
                </a:cxn>
                <a:cxn ang="0">
                  <a:pos x="760" y="438"/>
                </a:cxn>
                <a:cxn ang="0">
                  <a:pos x="594" y="416"/>
                </a:cxn>
                <a:cxn ang="0">
                  <a:pos x="696" y="346"/>
                </a:cxn>
                <a:cxn ang="0">
                  <a:pos x="752" y="246"/>
                </a:cxn>
                <a:cxn ang="0">
                  <a:pos x="740" y="180"/>
                </a:cxn>
                <a:cxn ang="0">
                  <a:pos x="698" y="184"/>
                </a:cxn>
                <a:cxn ang="0">
                  <a:pos x="674" y="272"/>
                </a:cxn>
                <a:cxn ang="0">
                  <a:pos x="578" y="310"/>
                </a:cxn>
                <a:cxn ang="0">
                  <a:pos x="536" y="218"/>
                </a:cxn>
                <a:cxn ang="0">
                  <a:pos x="518" y="192"/>
                </a:cxn>
                <a:cxn ang="0">
                  <a:pos x="474" y="150"/>
                </a:cxn>
                <a:cxn ang="0">
                  <a:pos x="422" y="126"/>
                </a:cxn>
                <a:cxn ang="0">
                  <a:pos x="464" y="36"/>
                </a:cxn>
                <a:cxn ang="0">
                  <a:pos x="496" y="16"/>
                </a:cxn>
                <a:cxn ang="0">
                  <a:pos x="448" y="6"/>
                </a:cxn>
                <a:cxn ang="0">
                  <a:pos x="388" y="122"/>
                </a:cxn>
                <a:cxn ang="0">
                  <a:pos x="362" y="66"/>
                </a:cxn>
                <a:cxn ang="0">
                  <a:pos x="304" y="2"/>
                </a:cxn>
                <a:cxn ang="0">
                  <a:pos x="266" y="16"/>
                </a:cxn>
                <a:cxn ang="0">
                  <a:pos x="316" y="52"/>
                </a:cxn>
                <a:cxn ang="0">
                  <a:pos x="322" y="132"/>
                </a:cxn>
                <a:cxn ang="0">
                  <a:pos x="216" y="232"/>
                </a:cxn>
                <a:cxn ang="0">
                  <a:pos x="164" y="310"/>
                </a:cxn>
                <a:cxn ang="0">
                  <a:pos x="80" y="254"/>
                </a:cxn>
                <a:cxn ang="0">
                  <a:pos x="60" y="180"/>
                </a:cxn>
                <a:cxn ang="0">
                  <a:pos x="16" y="184"/>
                </a:cxn>
                <a:cxn ang="0">
                  <a:pos x="12" y="264"/>
                </a:cxn>
                <a:cxn ang="0">
                  <a:pos x="80" y="356"/>
                </a:cxn>
                <a:cxn ang="0">
                  <a:pos x="34" y="416"/>
                </a:cxn>
                <a:cxn ang="0">
                  <a:pos x="0" y="444"/>
                </a:cxn>
                <a:cxn ang="0">
                  <a:pos x="20" y="482"/>
                </a:cxn>
                <a:cxn ang="0">
                  <a:pos x="134" y="526"/>
                </a:cxn>
                <a:cxn ang="0">
                  <a:pos x="32" y="592"/>
                </a:cxn>
                <a:cxn ang="0">
                  <a:pos x="6" y="700"/>
                </a:cxn>
                <a:cxn ang="0">
                  <a:pos x="40" y="728"/>
                </a:cxn>
                <a:cxn ang="0">
                  <a:pos x="74" y="694"/>
                </a:cxn>
                <a:cxn ang="0">
                  <a:pos x="122" y="602"/>
                </a:cxn>
                <a:cxn ang="0">
                  <a:pos x="200" y="592"/>
                </a:cxn>
                <a:cxn ang="0">
                  <a:pos x="352" y="728"/>
                </a:cxn>
                <a:cxn ang="0">
                  <a:pos x="462" y="708"/>
                </a:cxn>
                <a:cxn ang="0">
                  <a:pos x="570" y="592"/>
                </a:cxn>
                <a:cxn ang="0">
                  <a:pos x="662" y="616"/>
                </a:cxn>
                <a:cxn ang="0">
                  <a:pos x="694" y="712"/>
                </a:cxn>
                <a:cxn ang="0">
                  <a:pos x="734" y="724"/>
                </a:cxn>
                <a:cxn ang="0">
                  <a:pos x="754" y="674"/>
                </a:cxn>
                <a:cxn ang="0">
                  <a:pos x="710" y="568"/>
                </a:cxn>
                <a:cxn ang="0">
                  <a:pos x="582" y="524"/>
                </a:cxn>
                <a:cxn ang="0">
                  <a:pos x="286" y="310"/>
                </a:cxn>
                <a:cxn ang="0">
                  <a:pos x="364" y="660"/>
                </a:cxn>
                <a:cxn ang="0">
                  <a:pos x="274" y="582"/>
                </a:cxn>
                <a:cxn ang="0">
                  <a:pos x="236" y="426"/>
                </a:cxn>
                <a:cxn ang="0">
                  <a:pos x="424" y="334"/>
                </a:cxn>
                <a:cxn ang="0">
                  <a:pos x="526" y="426"/>
                </a:cxn>
                <a:cxn ang="0">
                  <a:pos x="496" y="566"/>
                </a:cxn>
                <a:cxn ang="0">
                  <a:pos x="410" y="658"/>
                </a:cxn>
              </a:cxnLst>
              <a:rect l="0" t="0" r="r" b="b"/>
              <a:pathLst>
                <a:path w="762" h="730">
                  <a:moveTo>
                    <a:pt x="582" y="524"/>
                  </a:moveTo>
                  <a:lnTo>
                    <a:pt x="582" y="524"/>
                  </a:lnTo>
                  <a:lnTo>
                    <a:pt x="590" y="484"/>
                  </a:lnTo>
                  <a:lnTo>
                    <a:pt x="728" y="484"/>
                  </a:lnTo>
                  <a:lnTo>
                    <a:pt x="728" y="484"/>
                  </a:lnTo>
                  <a:lnTo>
                    <a:pt x="736" y="484"/>
                  </a:lnTo>
                  <a:lnTo>
                    <a:pt x="742" y="482"/>
                  </a:lnTo>
                  <a:lnTo>
                    <a:pt x="748" y="478"/>
                  </a:lnTo>
                  <a:lnTo>
                    <a:pt x="752" y="474"/>
                  </a:lnTo>
                  <a:lnTo>
                    <a:pt x="756" y="470"/>
                  </a:lnTo>
                  <a:lnTo>
                    <a:pt x="760" y="464"/>
                  </a:lnTo>
                  <a:lnTo>
                    <a:pt x="762" y="458"/>
                  </a:lnTo>
                  <a:lnTo>
                    <a:pt x="762" y="450"/>
                  </a:lnTo>
                  <a:lnTo>
                    <a:pt x="762" y="450"/>
                  </a:lnTo>
                  <a:lnTo>
                    <a:pt x="762" y="444"/>
                  </a:lnTo>
                  <a:lnTo>
                    <a:pt x="760" y="438"/>
                  </a:lnTo>
                  <a:lnTo>
                    <a:pt x="756" y="432"/>
                  </a:lnTo>
                  <a:lnTo>
                    <a:pt x="752" y="426"/>
                  </a:lnTo>
                  <a:lnTo>
                    <a:pt x="748" y="422"/>
                  </a:lnTo>
                  <a:lnTo>
                    <a:pt x="742" y="420"/>
                  </a:lnTo>
                  <a:lnTo>
                    <a:pt x="736" y="418"/>
                  </a:lnTo>
                  <a:lnTo>
                    <a:pt x="728" y="416"/>
                  </a:lnTo>
                  <a:lnTo>
                    <a:pt x="594" y="416"/>
                  </a:lnTo>
                  <a:lnTo>
                    <a:pt x="594" y="416"/>
                  </a:lnTo>
                  <a:lnTo>
                    <a:pt x="590" y="378"/>
                  </a:lnTo>
                  <a:lnTo>
                    <a:pt x="590" y="378"/>
                  </a:lnTo>
                  <a:lnTo>
                    <a:pt x="618" y="376"/>
                  </a:lnTo>
                  <a:lnTo>
                    <a:pt x="634" y="374"/>
                  </a:lnTo>
                  <a:lnTo>
                    <a:pt x="650" y="370"/>
                  </a:lnTo>
                  <a:lnTo>
                    <a:pt x="664" y="364"/>
                  </a:lnTo>
                  <a:lnTo>
                    <a:pt x="680" y="356"/>
                  </a:lnTo>
                  <a:lnTo>
                    <a:pt x="696" y="346"/>
                  </a:lnTo>
                  <a:lnTo>
                    <a:pt x="710" y="334"/>
                  </a:lnTo>
                  <a:lnTo>
                    <a:pt x="710" y="334"/>
                  </a:lnTo>
                  <a:lnTo>
                    <a:pt x="720" y="322"/>
                  </a:lnTo>
                  <a:lnTo>
                    <a:pt x="730" y="310"/>
                  </a:lnTo>
                  <a:lnTo>
                    <a:pt x="738" y="296"/>
                  </a:lnTo>
                  <a:lnTo>
                    <a:pt x="744" y="280"/>
                  </a:lnTo>
                  <a:lnTo>
                    <a:pt x="748" y="264"/>
                  </a:lnTo>
                  <a:lnTo>
                    <a:pt x="752" y="246"/>
                  </a:lnTo>
                  <a:lnTo>
                    <a:pt x="754" y="228"/>
                  </a:lnTo>
                  <a:lnTo>
                    <a:pt x="756" y="208"/>
                  </a:lnTo>
                  <a:lnTo>
                    <a:pt x="756" y="208"/>
                  </a:lnTo>
                  <a:lnTo>
                    <a:pt x="754" y="202"/>
                  </a:lnTo>
                  <a:lnTo>
                    <a:pt x="752" y="194"/>
                  </a:lnTo>
                  <a:lnTo>
                    <a:pt x="750" y="188"/>
                  </a:lnTo>
                  <a:lnTo>
                    <a:pt x="746" y="184"/>
                  </a:lnTo>
                  <a:lnTo>
                    <a:pt x="740" y="180"/>
                  </a:lnTo>
                  <a:lnTo>
                    <a:pt x="734" y="176"/>
                  </a:lnTo>
                  <a:lnTo>
                    <a:pt x="728" y="174"/>
                  </a:lnTo>
                  <a:lnTo>
                    <a:pt x="722" y="174"/>
                  </a:lnTo>
                  <a:lnTo>
                    <a:pt x="722" y="174"/>
                  </a:lnTo>
                  <a:lnTo>
                    <a:pt x="714" y="174"/>
                  </a:lnTo>
                  <a:lnTo>
                    <a:pt x="708" y="176"/>
                  </a:lnTo>
                  <a:lnTo>
                    <a:pt x="702" y="180"/>
                  </a:lnTo>
                  <a:lnTo>
                    <a:pt x="698" y="184"/>
                  </a:lnTo>
                  <a:lnTo>
                    <a:pt x="694" y="188"/>
                  </a:lnTo>
                  <a:lnTo>
                    <a:pt x="690" y="194"/>
                  </a:lnTo>
                  <a:lnTo>
                    <a:pt x="688" y="202"/>
                  </a:lnTo>
                  <a:lnTo>
                    <a:pt x="688" y="208"/>
                  </a:lnTo>
                  <a:lnTo>
                    <a:pt x="688" y="208"/>
                  </a:lnTo>
                  <a:lnTo>
                    <a:pt x="686" y="232"/>
                  </a:lnTo>
                  <a:lnTo>
                    <a:pt x="680" y="254"/>
                  </a:lnTo>
                  <a:lnTo>
                    <a:pt x="674" y="272"/>
                  </a:lnTo>
                  <a:lnTo>
                    <a:pt x="662" y="286"/>
                  </a:lnTo>
                  <a:lnTo>
                    <a:pt x="662" y="286"/>
                  </a:lnTo>
                  <a:lnTo>
                    <a:pt x="654" y="294"/>
                  </a:lnTo>
                  <a:lnTo>
                    <a:pt x="642" y="300"/>
                  </a:lnTo>
                  <a:lnTo>
                    <a:pt x="632" y="304"/>
                  </a:lnTo>
                  <a:lnTo>
                    <a:pt x="620" y="306"/>
                  </a:lnTo>
                  <a:lnTo>
                    <a:pt x="598" y="310"/>
                  </a:lnTo>
                  <a:lnTo>
                    <a:pt x="578" y="310"/>
                  </a:lnTo>
                  <a:lnTo>
                    <a:pt x="578" y="310"/>
                  </a:lnTo>
                  <a:lnTo>
                    <a:pt x="572" y="290"/>
                  </a:lnTo>
                  <a:lnTo>
                    <a:pt x="564" y="270"/>
                  </a:lnTo>
                  <a:lnTo>
                    <a:pt x="556" y="250"/>
                  </a:lnTo>
                  <a:lnTo>
                    <a:pt x="546" y="232"/>
                  </a:lnTo>
                  <a:lnTo>
                    <a:pt x="546" y="232"/>
                  </a:lnTo>
                  <a:lnTo>
                    <a:pt x="536" y="218"/>
                  </a:lnTo>
                  <a:lnTo>
                    <a:pt x="536" y="218"/>
                  </a:lnTo>
                  <a:lnTo>
                    <a:pt x="536" y="216"/>
                  </a:lnTo>
                  <a:lnTo>
                    <a:pt x="536" y="216"/>
                  </a:lnTo>
                  <a:lnTo>
                    <a:pt x="534" y="214"/>
                  </a:lnTo>
                  <a:lnTo>
                    <a:pt x="532" y="212"/>
                  </a:lnTo>
                  <a:lnTo>
                    <a:pt x="532" y="212"/>
                  </a:lnTo>
                  <a:lnTo>
                    <a:pt x="532" y="210"/>
                  </a:lnTo>
                  <a:lnTo>
                    <a:pt x="532" y="210"/>
                  </a:lnTo>
                  <a:lnTo>
                    <a:pt x="518" y="192"/>
                  </a:lnTo>
                  <a:lnTo>
                    <a:pt x="518" y="192"/>
                  </a:lnTo>
                  <a:lnTo>
                    <a:pt x="516" y="190"/>
                  </a:lnTo>
                  <a:lnTo>
                    <a:pt x="516" y="190"/>
                  </a:lnTo>
                  <a:lnTo>
                    <a:pt x="500" y="174"/>
                  </a:lnTo>
                  <a:lnTo>
                    <a:pt x="500" y="174"/>
                  </a:lnTo>
                  <a:lnTo>
                    <a:pt x="500" y="174"/>
                  </a:lnTo>
                  <a:lnTo>
                    <a:pt x="488" y="162"/>
                  </a:lnTo>
                  <a:lnTo>
                    <a:pt x="474" y="150"/>
                  </a:lnTo>
                  <a:lnTo>
                    <a:pt x="458" y="142"/>
                  </a:lnTo>
                  <a:lnTo>
                    <a:pt x="444" y="134"/>
                  </a:lnTo>
                  <a:lnTo>
                    <a:pt x="444" y="134"/>
                  </a:lnTo>
                  <a:lnTo>
                    <a:pt x="442" y="134"/>
                  </a:lnTo>
                  <a:lnTo>
                    <a:pt x="442" y="134"/>
                  </a:lnTo>
                  <a:lnTo>
                    <a:pt x="424" y="128"/>
                  </a:lnTo>
                  <a:lnTo>
                    <a:pt x="424" y="128"/>
                  </a:lnTo>
                  <a:lnTo>
                    <a:pt x="422" y="126"/>
                  </a:lnTo>
                  <a:lnTo>
                    <a:pt x="422" y="126"/>
                  </a:lnTo>
                  <a:lnTo>
                    <a:pt x="422" y="112"/>
                  </a:lnTo>
                  <a:lnTo>
                    <a:pt x="426" y="96"/>
                  </a:lnTo>
                  <a:lnTo>
                    <a:pt x="430" y="82"/>
                  </a:lnTo>
                  <a:lnTo>
                    <a:pt x="436" y="66"/>
                  </a:lnTo>
                  <a:lnTo>
                    <a:pt x="444" y="54"/>
                  </a:lnTo>
                  <a:lnTo>
                    <a:pt x="452" y="42"/>
                  </a:lnTo>
                  <a:lnTo>
                    <a:pt x="464" y="36"/>
                  </a:lnTo>
                  <a:lnTo>
                    <a:pt x="472" y="34"/>
                  </a:lnTo>
                  <a:lnTo>
                    <a:pt x="480" y="34"/>
                  </a:lnTo>
                  <a:lnTo>
                    <a:pt x="480" y="34"/>
                  </a:lnTo>
                  <a:lnTo>
                    <a:pt x="486" y="32"/>
                  </a:lnTo>
                  <a:lnTo>
                    <a:pt x="492" y="28"/>
                  </a:lnTo>
                  <a:lnTo>
                    <a:pt x="494" y="24"/>
                  </a:lnTo>
                  <a:lnTo>
                    <a:pt x="496" y="16"/>
                  </a:lnTo>
                  <a:lnTo>
                    <a:pt x="496" y="16"/>
                  </a:lnTo>
                  <a:lnTo>
                    <a:pt x="494" y="10"/>
                  </a:lnTo>
                  <a:lnTo>
                    <a:pt x="492" y="4"/>
                  </a:lnTo>
                  <a:lnTo>
                    <a:pt x="486" y="0"/>
                  </a:lnTo>
                  <a:lnTo>
                    <a:pt x="480" y="0"/>
                  </a:lnTo>
                  <a:lnTo>
                    <a:pt x="480" y="0"/>
                  </a:lnTo>
                  <a:lnTo>
                    <a:pt x="468" y="0"/>
                  </a:lnTo>
                  <a:lnTo>
                    <a:pt x="456" y="2"/>
                  </a:lnTo>
                  <a:lnTo>
                    <a:pt x="448" y="6"/>
                  </a:lnTo>
                  <a:lnTo>
                    <a:pt x="438" y="12"/>
                  </a:lnTo>
                  <a:lnTo>
                    <a:pt x="430" y="18"/>
                  </a:lnTo>
                  <a:lnTo>
                    <a:pt x="422" y="24"/>
                  </a:lnTo>
                  <a:lnTo>
                    <a:pt x="410" y="42"/>
                  </a:lnTo>
                  <a:lnTo>
                    <a:pt x="400" y="60"/>
                  </a:lnTo>
                  <a:lnTo>
                    <a:pt x="394" y="80"/>
                  </a:lnTo>
                  <a:lnTo>
                    <a:pt x="390" y="102"/>
                  </a:lnTo>
                  <a:lnTo>
                    <a:pt x="388" y="122"/>
                  </a:lnTo>
                  <a:lnTo>
                    <a:pt x="388" y="122"/>
                  </a:lnTo>
                  <a:lnTo>
                    <a:pt x="380" y="122"/>
                  </a:lnTo>
                  <a:lnTo>
                    <a:pt x="380" y="122"/>
                  </a:lnTo>
                  <a:lnTo>
                    <a:pt x="374" y="122"/>
                  </a:lnTo>
                  <a:lnTo>
                    <a:pt x="374" y="122"/>
                  </a:lnTo>
                  <a:lnTo>
                    <a:pt x="372" y="102"/>
                  </a:lnTo>
                  <a:lnTo>
                    <a:pt x="368" y="84"/>
                  </a:lnTo>
                  <a:lnTo>
                    <a:pt x="362" y="66"/>
                  </a:lnTo>
                  <a:lnTo>
                    <a:pt x="356" y="50"/>
                  </a:lnTo>
                  <a:lnTo>
                    <a:pt x="356" y="50"/>
                  </a:lnTo>
                  <a:lnTo>
                    <a:pt x="348" y="38"/>
                  </a:lnTo>
                  <a:lnTo>
                    <a:pt x="342" y="28"/>
                  </a:lnTo>
                  <a:lnTo>
                    <a:pt x="334" y="20"/>
                  </a:lnTo>
                  <a:lnTo>
                    <a:pt x="324" y="12"/>
                  </a:lnTo>
                  <a:lnTo>
                    <a:pt x="314" y="6"/>
                  </a:lnTo>
                  <a:lnTo>
                    <a:pt x="304" y="2"/>
                  </a:lnTo>
                  <a:lnTo>
                    <a:pt x="294" y="0"/>
                  </a:lnTo>
                  <a:lnTo>
                    <a:pt x="282" y="0"/>
                  </a:lnTo>
                  <a:lnTo>
                    <a:pt x="282" y="0"/>
                  </a:lnTo>
                  <a:lnTo>
                    <a:pt x="276" y="0"/>
                  </a:lnTo>
                  <a:lnTo>
                    <a:pt x="270" y="4"/>
                  </a:lnTo>
                  <a:lnTo>
                    <a:pt x="266" y="10"/>
                  </a:lnTo>
                  <a:lnTo>
                    <a:pt x="266" y="16"/>
                  </a:lnTo>
                  <a:lnTo>
                    <a:pt x="266" y="16"/>
                  </a:lnTo>
                  <a:lnTo>
                    <a:pt x="266" y="24"/>
                  </a:lnTo>
                  <a:lnTo>
                    <a:pt x="270" y="28"/>
                  </a:lnTo>
                  <a:lnTo>
                    <a:pt x="276" y="32"/>
                  </a:lnTo>
                  <a:lnTo>
                    <a:pt x="282" y="34"/>
                  </a:lnTo>
                  <a:lnTo>
                    <a:pt x="282" y="34"/>
                  </a:lnTo>
                  <a:lnTo>
                    <a:pt x="296" y="36"/>
                  </a:lnTo>
                  <a:lnTo>
                    <a:pt x="306" y="42"/>
                  </a:lnTo>
                  <a:lnTo>
                    <a:pt x="316" y="52"/>
                  </a:lnTo>
                  <a:lnTo>
                    <a:pt x="326" y="64"/>
                  </a:lnTo>
                  <a:lnTo>
                    <a:pt x="326" y="64"/>
                  </a:lnTo>
                  <a:lnTo>
                    <a:pt x="332" y="80"/>
                  </a:lnTo>
                  <a:lnTo>
                    <a:pt x="336" y="96"/>
                  </a:lnTo>
                  <a:lnTo>
                    <a:pt x="338" y="112"/>
                  </a:lnTo>
                  <a:lnTo>
                    <a:pt x="340" y="126"/>
                  </a:lnTo>
                  <a:lnTo>
                    <a:pt x="340" y="126"/>
                  </a:lnTo>
                  <a:lnTo>
                    <a:pt x="322" y="132"/>
                  </a:lnTo>
                  <a:lnTo>
                    <a:pt x="306" y="140"/>
                  </a:lnTo>
                  <a:lnTo>
                    <a:pt x="288" y="150"/>
                  </a:lnTo>
                  <a:lnTo>
                    <a:pt x="274" y="162"/>
                  </a:lnTo>
                  <a:lnTo>
                    <a:pt x="258" y="176"/>
                  </a:lnTo>
                  <a:lnTo>
                    <a:pt x="244" y="190"/>
                  </a:lnTo>
                  <a:lnTo>
                    <a:pt x="232" y="206"/>
                  </a:lnTo>
                  <a:lnTo>
                    <a:pt x="220" y="224"/>
                  </a:lnTo>
                  <a:lnTo>
                    <a:pt x="216" y="232"/>
                  </a:lnTo>
                  <a:lnTo>
                    <a:pt x="216" y="232"/>
                  </a:lnTo>
                  <a:lnTo>
                    <a:pt x="216" y="232"/>
                  </a:lnTo>
                  <a:lnTo>
                    <a:pt x="206" y="250"/>
                  </a:lnTo>
                  <a:lnTo>
                    <a:pt x="198" y="268"/>
                  </a:lnTo>
                  <a:lnTo>
                    <a:pt x="190" y="290"/>
                  </a:lnTo>
                  <a:lnTo>
                    <a:pt x="184" y="310"/>
                  </a:lnTo>
                  <a:lnTo>
                    <a:pt x="184" y="310"/>
                  </a:lnTo>
                  <a:lnTo>
                    <a:pt x="164" y="310"/>
                  </a:lnTo>
                  <a:lnTo>
                    <a:pt x="142" y="306"/>
                  </a:lnTo>
                  <a:lnTo>
                    <a:pt x="130" y="304"/>
                  </a:lnTo>
                  <a:lnTo>
                    <a:pt x="118" y="300"/>
                  </a:lnTo>
                  <a:lnTo>
                    <a:pt x="108" y="294"/>
                  </a:lnTo>
                  <a:lnTo>
                    <a:pt x="100" y="286"/>
                  </a:lnTo>
                  <a:lnTo>
                    <a:pt x="100" y="286"/>
                  </a:lnTo>
                  <a:lnTo>
                    <a:pt x="88" y="272"/>
                  </a:lnTo>
                  <a:lnTo>
                    <a:pt x="80" y="254"/>
                  </a:lnTo>
                  <a:lnTo>
                    <a:pt x="76" y="232"/>
                  </a:lnTo>
                  <a:lnTo>
                    <a:pt x="74" y="208"/>
                  </a:lnTo>
                  <a:lnTo>
                    <a:pt x="74" y="208"/>
                  </a:lnTo>
                  <a:lnTo>
                    <a:pt x="74" y="202"/>
                  </a:lnTo>
                  <a:lnTo>
                    <a:pt x="72" y="194"/>
                  </a:lnTo>
                  <a:lnTo>
                    <a:pt x="68" y="188"/>
                  </a:lnTo>
                  <a:lnTo>
                    <a:pt x="64" y="184"/>
                  </a:lnTo>
                  <a:lnTo>
                    <a:pt x="60" y="180"/>
                  </a:lnTo>
                  <a:lnTo>
                    <a:pt x="54" y="176"/>
                  </a:lnTo>
                  <a:lnTo>
                    <a:pt x="48" y="174"/>
                  </a:lnTo>
                  <a:lnTo>
                    <a:pt x="40" y="174"/>
                  </a:lnTo>
                  <a:lnTo>
                    <a:pt x="40" y="174"/>
                  </a:lnTo>
                  <a:lnTo>
                    <a:pt x="34" y="174"/>
                  </a:lnTo>
                  <a:lnTo>
                    <a:pt x="26" y="176"/>
                  </a:lnTo>
                  <a:lnTo>
                    <a:pt x="22" y="180"/>
                  </a:lnTo>
                  <a:lnTo>
                    <a:pt x="16" y="184"/>
                  </a:lnTo>
                  <a:lnTo>
                    <a:pt x="12" y="188"/>
                  </a:lnTo>
                  <a:lnTo>
                    <a:pt x="8" y="194"/>
                  </a:lnTo>
                  <a:lnTo>
                    <a:pt x="6" y="202"/>
                  </a:lnTo>
                  <a:lnTo>
                    <a:pt x="6" y="208"/>
                  </a:lnTo>
                  <a:lnTo>
                    <a:pt x="6" y="208"/>
                  </a:lnTo>
                  <a:lnTo>
                    <a:pt x="6" y="228"/>
                  </a:lnTo>
                  <a:lnTo>
                    <a:pt x="10" y="246"/>
                  </a:lnTo>
                  <a:lnTo>
                    <a:pt x="12" y="264"/>
                  </a:lnTo>
                  <a:lnTo>
                    <a:pt x="18" y="280"/>
                  </a:lnTo>
                  <a:lnTo>
                    <a:pt x="24" y="296"/>
                  </a:lnTo>
                  <a:lnTo>
                    <a:pt x="32" y="310"/>
                  </a:lnTo>
                  <a:lnTo>
                    <a:pt x="40" y="322"/>
                  </a:lnTo>
                  <a:lnTo>
                    <a:pt x="52" y="334"/>
                  </a:lnTo>
                  <a:lnTo>
                    <a:pt x="52" y="334"/>
                  </a:lnTo>
                  <a:lnTo>
                    <a:pt x="66" y="346"/>
                  </a:lnTo>
                  <a:lnTo>
                    <a:pt x="80" y="356"/>
                  </a:lnTo>
                  <a:lnTo>
                    <a:pt x="96" y="364"/>
                  </a:lnTo>
                  <a:lnTo>
                    <a:pt x="112" y="370"/>
                  </a:lnTo>
                  <a:lnTo>
                    <a:pt x="128" y="374"/>
                  </a:lnTo>
                  <a:lnTo>
                    <a:pt x="144" y="376"/>
                  </a:lnTo>
                  <a:lnTo>
                    <a:pt x="170" y="378"/>
                  </a:lnTo>
                  <a:lnTo>
                    <a:pt x="170" y="378"/>
                  </a:lnTo>
                  <a:lnTo>
                    <a:pt x="168" y="416"/>
                  </a:lnTo>
                  <a:lnTo>
                    <a:pt x="34" y="416"/>
                  </a:lnTo>
                  <a:lnTo>
                    <a:pt x="34" y="416"/>
                  </a:lnTo>
                  <a:lnTo>
                    <a:pt x="26" y="418"/>
                  </a:lnTo>
                  <a:lnTo>
                    <a:pt x="20" y="420"/>
                  </a:lnTo>
                  <a:lnTo>
                    <a:pt x="14" y="422"/>
                  </a:lnTo>
                  <a:lnTo>
                    <a:pt x="10" y="426"/>
                  </a:lnTo>
                  <a:lnTo>
                    <a:pt x="6" y="432"/>
                  </a:lnTo>
                  <a:lnTo>
                    <a:pt x="2" y="438"/>
                  </a:lnTo>
                  <a:lnTo>
                    <a:pt x="0" y="444"/>
                  </a:lnTo>
                  <a:lnTo>
                    <a:pt x="0" y="450"/>
                  </a:lnTo>
                  <a:lnTo>
                    <a:pt x="0" y="450"/>
                  </a:lnTo>
                  <a:lnTo>
                    <a:pt x="0" y="458"/>
                  </a:lnTo>
                  <a:lnTo>
                    <a:pt x="2" y="464"/>
                  </a:lnTo>
                  <a:lnTo>
                    <a:pt x="6" y="470"/>
                  </a:lnTo>
                  <a:lnTo>
                    <a:pt x="10" y="474"/>
                  </a:lnTo>
                  <a:lnTo>
                    <a:pt x="14" y="478"/>
                  </a:lnTo>
                  <a:lnTo>
                    <a:pt x="20" y="482"/>
                  </a:lnTo>
                  <a:lnTo>
                    <a:pt x="26" y="484"/>
                  </a:lnTo>
                  <a:lnTo>
                    <a:pt x="34" y="484"/>
                  </a:lnTo>
                  <a:lnTo>
                    <a:pt x="172" y="484"/>
                  </a:lnTo>
                  <a:lnTo>
                    <a:pt x="172" y="484"/>
                  </a:lnTo>
                  <a:lnTo>
                    <a:pt x="178" y="524"/>
                  </a:lnTo>
                  <a:lnTo>
                    <a:pt x="178" y="524"/>
                  </a:lnTo>
                  <a:lnTo>
                    <a:pt x="150" y="524"/>
                  </a:lnTo>
                  <a:lnTo>
                    <a:pt x="134" y="526"/>
                  </a:lnTo>
                  <a:lnTo>
                    <a:pt x="118" y="530"/>
                  </a:lnTo>
                  <a:lnTo>
                    <a:pt x="100" y="536"/>
                  </a:lnTo>
                  <a:lnTo>
                    <a:pt x="84" y="544"/>
                  </a:lnTo>
                  <a:lnTo>
                    <a:pt x="66" y="554"/>
                  </a:lnTo>
                  <a:lnTo>
                    <a:pt x="52" y="568"/>
                  </a:lnTo>
                  <a:lnTo>
                    <a:pt x="52" y="568"/>
                  </a:lnTo>
                  <a:lnTo>
                    <a:pt x="40" y="578"/>
                  </a:lnTo>
                  <a:lnTo>
                    <a:pt x="32" y="592"/>
                  </a:lnTo>
                  <a:lnTo>
                    <a:pt x="24" y="606"/>
                  </a:lnTo>
                  <a:lnTo>
                    <a:pt x="18" y="622"/>
                  </a:lnTo>
                  <a:lnTo>
                    <a:pt x="12" y="638"/>
                  </a:lnTo>
                  <a:lnTo>
                    <a:pt x="10" y="656"/>
                  </a:lnTo>
                  <a:lnTo>
                    <a:pt x="6" y="674"/>
                  </a:lnTo>
                  <a:lnTo>
                    <a:pt x="6" y="694"/>
                  </a:lnTo>
                  <a:lnTo>
                    <a:pt x="6" y="694"/>
                  </a:lnTo>
                  <a:lnTo>
                    <a:pt x="6" y="700"/>
                  </a:lnTo>
                  <a:lnTo>
                    <a:pt x="8" y="706"/>
                  </a:lnTo>
                  <a:lnTo>
                    <a:pt x="12" y="712"/>
                  </a:lnTo>
                  <a:lnTo>
                    <a:pt x="16" y="718"/>
                  </a:lnTo>
                  <a:lnTo>
                    <a:pt x="22" y="722"/>
                  </a:lnTo>
                  <a:lnTo>
                    <a:pt x="26" y="724"/>
                  </a:lnTo>
                  <a:lnTo>
                    <a:pt x="34" y="726"/>
                  </a:lnTo>
                  <a:lnTo>
                    <a:pt x="40" y="728"/>
                  </a:lnTo>
                  <a:lnTo>
                    <a:pt x="40" y="728"/>
                  </a:lnTo>
                  <a:lnTo>
                    <a:pt x="48" y="726"/>
                  </a:lnTo>
                  <a:lnTo>
                    <a:pt x="54" y="724"/>
                  </a:lnTo>
                  <a:lnTo>
                    <a:pt x="60" y="722"/>
                  </a:lnTo>
                  <a:lnTo>
                    <a:pt x="64" y="718"/>
                  </a:lnTo>
                  <a:lnTo>
                    <a:pt x="68" y="712"/>
                  </a:lnTo>
                  <a:lnTo>
                    <a:pt x="72" y="706"/>
                  </a:lnTo>
                  <a:lnTo>
                    <a:pt x="74" y="700"/>
                  </a:lnTo>
                  <a:lnTo>
                    <a:pt x="74" y="694"/>
                  </a:lnTo>
                  <a:lnTo>
                    <a:pt x="74" y="694"/>
                  </a:lnTo>
                  <a:lnTo>
                    <a:pt x="76" y="668"/>
                  </a:lnTo>
                  <a:lnTo>
                    <a:pt x="80" y="648"/>
                  </a:lnTo>
                  <a:lnTo>
                    <a:pt x="88" y="630"/>
                  </a:lnTo>
                  <a:lnTo>
                    <a:pt x="100" y="616"/>
                  </a:lnTo>
                  <a:lnTo>
                    <a:pt x="100" y="616"/>
                  </a:lnTo>
                  <a:lnTo>
                    <a:pt x="110" y="608"/>
                  </a:lnTo>
                  <a:lnTo>
                    <a:pt x="122" y="602"/>
                  </a:lnTo>
                  <a:lnTo>
                    <a:pt x="134" y="596"/>
                  </a:lnTo>
                  <a:lnTo>
                    <a:pt x="146" y="594"/>
                  </a:lnTo>
                  <a:lnTo>
                    <a:pt x="170" y="592"/>
                  </a:lnTo>
                  <a:lnTo>
                    <a:pt x="190" y="592"/>
                  </a:lnTo>
                  <a:lnTo>
                    <a:pt x="198" y="592"/>
                  </a:lnTo>
                  <a:lnTo>
                    <a:pt x="198" y="592"/>
                  </a:lnTo>
                  <a:lnTo>
                    <a:pt x="200" y="592"/>
                  </a:lnTo>
                  <a:lnTo>
                    <a:pt x="200" y="592"/>
                  </a:lnTo>
                  <a:lnTo>
                    <a:pt x="216" y="622"/>
                  </a:lnTo>
                  <a:lnTo>
                    <a:pt x="234" y="648"/>
                  </a:lnTo>
                  <a:lnTo>
                    <a:pt x="254" y="672"/>
                  </a:lnTo>
                  <a:lnTo>
                    <a:pt x="276" y="692"/>
                  </a:lnTo>
                  <a:lnTo>
                    <a:pt x="300" y="708"/>
                  </a:lnTo>
                  <a:lnTo>
                    <a:pt x="326" y="720"/>
                  </a:lnTo>
                  <a:lnTo>
                    <a:pt x="338" y="726"/>
                  </a:lnTo>
                  <a:lnTo>
                    <a:pt x="352" y="728"/>
                  </a:lnTo>
                  <a:lnTo>
                    <a:pt x="366" y="730"/>
                  </a:lnTo>
                  <a:lnTo>
                    <a:pt x="380" y="730"/>
                  </a:lnTo>
                  <a:lnTo>
                    <a:pt x="380" y="730"/>
                  </a:lnTo>
                  <a:lnTo>
                    <a:pt x="394" y="730"/>
                  </a:lnTo>
                  <a:lnTo>
                    <a:pt x="408" y="728"/>
                  </a:lnTo>
                  <a:lnTo>
                    <a:pt x="422" y="726"/>
                  </a:lnTo>
                  <a:lnTo>
                    <a:pt x="436" y="720"/>
                  </a:lnTo>
                  <a:lnTo>
                    <a:pt x="462" y="708"/>
                  </a:lnTo>
                  <a:lnTo>
                    <a:pt x="486" y="692"/>
                  </a:lnTo>
                  <a:lnTo>
                    <a:pt x="508" y="672"/>
                  </a:lnTo>
                  <a:lnTo>
                    <a:pt x="528" y="648"/>
                  </a:lnTo>
                  <a:lnTo>
                    <a:pt x="546" y="622"/>
                  </a:lnTo>
                  <a:lnTo>
                    <a:pt x="560" y="592"/>
                  </a:lnTo>
                  <a:lnTo>
                    <a:pt x="560" y="592"/>
                  </a:lnTo>
                  <a:lnTo>
                    <a:pt x="564" y="592"/>
                  </a:lnTo>
                  <a:lnTo>
                    <a:pt x="570" y="592"/>
                  </a:lnTo>
                  <a:lnTo>
                    <a:pt x="570" y="592"/>
                  </a:lnTo>
                  <a:lnTo>
                    <a:pt x="592" y="592"/>
                  </a:lnTo>
                  <a:lnTo>
                    <a:pt x="616" y="594"/>
                  </a:lnTo>
                  <a:lnTo>
                    <a:pt x="628" y="596"/>
                  </a:lnTo>
                  <a:lnTo>
                    <a:pt x="640" y="602"/>
                  </a:lnTo>
                  <a:lnTo>
                    <a:pt x="652" y="608"/>
                  </a:lnTo>
                  <a:lnTo>
                    <a:pt x="662" y="616"/>
                  </a:lnTo>
                  <a:lnTo>
                    <a:pt x="662" y="616"/>
                  </a:lnTo>
                  <a:lnTo>
                    <a:pt x="674" y="630"/>
                  </a:lnTo>
                  <a:lnTo>
                    <a:pt x="680" y="648"/>
                  </a:lnTo>
                  <a:lnTo>
                    <a:pt x="686" y="668"/>
                  </a:lnTo>
                  <a:lnTo>
                    <a:pt x="688" y="694"/>
                  </a:lnTo>
                  <a:lnTo>
                    <a:pt x="688" y="694"/>
                  </a:lnTo>
                  <a:lnTo>
                    <a:pt x="688" y="700"/>
                  </a:lnTo>
                  <a:lnTo>
                    <a:pt x="690" y="706"/>
                  </a:lnTo>
                  <a:lnTo>
                    <a:pt x="694" y="712"/>
                  </a:lnTo>
                  <a:lnTo>
                    <a:pt x="698" y="718"/>
                  </a:lnTo>
                  <a:lnTo>
                    <a:pt x="702" y="722"/>
                  </a:lnTo>
                  <a:lnTo>
                    <a:pt x="708" y="724"/>
                  </a:lnTo>
                  <a:lnTo>
                    <a:pt x="714" y="726"/>
                  </a:lnTo>
                  <a:lnTo>
                    <a:pt x="722" y="728"/>
                  </a:lnTo>
                  <a:lnTo>
                    <a:pt x="722" y="728"/>
                  </a:lnTo>
                  <a:lnTo>
                    <a:pt x="728" y="726"/>
                  </a:lnTo>
                  <a:lnTo>
                    <a:pt x="734" y="724"/>
                  </a:lnTo>
                  <a:lnTo>
                    <a:pt x="740" y="722"/>
                  </a:lnTo>
                  <a:lnTo>
                    <a:pt x="746" y="718"/>
                  </a:lnTo>
                  <a:lnTo>
                    <a:pt x="750" y="712"/>
                  </a:lnTo>
                  <a:lnTo>
                    <a:pt x="752" y="706"/>
                  </a:lnTo>
                  <a:lnTo>
                    <a:pt x="754" y="700"/>
                  </a:lnTo>
                  <a:lnTo>
                    <a:pt x="756" y="694"/>
                  </a:lnTo>
                  <a:lnTo>
                    <a:pt x="756" y="694"/>
                  </a:lnTo>
                  <a:lnTo>
                    <a:pt x="754" y="674"/>
                  </a:lnTo>
                  <a:lnTo>
                    <a:pt x="752" y="656"/>
                  </a:lnTo>
                  <a:lnTo>
                    <a:pt x="748" y="638"/>
                  </a:lnTo>
                  <a:lnTo>
                    <a:pt x="744" y="622"/>
                  </a:lnTo>
                  <a:lnTo>
                    <a:pt x="738" y="606"/>
                  </a:lnTo>
                  <a:lnTo>
                    <a:pt x="730" y="592"/>
                  </a:lnTo>
                  <a:lnTo>
                    <a:pt x="720" y="578"/>
                  </a:lnTo>
                  <a:lnTo>
                    <a:pt x="710" y="568"/>
                  </a:lnTo>
                  <a:lnTo>
                    <a:pt x="710" y="568"/>
                  </a:lnTo>
                  <a:lnTo>
                    <a:pt x="694" y="554"/>
                  </a:lnTo>
                  <a:lnTo>
                    <a:pt x="678" y="544"/>
                  </a:lnTo>
                  <a:lnTo>
                    <a:pt x="660" y="536"/>
                  </a:lnTo>
                  <a:lnTo>
                    <a:pt x="644" y="530"/>
                  </a:lnTo>
                  <a:lnTo>
                    <a:pt x="626" y="526"/>
                  </a:lnTo>
                  <a:lnTo>
                    <a:pt x="610" y="524"/>
                  </a:lnTo>
                  <a:lnTo>
                    <a:pt x="582" y="524"/>
                  </a:lnTo>
                  <a:lnTo>
                    <a:pt x="582" y="524"/>
                  </a:lnTo>
                  <a:close/>
                  <a:moveTo>
                    <a:pt x="236" y="426"/>
                  </a:moveTo>
                  <a:lnTo>
                    <a:pt x="236" y="426"/>
                  </a:lnTo>
                  <a:lnTo>
                    <a:pt x="238" y="390"/>
                  </a:lnTo>
                  <a:lnTo>
                    <a:pt x="242" y="354"/>
                  </a:lnTo>
                  <a:lnTo>
                    <a:pt x="252" y="322"/>
                  </a:lnTo>
                  <a:lnTo>
                    <a:pt x="262" y="290"/>
                  </a:lnTo>
                  <a:lnTo>
                    <a:pt x="262" y="290"/>
                  </a:lnTo>
                  <a:lnTo>
                    <a:pt x="286" y="310"/>
                  </a:lnTo>
                  <a:lnTo>
                    <a:pt x="310" y="324"/>
                  </a:lnTo>
                  <a:lnTo>
                    <a:pt x="336" y="334"/>
                  </a:lnTo>
                  <a:lnTo>
                    <a:pt x="350" y="338"/>
                  </a:lnTo>
                  <a:lnTo>
                    <a:pt x="364" y="340"/>
                  </a:lnTo>
                  <a:lnTo>
                    <a:pt x="364" y="660"/>
                  </a:lnTo>
                  <a:lnTo>
                    <a:pt x="364" y="660"/>
                  </a:lnTo>
                  <a:lnTo>
                    <a:pt x="364" y="660"/>
                  </a:lnTo>
                  <a:lnTo>
                    <a:pt x="364" y="660"/>
                  </a:lnTo>
                  <a:lnTo>
                    <a:pt x="350" y="658"/>
                  </a:lnTo>
                  <a:lnTo>
                    <a:pt x="338" y="652"/>
                  </a:lnTo>
                  <a:lnTo>
                    <a:pt x="326" y="644"/>
                  </a:lnTo>
                  <a:lnTo>
                    <a:pt x="314" y="636"/>
                  </a:lnTo>
                  <a:lnTo>
                    <a:pt x="302" y="624"/>
                  </a:lnTo>
                  <a:lnTo>
                    <a:pt x="292" y="612"/>
                  </a:lnTo>
                  <a:lnTo>
                    <a:pt x="282" y="598"/>
                  </a:lnTo>
                  <a:lnTo>
                    <a:pt x="274" y="582"/>
                  </a:lnTo>
                  <a:lnTo>
                    <a:pt x="264" y="566"/>
                  </a:lnTo>
                  <a:lnTo>
                    <a:pt x="258" y="548"/>
                  </a:lnTo>
                  <a:lnTo>
                    <a:pt x="252" y="530"/>
                  </a:lnTo>
                  <a:lnTo>
                    <a:pt x="246" y="510"/>
                  </a:lnTo>
                  <a:lnTo>
                    <a:pt x="242" y="490"/>
                  </a:lnTo>
                  <a:lnTo>
                    <a:pt x="238" y="470"/>
                  </a:lnTo>
                  <a:lnTo>
                    <a:pt x="236" y="448"/>
                  </a:lnTo>
                  <a:lnTo>
                    <a:pt x="236" y="426"/>
                  </a:lnTo>
                  <a:lnTo>
                    <a:pt x="236" y="426"/>
                  </a:lnTo>
                  <a:close/>
                  <a:moveTo>
                    <a:pt x="398" y="660"/>
                  </a:moveTo>
                  <a:lnTo>
                    <a:pt x="398" y="660"/>
                  </a:lnTo>
                  <a:lnTo>
                    <a:pt x="398" y="660"/>
                  </a:lnTo>
                  <a:lnTo>
                    <a:pt x="398" y="340"/>
                  </a:lnTo>
                  <a:lnTo>
                    <a:pt x="398" y="340"/>
                  </a:lnTo>
                  <a:lnTo>
                    <a:pt x="412" y="338"/>
                  </a:lnTo>
                  <a:lnTo>
                    <a:pt x="424" y="334"/>
                  </a:lnTo>
                  <a:lnTo>
                    <a:pt x="450" y="324"/>
                  </a:lnTo>
                  <a:lnTo>
                    <a:pt x="476" y="310"/>
                  </a:lnTo>
                  <a:lnTo>
                    <a:pt x="500" y="290"/>
                  </a:lnTo>
                  <a:lnTo>
                    <a:pt x="500" y="290"/>
                  </a:lnTo>
                  <a:lnTo>
                    <a:pt x="510" y="322"/>
                  </a:lnTo>
                  <a:lnTo>
                    <a:pt x="518" y="354"/>
                  </a:lnTo>
                  <a:lnTo>
                    <a:pt x="524" y="390"/>
                  </a:lnTo>
                  <a:lnTo>
                    <a:pt x="526" y="426"/>
                  </a:lnTo>
                  <a:lnTo>
                    <a:pt x="526" y="426"/>
                  </a:lnTo>
                  <a:lnTo>
                    <a:pt x="526" y="448"/>
                  </a:lnTo>
                  <a:lnTo>
                    <a:pt x="524" y="470"/>
                  </a:lnTo>
                  <a:lnTo>
                    <a:pt x="520" y="490"/>
                  </a:lnTo>
                  <a:lnTo>
                    <a:pt x="516" y="510"/>
                  </a:lnTo>
                  <a:lnTo>
                    <a:pt x="510" y="530"/>
                  </a:lnTo>
                  <a:lnTo>
                    <a:pt x="504" y="548"/>
                  </a:lnTo>
                  <a:lnTo>
                    <a:pt x="496" y="566"/>
                  </a:lnTo>
                  <a:lnTo>
                    <a:pt x="488" y="582"/>
                  </a:lnTo>
                  <a:lnTo>
                    <a:pt x="480" y="598"/>
                  </a:lnTo>
                  <a:lnTo>
                    <a:pt x="470" y="612"/>
                  </a:lnTo>
                  <a:lnTo>
                    <a:pt x="458" y="624"/>
                  </a:lnTo>
                  <a:lnTo>
                    <a:pt x="448" y="634"/>
                  </a:lnTo>
                  <a:lnTo>
                    <a:pt x="436" y="644"/>
                  </a:lnTo>
                  <a:lnTo>
                    <a:pt x="424" y="652"/>
                  </a:lnTo>
                  <a:lnTo>
                    <a:pt x="410" y="658"/>
                  </a:lnTo>
                  <a:lnTo>
                    <a:pt x="398" y="660"/>
                  </a:lnTo>
                  <a:lnTo>
                    <a:pt x="398" y="660"/>
                  </a:lnTo>
                  <a:close/>
                </a:path>
              </a:pathLst>
            </a:custGeom>
            <a:solidFill>
              <a:schemeClr val="tx1">
                <a:lumMod val="65000"/>
                <a:lumOff val="35000"/>
              </a:schemeClr>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Arial" pitchFamily="34" charset="0"/>
                <a:ea typeface="Arial Unicode MS" pitchFamily="34" charset="-122"/>
                <a:cs typeface="Arial" pitchFamily="34" charset="0"/>
              </a:endParaRPr>
            </a:p>
          </p:txBody>
        </p:sp>
        <p:pic>
          <p:nvPicPr>
            <p:cNvPr id="297" name="Picture 20" descr="E:\1华赛设计夹\2010-8\朱冬晴\华赛新图标\华赛新图标 png\11 其他图标(三)\病毒 3.png"/>
            <p:cNvPicPr>
              <a:picLocks noChangeAspect="1" noChangeArrowheads="1"/>
            </p:cNvPicPr>
            <p:nvPr/>
          </p:nvPicPr>
          <p:blipFill>
            <a:blip r:embed="rId9" cstate="screen">
              <a:duotone>
                <a:prstClr val="black"/>
                <a:schemeClr val="bg1">
                  <a:lumMod val="85000"/>
                  <a:tint val="45000"/>
                  <a:satMod val="400000"/>
                </a:schemeClr>
              </a:duotone>
            </a:blip>
            <a:srcRect/>
            <a:stretch>
              <a:fillRect/>
            </a:stretch>
          </p:blipFill>
          <p:spPr bwMode="auto">
            <a:xfrm>
              <a:off x="15832731" y="2545961"/>
              <a:ext cx="574698" cy="510062"/>
            </a:xfrm>
            <a:prstGeom prst="rect">
              <a:avLst/>
            </a:prstGeom>
            <a:ln>
              <a:noFill/>
            </a:ln>
            <a:effectLst>
              <a:outerShdw blurRad="292100" dist="139700" dir="2700000" algn="tl" rotWithShape="0">
                <a:srgbClr val="333333">
                  <a:alpha val="65000"/>
                </a:srgbClr>
              </a:outerShdw>
            </a:effectLst>
            <a:extLst/>
          </p:spPr>
        </p:pic>
      </p:grpSp>
      <p:grpSp>
        <p:nvGrpSpPr>
          <p:cNvPr id="98" name="组合 97"/>
          <p:cNvGrpSpPr/>
          <p:nvPr/>
        </p:nvGrpSpPr>
        <p:grpSpPr>
          <a:xfrm>
            <a:off x="-1200656" y="5116851"/>
            <a:ext cx="18695278" cy="1785105"/>
            <a:chOff x="-1200656" y="5044661"/>
            <a:chExt cx="18695280" cy="1785106"/>
          </a:xfrm>
        </p:grpSpPr>
        <p:sp>
          <p:nvSpPr>
            <p:cNvPr id="172" name="矩形 171"/>
            <p:cNvSpPr/>
            <p:nvPr/>
          </p:nvSpPr>
          <p:spPr>
            <a:xfrm>
              <a:off x="-1200656" y="5044661"/>
              <a:ext cx="7976480" cy="1785105"/>
            </a:xfrm>
            <a:prstGeom prst="rect">
              <a:avLst/>
            </a:prstGeom>
          </p:spPr>
          <p:txBody>
            <a:bodyPr wrap="square">
              <a:spAutoFit/>
            </a:bodyPr>
            <a:lstStyle/>
            <a:p>
              <a:pPr algn="ctr"/>
              <a:r>
                <a:rPr lang="en-US" altLang="zh-CN" b="1" dirty="0" smtClean="0">
                  <a:solidFill>
                    <a:schemeClr val="bg1"/>
                  </a:solidFill>
                  <a:latin typeface="Arial" pitchFamily="34" charset="0"/>
                  <a:ea typeface="Arial Unicode MS" pitchFamily="34" charset="-122"/>
                  <a:cs typeface="Arial" pitchFamily="34" charset="0"/>
                </a:rPr>
                <a:t>Multinational Enterprises </a:t>
              </a:r>
            </a:p>
            <a:p>
              <a:pPr algn="ctr"/>
              <a:r>
                <a:rPr lang="en-US" altLang="zh-CN" b="1" dirty="0" smtClean="0">
                  <a:solidFill>
                    <a:schemeClr val="bg1"/>
                  </a:solidFill>
                  <a:latin typeface="Arial" pitchFamily="34" charset="0"/>
                  <a:ea typeface="Arial Unicode MS" pitchFamily="34" charset="-122"/>
                  <a:cs typeface="Arial" pitchFamily="34" charset="0"/>
                </a:rPr>
                <a:t> transcontinental operation</a:t>
              </a:r>
            </a:p>
            <a:p>
              <a:pPr algn="ctr"/>
              <a:endParaRPr lang="en-US" altLang="zh-CN" b="1" dirty="0" smtClean="0">
                <a:solidFill>
                  <a:schemeClr val="bg1"/>
                </a:solidFill>
                <a:latin typeface="Arial" pitchFamily="34" charset="0"/>
                <a:ea typeface="Arial Unicode MS" pitchFamily="34" charset="-122"/>
                <a:cs typeface="Arial" pitchFamily="34" charset="0"/>
              </a:endParaRPr>
            </a:p>
            <a:p>
              <a:pPr algn="ctr"/>
              <a:r>
                <a:rPr lang="en-US" altLang="zh-CN" sz="2800" b="1" dirty="0" smtClean="0">
                  <a:solidFill>
                    <a:schemeClr val="bg1"/>
                  </a:solidFill>
                  <a:latin typeface="Arial" pitchFamily="34" charset="0"/>
                  <a:ea typeface="Arial Unicode MS" pitchFamily="34" charset="-122"/>
                  <a:cs typeface="Arial" pitchFamily="34" charset="0"/>
                </a:rPr>
                <a:t>Diversified financial </a:t>
              </a:r>
            </a:p>
            <a:p>
              <a:pPr algn="ctr"/>
              <a:r>
                <a:rPr lang="en-US" altLang="zh-CN" sz="2800" b="1" dirty="0" smtClean="0">
                  <a:solidFill>
                    <a:schemeClr val="bg1"/>
                  </a:solidFill>
                  <a:latin typeface="Arial" pitchFamily="34" charset="0"/>
                  <a:ea typeface="Arial Unicode MS" pitchFamily="34" charset="-122"/>
                  <a:cs typeface="Arial" pitchFamily="34" charset="0"/>
                </a:rPr>
                <a:t>services  demand</a:t>
              </a:r>
              <a:endParaRPr lang="zh-CN" altLang="en-US" sz="2800" b="1" dirty="0" smtClean="0">
                <a:solidFill>
                  <a:schemeClr val="bg1"/>
                </a:solidFill>
                <a:latin typeface="Arial" pitchFamily="34" charset="0"/>
                <a:ea typeface="Arial Unicode MS" pitchFamily="34" charset="-122"/>
                <a:cs typeface="Arial" pitchFamily="34" charset="0"/>
              </a:endParaRPr>
            </a:p>
          </p:txBody>
        </p:sp>
        <p:sp>
          <p:nvSpPr>
            <p:cNvPr id="174" name="矩形 173"/>
            <p:cNvSpPr/>
            <p:nvPr/>
          </p:nvSpPr>
          <p:spPr>
            <a:xfrm>
              <a:off x="13972506" y="5044661"/>
              <a:ext cx="3522118" cy="1785105"/>
            </a:xfrm>
            <a:prstGeom prst="rect">
              <a:avLst/>
            </a:prstGeom>
          </p:spPr>
          <p:txBody>
            <a:bodyPr wrap="none">
              <a:spAutoFit/>
            </a:bodyPr>
            <a:lstStyle/>
            <a:p>
              <a:pPr algn="ctr"/>
              <a:endParaRPr lang="en-US" altLang="zh-CN" b="1" dirty="0" smtClean="0">
                <a:solidFill>
                  <a:schemeClr val="bg1"/>
                </a:solidFill>
                <a:latin typeface="Arial" pitchFamily="34" charset="0"/>
                <a:ea typeface="Arial Unicode MS" pitchFamily="34" charset="-122"/>
                <a:cs typeface="Arial" pitchFamily="34" charset="0"/>
              </a:endParaRPr>
            </a:p>
            <a:p>
              <a:pPr algn="ctr"/>
              <a:r>
                <a:rPr lang="en-US" altLang="zh-CN" b="1" dirty="0" smtClean="0">
                  <a:solidFill>
                    <a:schemeClr val="bg1"/>
                  </a:solidFill>
                  <a:latin typeface="Arial" pitchFamily="34" charset="0"/>
                  <a:ea typeface="Arial Unicode MS" pitchFamily="34" charset="-122"/>
                  <a:cs typeface="Arial" pitchFamily="34" charset="0"/>
                </a:rPr>
                <a:t>Financial Cloud Services</a:t>
              </a:r>
            </a:p>
            <a:p>
              <a:pPr algn="ctr"/>
              <a:endParaRPr lang="en-US" altLang="zh-CN" b="1" dirty="0" smtClean="0">
                <a:solidFill>
                  <a:schemeClr val="bg1"/>
                </a:solidFill>
                <a:latin typeface="Arial" pitchFamily="34" charset="0"/>
                <a:ea typeface="Arial Unicode MS" pitchFamily="34" charset="-122"/>
                <a:cs typeface="Arial" pitchFamily="34" charset="0"/>
              </a:endParaRPr>
            </a:p>
            <a:p>
              <a:pPr algn="ctr"/>
              <a:r>
                <a:rPr lang="en-US" altLang="zh-CN" sz="2800" b="1" dirty="0" smtClean="0">
                  <a:solidFill>
                    <a:schemeClr val="bg1"/>
                  </a:solidFill>
                  <a:latin typeface="Arial" pitchFamily="34" charset="0"/>
                  <a:ea typeface="Arial Unicode MS" pitchFamily="34" charset="-122"/>
                  <a:cs typeface="Arial" pitchFamily="34" charset="0"/>
                </a:rPr>
                <a:t>New Risk </a:t>
              </a:r>
            </a:p>
            <a:p>
              <a:pPr algn="ctr"/>
              <a:r>
                <a:rPr lang="en-US" altLang="zh-CN" sz="2800" b="1" dirty="0" smtClean="0">
                  <a:solidFill>
                    <a:schemeClr val="bg1"/>
                  </a:solidFill>
                  <a:latin typeface="Arial" pitchFamily="34" charset="0"/>
                  <a:ea typeface="Arial Unicode MS" pitchFamily="34" charset="-122"/>
                  <a:cs typeface="Arial" pitchFamily="34" charset="0"/>
                </a:rPr>
                <a:t>Management Model</a:t>
              </a:r>
              <a:endParaRPr lang="zh-CN" altLang="en-US" sz="2800" b="1" dirty="0" smtClean="0">
                <a:solidFill>
                  <a:schemeClr val="bg1"/>
                </a:solidFill>
                <a:latin typeface="Arial" pitchFamily="34" charset="0"/>
                <a:ea typeface="Arial Unicode MS" pitchFamily="34" charset="-122"/>
                <a:cs typeface="Arial" pitchFamily="34" charset="0"/>
              </a:endParaRPr>
            </a:p>
          </p:txBody>
        </p:sp>
        <p:sp>
          <p:nvSpPr>
            <p:cNvPr id="257" name="矩形 256"/>
            <p:cNvSpPr/>
            <p:nvPr/>
          </p:nvSpPr>
          <p:spPr>
            <a:xfrm>
              <a:off x="5284181" y="5044662"/>
              <a:ext cx="3717684" cy="1785105"/>
            </a:xfrm>
            <a:prstGeom prst="rect">
              <a:avLst/>
            </a:prstGeom>
          </p:spPr>
          <p:txBody>
            <a:bodyPr wrap="none">
              <a:spAutoFit/>
            </a:bodyPr>
            <a:lstStyle/>
            <a:p>
              <a:pPr algn="ctr"/>
              <a:r>
                <a:rPr lang="en-US" altLang="zh-CN" b="1" dirty="0" smtClean="0">
                  <a:solidFill>
                    <a:schemeClr val="bg1"/>
                  </a:solidFill>
                  <a:latin typeface="Arial" pitchFamily="34" charset="0"/>
                  <a:ea typeface="Arial Unicode MS" pitchFamily="34" charset="-122"/>
                  <a:cs typeface="Arial" pitchFamily="34" charset="0"/>
                </a:rPr>
                <a:t>New Customer segmentation</a:t>
              </a:r>
            </a:p>
            <a:p>
              <a:pPr algn="ctr"/>
              <a:r>
                <a:rPr lang="en-US" altLang="zh-CN" b="1" dirty="0" smtClean="0">
                  <a:solidFill>
                    <a:schemeClr val="bg1"/>
                  </a:solidFill>
                  <a:latin typeface="Arial" pitchFamily="34" charset="0"/>
                  <a:ea typeface="Arial Unicode MS" pitchFamily="34" charset="-122"/>
                  <a:cs typeface="Arial" pitchFamily="34" charset="0"/>
                </a:rPr>
                <a:t>New consumer habits</a:t>
              </a:r>
            </a:p>
            <a:p>
              <a:pPr algn="ctr"/>
              <a:endParaRPr lang="en-US" altLang="zh-CN" b="1" dirty="0" smtClean="0">
                <a:solidFill>
                  <a:schemeClr val="bg1"/>
                </a:solidFill>
                <a:latin typeface="Arial" pitchFamily="34" charset="0"/>
                <a:ea typeface="Arial Unicode MS" pitchFamily="34" charset="-122"/>
                <a:cs typeface="Arial" pitchFamily="34" charset="0"/>
              </a:endParaRPr>
            </a:p>
            <a:p>
              <a:pPr algn="ctr"/>
              <a:r>
                <a:rPr lang="en-US" altLang="zh-CN" sz="2800" b="1" dirty="0" smtClean="0">
                  <a:solidFill>
                    <a:schemeClr val="bg1"/>
                  </a:solidFill>
                  <a:latin typeface="Arial" pitchFamily="34" charset="0"/>
                  <a:ea typeface="Arial Unicode MS" pitchFamily="34" charset="-122"/>
                  <a:cs typeface="Arial" pitchFamily="34" charset="0"/>
                </a:rPr>
                <a:t>Mobile, Socialization</a:t>
              </a:r>
              <a:endParaRPr lang="zh-CN" altLang="en-US" sz="2800" b="1" dirty="0" smtClean="0">
                <a:solidFill>
                  <a:schemeClr val="bg1"/>
                </a:solidFill>
                <a:latin typeface="Arial" pitchFamily="34" charset="0"/>
                <a:ea typeface="Arial Unicode MS" pitchFamily="34" charset="-122"/>
                <a:cs typeface="Arial" pitchFamily="34" charset="0"/>
              </a:endParaRPr>
            </a:p>
            <a:p>
              <a:pPr algn="ctr"/>
              <a:r>
                <a:rPr lang="en-US" altLang="zh-CN" sz="2800" b="1" dirty="0" smtClean="0">
                  <a:solidFill>
                    <a:schemeClr val="bg1"/>
                  </a:solidFill>
                  <a:latin typeface="Arial" pitchFamily="34" charset="0"/>
                  <a:ea typeface="Arial Unicode MS" pitchFamily="34" charset="-122"/>
                  <a:cs typeface="Arial" pitchFamily="34" charset="0"/>
                </a:rPr>
                <a:t>Fragmentation</a:t>
              </a:r>
            </a:p>
          </p:txBody>
        </p:sp>
        <p:sp>
          <p:nvSpPr>
            <p:cNvPr id="281" name="矩形 280"/>
            <p:cNvSpPr/>
            <p:nvPr/>
          </p:nvSpPr>
          <p:spPr>
            <a:xfrm>
              <a:off x="9896028" y="5044662"/>
              <a:ext cx="3060453" cy="1785105"/>
            </a:xfrm>
            <a:prstGeom prst="rect">
              <a:avLst/>
            </a:prstGeom>
          </p:spPr>
          <p:txBody>
            <a:bodyPr wrap="none">
              <a:spAutoFit/>
            </a:bodyPr>
            <a:lstStyle/>
            <a:p>
              <a:pPr algn="ctr"/>
              <a:r>
                <a:rPr lang="en-US" altLang="zh-CN" b="1" dirty="0" smtClean="0">
                  <a:solidFill>
                    <a:schemeClr val="bg1"/>
                  </a:solidFill>
                  <a:latin typeface="Arial" pitchFamily="34" charset="0"/>
                  <a:ea typeface="Arial Unicode MS" pitchFamily="34" charset="-122"/>
                  <a:cs typeface="Arial" pitchFamily="34" charset="0"/>
                </a:rPr>
                <a:t>Internet companies </a:t>
              </a:r>
            </a:p>
            <a:p>
              <a:pPr algn="ctr"/>
              <a:r>
                <a:rPr lang="en-US" altLang="zh-CN" b="1" dirty="0" smtClean="0">
                  <a:solidFill>
                    <a:schemeClr val="bg1"/>
                  </a:solidFill>
                  <a:latin typeface="Arial" pitchFamily="34" charset="0"/>
                  <a:ea typeface="Arial Unicode MS" pitchFamily="34" charset="-122"/>
                  <a:cs typeface="Arial" pitchFamily="34" charset="0"/>
                </a:rPr>
                <a:t>cross-border competition</a:t>
              </a:r>
            </a:p>
            <a:p>
              <a:pPr algn="ctr"/>
              <a:endParaRPr lang="en-US" altLang="zh-CN" b="1" dirty="0" smtClean="0">
                <a:solidFill>
                  <a:schemeClr val="bg1"/>
                </a:solidFill>
                <a:latin typeface="Arial" pitchFamily="34" charset="0"/>
                <a:ea typeface="Arial Unicode MS" pitchFamily="34" charset="-122"/>
                <a:cs typeface="Arial" pitchFamily="34" charset="0"/>
              </a:endParaRPr>
            </a:p>
            <a:p>
              <a:pPr algn="ctr"/>
              <a:r>
                <a:rPr lang="en-US" altLang="zh-CN" sz="2800" b="1" dirty="0" smtClean="0">
                  <a:solidFill>
                    <a:schemeClr val="bg1"/>
                  </a:solidFill>
                  <a:latin typeface="Arial" pitchFamily="34" charset="0"/>
                  <a:ea typeface="Arial Unicode MS" pitchFamily="34" charset="-122"/>
                  <a:cs typeface="Arial" pitchFamily="34" charset="0"/>
                </a:rPr>
                <a:t>Lighter Progress</a:t>
              </a:r>
            </a:p>
            <a:p>
              <a:pPr algn="ctr"/>
              <a:r>
                <a:rPr lang="en-US" altLang="zh-CN" sz="2800" b="1" dirty="0" smtClean="0">
                  <a:solidFill>
                    <a:schemeClr val="bg1"/>
                  </a:solidFill>
                  <a:latin typeface="Arial" pitchFamily="34" charset="0"/>
                  <a:ea typeface="Arial Unicode MS" pitchFamily="34" charset="-122"/>
                  <a:cs typeface="Arial" pitchFamily="34" charset="0"/>
                </a:rPr>
                <a:t>Lower Cost</a:t>
              </a:r>
              <a:endParaRPr lang="zh-CN" altLang="en-US" sz="2800" b="1" dirty="0" smtClean="0">
                <a:solidFill>
                  <a:schemeClr val="bg1"/>
                </a:solidFill>
                <a:latin typeface="Arial" pitchFamily="34" charset="0"/>
                <a:ea typeface="Arial Unicode MS" pitchFamily="34" charset="-122"/>
                <a:cs typeface="Arial" pitchFamily="34" charset="0"/>
              </a:endParaRPr>
            </a:p>
          </p:txBody>
        </p:sp>
      </p:grpSp>
      <p:sp>
        <p:nvSpPr>
          <p:cNvPr id="100" name="TextBox 10"/>
          <p:cNvSpPr txBox="1">
            <a:spLocks noChangeArrowheads="1"/>
          </p:cNvSpPr>
          <p:nvPr/>
        </p:nvSpPr>
        <p:spPr bwMode="auto">
          <a:xfrm>
            <a:off x="9432758" y="7726322"/>
            <a:ext cx="4018548" cy="877163"/>
          </a:xfrm>
          <a:prstGeom prst="rect">
            <a:avLst/>
          </a:prstGeom>
          <a:noFill/>
          <a:ln>
            <a:noFill/>
          </a:ln>
          <a:effectLst/>
          <a:ex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anchor="ctr">
            <a:noAutofit/>
          </a:bodyPr>
          <a:lstStyle>
            <a:defPPr>
              <a:defRPr lang="zh-CN"/>
            </a:defPPr>
            <a:lvl1pPr algn="ctr">
              <a:defRPr>
                <a:solidFill>
                  <a:schemeClr val="lt1"/>
                </a:solidFill>
                <a:latin typeface="FrutigerNext LT Medium" pitchFamily="34" charset="0"/>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lnSpc>
                <a:spcPct val="150000"/>
              </a:lnSpc>
              <a:defRPr/>
            </a:pPr>
            <a:r>
              <a:rPr lang="en-US" altLang="zh-CN" sz="2800" b="1" dirty="0" smtClean="0">
                <a:solidFill>
                  <a:srgbClr val="595959"/>
                </a:solidFill>
                <a:latin typeface="Arial" pitchFamily="34" charset="0"/>
                <a:ea typeface="Arial Unicode MS" pitchFamily="34" charset="-122"/>
                <a:cs typeface="Arial" pitchFamily="34" charset="0"/>
              </a:rPr>
              <a:t>Accurate positioning, process optimization</a:t>
            </a:r>
          </a:p>
        </p:txBody>
      </p:sp>
      <p:sp>
        <p:nvSpPr>
          <p:cNvPr id="102" name="TextBox 10"/>
          <p:cNvSpPr txBox="1">
            <a:spLocks noChangeArrowheads="1"/>
          </p:cNvSpPr>
          <p:nvPr/>
        </p:nvSpPr>
        <p:spPr bwMode="auto">
          <a:xfrm>
            <a:off x="14054066" y="7630070"/>
            <a:ext cx="3439221" cy="877163"/>
          </a:xfrm>
          <a:prstGeom prst="rect">
            <a:avLst/>
          </a:prstGeom>
          <a:noFill/>
          <a:ln>
            <a:noFill/>
          </a:ln>
          <a:effectLst/>
          <a:ex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anchor="ctr">
            <a:noAutofit/>
          </a:bodyPr>
          <a:lstStyle>
            <a:defPPr>
              <a:defRPr lang="zh-CN"/>
            </a:defPPr>
            <a:lvl1pPr algn="ctr">
              <a:defRPr>
                <a:solidFill>
                  <a:schemeClr val="lt1"/>
                </a:solidFill>
                <a:latin typeface="FrutigerNext LT Medium" pitchFamily="34" charset="0"/>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lnSpc>
                <a:spcPct val="150000"/>
              </a:lnSpc>
              <a:defRPr/>
            </a:pPr>
            <a:r>
              <a:rPr lang="en-US" altLang="zh-CN" sz="2800" b="1" dirty="0" smtClean="0">
                <a:solidFill>
                  <a:srgbClr val="595959"/>
                </a:solidFill>
                <a:latin typeface="Arial" pitchFamily="34" charset="0"/>
                <a:ea typeface="Arial Unicode MS" pitchFamily="34" charset="-122"/>
                <a:cs typeface="Arial" pitchFamily="34" charset="0"/>
              </a:rPr>
              <a:t>Comprehensive </a:t>
            </a:r>
          </a:p>
          <a:p>
            <a:pPr>
              <a:lnSpc>
                <a:spcPct val="150000"/>
              </a:lnSpc>
              <a:defRPr/>
            </a:pPr>
            <a:r>
              <a:rPr lang="en-US" altLang="zh-CN" sz="2800" b="1" dirty="0" smtClean="0">
                <a:solidFill>
                  <a:srgbClr val="595959"/>
                </a:solidFill>
                <a:latin typeface="Arial" pitchFamily="34" charset="0"/>
                <a:ea typeface="Arial Unicode MS" pitchFamily="34" charset="-122"/>
                <a:cs typeface="Arial" pitchFamily="34" charset="0"/>
              </a:rPr>
              <a:t>risk  control</a:t>
            </a:r>
            <a:endParaRPr lang="en-US" altLang="zh-CN" sz="2800" b="1" dirty="0">
              <a:solidFill>
                <a:srgbClr val="595959"/>
              </a:solidFill>
              <a:latin typeface="Arial" pitchFamily="34" charset="0"/>
              <a:ea typeface="Arial Unicode MS" pitchFamily="34" charset="-122"/>
              <a:cs typeface="Arial" pitchFamily="34" charset="0"/>
            </a:endParaRPr>
          </a:p>
        </p:txBody>
      </p:sp>
      <p:sp>
        <p:nvSpPr>
          <p:cNvPr id="103" name="TextBox 10"/>
          <p:cNvSpPr txBox="1">
            <a:spLocks noChangeArrowheads="1"/>
          </p:cNvSpPr>
          <p:nvPr/>
        </p:nvSpPr>
        <p:spPr bwMode="auto">
          <a:xfrm>
            <a:off x="986589" y="7654133"/>
            <a:ext cx="3777916" cy="877163"/>
          </a:xfrm>
          <a:prstGeom prst="rect">
            <a:avLst/>
          </a:prstGeom>
          <a:noFill/>
          <a:ln>
            <a:noFill/>
          </a:ln>
          <a:effectLst/>
          <a:ex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anchor="ctr">
            <a:noAutofit/>
          </a:bodyPr>
          <a:lstStyle>
            <a:defPPr>
              <a:defRPr lang="zh-CN"/>
            </a:defPPr>
            <a:lvl1pPr algn="ctr">
              <a:defRPr>
                <a:solidFill>
                  <a:schemeClr val="lt1"/>
                </a:solidFill>
                <a:latin typeface="FrutigerNext LT Medium" pitchFamily="34" charset="0"/>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lnSpc>
                <a:spcPct val="150000"/>
              </a:lnSpc>
              <a:defRPr/>
            </a:pPr>
            <a:r>
              <a:rPr lang="en-US" altLang="zh-CN" sz="2800" b="1" dirty="0" smtClean="0">
                <a:solidFill>
                  <a:srgbClr val="595959"/>
                </a:solidFill>
                <a:latin typeface="Arial" pitchFamily="34" charset="0"/>
                <a:ea typeface="Arial Unicode MS" pitchFamily="34" charset="-122"/>
                <a:cs typeface="Arial" pitchFamily="34" charset="0"/>
              </a:rPr>
              <a:t>Elastic adaptation, resource on demand</a:t>
            </a:r>
          </a:p>
        </p:txBody>
      </p:sp>
      <p:sp>
        <p:nvSpPr>
          <p:cNvPr id="104" name="TextBox 10"/>
          <p:cNvSpPr txBox="1">
            <a:spLocks noChangeArrowheads="1"/>
          </p:cNvSpPr>
          <p:nvPr/>
        </p:nvSpPr>
        <p:spPr bwMode="auto">
          <a:xfrm>
            <a:off x="5101390" y="7557883"/>
            <a:ext cx="4018548" cy="877163"/>
          </a:xfrm>
          <a:prstGeom prst="rect">
            <a:avLst/>
          </a:prstGeom>
          <a:noFill/>
          <a:ln>
            <a:noFill/>
          </a:ln>
          <a:effectLst/>
          <a:extLst/>
        </p:spPr>
        <p:style>
          <a:lnRef idx="2">
            <a:schemeClr val="accent1">
              <a:shade val="50000"/>
            </a:schemeClr>
          </a:lnRef>
          <a:fillRef idx="1">
            <a:schemeClr val="accent1"/>
          </a:fillRef>
          <a:effectRef idx="0">
            <a:schemeClr val="accent1"/>
          </a:effectRef>
          <a:fontRef idx="minor">
            <a:schemeClr val="lt1"/>
          </a:fontRef>
        </p:style>
        <p:txBody>
          <a:bodyPr wrap="square" lIns="0" tIns="0" rIns="0" bIns="0" anchor="ctr">
            <a:noAutofit/>
          </a:bodyPr>
          <a:lstStyle>
            <a:defPPr>
              <a:defRPr lang="zh-CN"/>
            </a:defPPr>
            <a:lvl1pPr algn="ctr">
              <a:defRPr>
                <a:solidFill>
                  <a:schemeClr val="lt1"/>
                </a:solidFill>
                <a:latin typeface="FrutigerNext LT Medium" pitchFamily="34" charset="0"/>
                <a:ea typeface="+mn-ea"/>
              </a:defRPr>
            </a:lvl1pPr>
            <a:lvl2pPr>
              <a:defRPr>
                <a:solidFill>
                  <a:schemeClr val="lt1"/>
                </a:solidFill>
                <a:latin typeface="+mn-lt"/>
                <a:ea typeface="+mn-ea"/>
              </a:defRPr>
            </a:lvl2pPr>
            <a:lvl3pPr>
              <a:defRPr>
                <a:solidFill>
                  <a:schemeClr val="lt1"/>
                </a:solidFill>
                <a:latin typeface="+mn-lt"/>
                <a:ea typeface="+mn-ea"/>
              </a:defRPr>
            </a:lvl3pPr>
            <a:lvl4pPr>
              <a:defRPr>
                <a:solidFill>
                  <a:schemeClr val="lt1"/>
                </a:solidFill>
                <a:latin typeface="+mn-lt"/>
                <a:ea typeface="+mn-ea"/>
              </a:defRPr>
            </a:lvl4pPr>
            <a:lvl5pPr>
              <a:defRPr>
                <a:solidFill>
                  <a:schemeClr val="lt1"/>
                </a:solidFill>
                <a:latin typeface="+mn-lt"/>
                <a:ea typeface="+mn-ea"/>
              </a:defRPr>
            </a:lvl5pPr>
            <a:lvl6pPr>
              <a:defRPr>
                <a:solidFill>
                  <a:schemeClr val="lt1"/>
                </a:solidFill>
                <a:latin typeface="+mn-lt"/>
                <a:ea typeface="+mn-ea"/>
              </a:defRPr>
            </a:lvl6pPr>
            <a:lvl7pPr>
              <a:defRPr>
                <a:solidFill>
                  <a:schemeClr val="lt1"/>
                </a:solidFill>
                <a:latin typeface="+mn-lt"/>
                <a:ea typeface="+mn-ea"/>
              </a:defRPr>
            </a:lvl7pPr>
            <a:lvl8pPr>
              <a:defRPr>
                <a:solidFill>
                  <a:schemeClr val="lt1"/>
                </a:solidFill>
                <a:latin typeface="+mn-lt"/>
                <a:ea typeface="+mn-ea"/>
              </a:defRPr>
            </a:lvl8pPr>
            <a:lvl9pPr>
              <a:defRPr>
                <a:solidFill>
                  <a:schemeClr val="lt1"/>
                </a:solidFill>
                <a:latin typeface="+mn-lt"/>
                <a:ea typeface="+mn-ea"/>
              </a:defRPr>
            </a:lvl9pPr>
          </a:lstStyle>
          <a:p>
            <a:pPr>
              <a:lnSpc>
                <a:spcPct val="150000"/>
              </a:lnSpc>
              <a:defRPr/>
            </a:pPr>
            <a:r>
              <a:rPr lang="en-US" altLang="zh-CN" sz="2800" b="1" dirty="0" smtClean="0">
                <a:solidFill>
                  <a:srgbClr val="595959"/>
                </a:solidFill>
                <a:latin typeface="Arial" pitchFamily="34" charset="0"/>
                <a:ea typeface="Arial Unicode MS" pitchFamily="34" charset="-122"/>
                <a:cs typeface="Arial" pitchFamily="34" charset="0"/>
              </a:rPr>
              <a:t>New interaction</a:t>
            </a:r>
          </a:p>
        </p:txBody>
      </p:sp>
    </p:spTree>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DtsShapeName" descr="EUR03B6251125B8@@92@3ED383ECBCD80;06A;;0=;=F11041632!!!BIHO@]f110416321@0C99@@110B325D7E703101电担览粹)釜士烹亨(!W0/6过衙/qqu!!!!!!!!!!!!!!!!!!!!!!!!!!!!!!!!!!!!!!!!!!!!!!!!!!!!!!!!!!!!!!!!!!!!!!!!!!!!!!!!!!!!!!!!!!!!!!!!!!!!!!!!!!!!!!!!!!!!!!!!!!!!!!!!!!!!!!!!!!!!!!!!!!!!!!!!!!!!!!!!!!!!!!!!!!!!!!!!!!!!!!!!!!!!!!!!!!!!!!!!!!!!!!!!!!!!!!!!!!!!!!!!!!!!!!!!!!!!!!!!!!!!!!!!!!!!!!!!!!!!!!!!!!!!!!!!!!!!!!!!!!!!!!!!!!!!!!!!!!!!!!!!!!!!!!!!!!!!!!!!!!!!!!!!!!!!!!!!!!!!!!!!!!!!!!!!!!!!!!!!!!!!!!!!!!!!!!!!!!!!!!!!!!!!!!!!!!!!!!!!!!!!!!!!!!!!!!!!!!!!!!!!!!!!!!!!!!!!!!!!!!!!!!!!!!!!!!!!!!!!!!!!!!!!!!!!!!!!!!!!!!!!!!!!!!!!!!!!!!!!!!!!!!!!!!!!!!!!!!!!!!!!!!!!!!!!!!!!!!!!!!!!!!!!!!!!!!!!!!!!!!!!!!!!!!!!!!!!!!!!!!!!!!!!!!!!!!!!!!!!!!!!!!!!!!!!!!!!!!!!!!!!!!!!!!!!!!!!!!!!!!!!!!!!!!!!!!!!!!!!!!!!!!!!!!!!!!!!!!!!!!!!!!!!!!!!!!!!!!!!!!!!!!!!!!!!!!!!!!!!!!!!!!!!!!!!!!!!!!!!!!!!!!!!!!!!!!!!!!!!!!!!!!!!!!!!!!!!!!!!!!!!!!!!!!!!!!!!!!!!!!!!!!!!!!!!!!!!!!!!!!!!!!!!!!!!!!!!!!!!!!!!!!!!!!!!!!!!!!!!!!!!!!!!!!!!!!!!!!!!!!!!!!!!!!!!!!!!!!!!!!!!!!!!!!!!!!!!!!!!!!!!!!!!!!!!!!!!!!!!!!!!!!!!!!!!!!!!!!!!!!!!!!!!!!!!!!!!!!!!!!!!!!!!!!!!!!!!!!!!!!!!!!!!!!!!!!!!!!!!!!!!!!!!!!!!!!!!!!!!!!!!!!!!!!!!!!!!!!!!!!!!!!!!!!!!!!!!!!!!!!!!!!!!!!!!!!!!!!!!!!!!!!!!!!!!!!!!!!!!!!!!!!!!!!!!!!!!!!!!!!!!!!!!!!!!!!!!!!!!!!!!!!!!!!!!!!!!!!!!!!!!!!!!!!!!!!!!!!!!!!!!!!!!!!!!!!!!!!!!!!!!!!!!!!!!!!!!!!!!!!!!!!!!!!!!!!!!!!!!!!!!!!!!!!!!!!!!!!!!!!!!!!!!!!!!!!!!!!!!!!!!!!!!!!!!!!!!!!!!!!!!!!!!!!!!!!!!!!!!!!!!!!!!!!!!!!!!!!!!!!!!!!!!!!!!!!!!!!!!!!!!!!!!!!!!!!!!!!!!!!!!!!!!!!!!!!!!!!!!!!!!!!!!!!!!!!!!!!!!!!!!!!!!!!!!!!!!!!!!!!!!!!!!!!!!!!!!!!!!!!!!!!!!!!!!!!!!!!!!!!!!!!!!!!!!!!!!!!!!!!!!!!!!!!!!!!!!!!!!!!!!!!!!!!!!!!!!!!!!!!!!!!!!!!!!!!!!!!!!!!!!!!!!!!!!!!!!!!!!!!!!!!!!!!!!!!!!!!!!!!!!!!!!!!!!!!!!!!!!!!!!!!!!!!!!!!!!!!!!!!!!!!!!!!!!!!!!!!!!!!!!!!!!!!!!!!!!!!!!!!!!!!!!!!!!!!!!!!!!!!!!!!!!!!!!!!!!!!!!!!!!!!!!!!!!!!!!!!!!!!!!!!!!!!!!!!!!!!!!!!!!!!!!!!!!!!!!!!!!!!!!!!!!!!!!!!!!!!!!!!!!!!!!!!!!!!!!!!!!!!!!!!!!!!!!!!!!!!!!!!!!!!!!!!!!!!!!!!!!!!!!!!!!!!!!!!!!!!!!!!!!!!!!!!!!!!!!!!!!!!!!!!!!!!!!!!!!!!!!!!!!!!!!!!!!!!!!!!!!!!!!!!!!!!!!!!!!!!!!!!!!!!!!!!!!!!!!!!!!!!!!!!!!!!!!!!!!!!!!!!!!!!!!!!!!!!!!!!!!!!!!!!!!!!!!!!!!!!!!!!!!!!!!!!!!!!!!!!!!!!!!!!!!!!!!!!!!!!!!!!!!!!!!!!!!!!!!!!!!!!!!!!!!!!!!!!!!!!!!!!!!!!!!!!!!!!!!!!!!!!!!!!!!!!!!!!!!!!!!!!!!!!!!!!!!!!!!!!!!!!!!!!!!!!!!!!!!!!!!!!!!!!!!!!!!!!!!!!!!!!!!!!!!!!!!!!!!!!!!!!!!!!!!!!!!!!!!!!!!!!!!!!!!!!!!!!!!!!!!!!!!!!!!!!!!!!!!!!!!!!!!!!!!1!1" hidden="1"/>
          <p:cNvSpPr>
            <a:spLocks noChangeArrowheads="1"/>
          </p:cNvSpPr>
          <p:nvPr/>
        </p:nvSpPr>
        <p:spPr bwMode="auto">
          <a:xfrm>
            <a:off x="0" y="5"/>
            <a:ext cx="3177" cy="2383"/>
          </a:xfrm>
          <a:custGeom>
            <a:avLst/>
            <a:gdLst>
              <a:gd name="T0" fmla="*/ 0 w 21600"/>
              <a:gd name="T1" fmla="*/ 0 h 21600"/>
              <a:gd name="T2" fmla="*/ 0 w 21600"/>
              <a:gd name="T3" fmla="*/ 0 h 21600"/>
              <a:gd name="T4" fmla="*/ 0 w 21600"/>
              <a:gd name="T5" fmla="*/ 0 h 21600"/>
              <a:gd name="T6" fmla="*/ 0 w 21600"/>
              <a:gd name="T7" fmla="*/ 0 h 21600"/>
              <a:gd name="T8" fmla="*/ 17694720 60000 65536"/>
              <a:gd name="T9" fmla="*/ 11796480 60000 65536"/>
              <a:gd name="T10" fmla="*/ 5898240 60000 65536"/>
              <a:gd name="T11" fmla="*/ 0 60000 65536"/>
              <a:gd name="T12" fmla="*/ 5033 w 21600"/>
              <a:gd name="T13" fmla="*/ 2272 h 21600"/>
              <a:gd name="T14" fmla="*/ 16554 w 21600"/>
              <a:gd name="T15" fmla="*/ 13684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chemeClr val="accent1"/>
          </a:solidFill>
          <a:ln w="9525">
            <a:solidFill>
              <a:schemeClr val="tx1"/>
            </a:solidFill>
            <a:miter lim="800000"/>
            <a:headEnd/>
            <a:tailEnd/>
          </a:ln>
        </p:spPr>
        <p:txBody>
          <a:bodyPr wrap="none" lIns="137131" tIns="68566" rIns="137131" bIns="68566" anchor="ctr"/>
          <a:lstStyle/>
          <a:p>
            <a:endParaRPr lang="zh-CN" altLang="en-US">
              <a:solidFill>
                <a:srgbClr val="000000"/>
              </a:solidFill>
            </a:endParaRPr>
          </a:p>
        </p:txBody>
      </p:sp>
      <p:sp>
        <p:nvSpPr>
          <p:cNvPr id="103" name="Title 2"/>
          <p:cNvSpPr txBox="1">
            <a:spLocks/>
          </p:cNvSpPr>
          <p:nvPr/>
        </p:nvSpPr>
        <p:spPr>
          <a:xfrm>
            <a:off x="530414" y="635623"/>
            <a:ext cx="17222449" cy="942845"/>
          </a:xfrm>
          <a:prstGeom prst="rect">
            <a:avLst/>
          </a:prstGeom>
        </p:spPr>
        <p:txBody>
          <a:bodyPr lIns="182917" tIns="91458" rIns="182917" bIns="91458"/>
          <a:lstStyle/>
          <a:p>
            <a:pPr eaLnBrk="0" hangingPunct="0">
              <a:defRPr/>
            </a:pPr>
            <a:r>
              <a:rPr lang="en-US" altLang="zh-CN" sz="4800" b="1" dirty="0" smtClean="0">
                <a:solidFill>
                  <a:schemeClr val="tx2"/>
                </a:solidFill>
                <a:latin typeface="Arial" pitchFamily="34" charset="0"/>
                <a:ea typeface="黑体" pitchFamily="2" charset="-122"/>
                <a:cs typeface="Arial" pitchFamily="34" charset="0"/>
              </a:rPr>
              <a:t>Success through Commit</a:t>
            </a:r>
            <a:endParaRPr lang="zh-CN" altLang="en-US" sz="4800" b="1" dirty="0" smtClean="0">
              <a:solidFill>
                <a:schemeClr val="tx2"/>
              </a:solidFill>
              <a:latin typeface="Arial" pitchFamily="34" charset="0"/>
              <a:ea typeface="黑体" pitchFamily="2" charset="-122"/>
              <a:cs typeface="Arial" pitchFamily="34" charset="0"/>
            </a:endParaRPr>
          </a:p>
        </p:txBody>
      </p:sp>
      <p:sp>
        <p:nvSpPr>
          <p:cNvPr id="290" name="同侧圆角矩形 289"/>
          <p:cNvSpPr/>
          <p:nvPr/>
        </p:nvSpPr>
        <p:spPr bwMode="auto">
          <a:xfrm>
            <a:off x="638477" y="2648282"/>
            <a:ext cx="8273720" cy="6185402"/>
          </a:xfrm>
          <a:prstGeom prst="round2SameRect">
            <a:avLst>
              <a:gd name="adj1" fmla="val 0"/>
              <a:gd name="adj2" fmla="val 0"/>
            </a:avLst>
          </a:prstGeom>
          <a:solidFill>
            <a:srgbClr val="F9F9F9"/>
          </a:solidFill>
          <a:ln w="9525" algn="ctr">
            <a:solidFill>
              <a:schemeClr val="bg1">
                <a:lumMod val="85000"/>
              </a:schemeClr>
            </a:solidFill>
            <a:round/>
            <a:headEnd/>
            <a:tailEnd/>
          </a:ln>
          <a:effectLst>
            <a:outerShdw blurRad="63500" sx="101000" sy="101000" algn="ctr" rotWithShape="0">
              <a:prstClr val="black">
                <a:alpha val="20000"/>
              </a:prstClr>
            </a:outerShdw>
            <a:softEdge rad="12700"/>
          </a:effectLst>
        </p:spPr>
        <p:txBody>
          <a:bodyPr wrap="none" lIns="137151" tIns="68576" rIns="137151" bIns="68576" anchor="ctr"/>
          <a:lstStyle/>
          <a:p>
            <a:pPr algn="ctr" defTabSz="1371508" eaLnBrk="0" fontAlgn="auto" hangingPunct="0">
              <a:spcBef>
                <a:spcPts val="0"/>
              </a:spcBef>
              <a:spcAft>
                <a:spcPts val="0"/>
              </a:spcAft>
              <a:buSzPct val="60000"/>
              <a:defRPr/>
            </a:pPr>
            <a:endParaRPr lang="en-US" altLang="zh-CN" sz="1000" kern="0" dirty="0" smtClean="0">
              <a:solidFill>
                <a:srgbClr val="5F5F5F"/>
              </a:solidFill>
              <a:latin typeface="Arial" pitchFamily="34" charset="0"/>
              <a:ea typeface="华文细黑" pitchFamily="2" charset="-122"/>
              <a:cs typeface="Arial" pitchFamily="34" charset="0"/>
            </a:endParaRPr>
          </a:p>
        </p:txBody>
      </p:sp>
      <p:sp>
        <p:nvSpPr>
          <p:cNvPr id="291" name="AutoShape 44"/>
          <p:cNvSpPr>
            <a:spLocks noChangeArrowheads="1"/>
          </p:cNvSpPr>
          <p:nvPr/>
        </p:nvSpPr>
        <p:spPr bwMode="auto">
          <a:xfrm>
            <a:off x="660515" y="1865587"/>
            <a:ext cx="8273720" cy="867776"/>
          </a:xfrm>
          <a:prstGeom prst="round2SameRect">
            <a:avLst>
              <a:gd name="adj1" fmla="val 0"/>
              <a:gd name="adj2" fmla="val 0"/>
            </a:avLst>
          </a:prstGeom>
          <a:solidFill>
            <a:srgbClr val="B90000"/>
          </a:solidFill>
          <a:ln>
            <a:headEnd/>
            <a:tailEnd/>
          </a:ln>
          <a:scene3d>
            <a:camera prst="orthographicFront">
              <a:rot lat="0" lon="0" rev="0"/>
            </a:camera>
            <a:lightRig rig="threePt" dir="t">
              <a:rot lat="0" lon="0" rev="1200000"/>
            </a:lightRig>
          </a:scene3d>
          <a:sp3d/>
          <a:extLst/>
        </p:spPr>
        <p:style>
          <a:lnRef idx="0">
            <a:schemeClr val="accent1"/>
          </a:lnRef>
          <a:fillRef idx="3">
            <a:schemeClr val="accent1"/>
          </a:fillRef>
          <a:effectRef idx="3">
            <a:schemeClr val="accent1"/>
          </a:effectRef>
          <a:fontRef idx="minor">
            <a:schemeClr val="lt1"/>
          </a:fontRef>
        </p:style>
        <p:txBody>
          <a:bodyPr wrap="square" lIns="33699" tIns="16849" rIns="33699" bIns="16849" anchor="ctr" anchorCtr="1">
            <a:noAutofit/>
          </a:bodyPr>
          <a:lstStyle/>
          <a:p>
            <a:pPr algn="ctr" defTabSz="1176259" eaLnBrk="0" hangingPunct="0">
              <a:buSzPct val="60000"/>
            </a:pPr>
            <a:endParaRPr lang="zh-CN" altLang="en-US" sz="2800" b="1" dirty="0" smtClean="0">
              <a:solidFill>
                <a:prstClr val="white"/>
              </a:solidFill>
              <a:latin typeface="Arial" pitchFamily="34" charset="0"/>
              <a:ea typeface="微软雅黑" pitchFamily="34" charset="-122"/>
              <a:cs typeface="Arial" pitchFamily="34" charset="0"/>
            </a:endParaRPr>
          </a:p>
        </p:txBody>
      </p:sp>
      <p:sp>
        <p:nvSpPr>
          <p:cNvPr id="54" name="同侧圆角矩形 53"/>
          <p:cNvSpPr/>
          <p:nvPr/>
        </p:nvSpPr>
        <p:spPr bwMode="auto">
          <a:xfrm>
            <a:off x="9382541" y="2604725"/>
            <a:ext cx="8273720" cy="6185402"/>
          </a:xfrm>
          <a:prstGeom prst="round2SameRect">
            <a:avLst>
              <a:gd name="adj1" fmla="val 0"/>
              <a:gd name="adj2" fmla="val 0"/>
            </a:avLst>
          </a:prstGeom>
          <a:solidFill>
            <a:srgbClr val="F9F9F9"/>
          </a:solidFill>
          <a:ln w="9525" algn="ctr">
            <a:solidFill>
              <a:schemeClr val="bg1">
                <a:lumMod val="85000"/>
              </a:schemeClr>
            </a:solidFill>
            <a:round/>
            <a:headEnd/>
            <a:tailEnd/>
          </a:ln>
          <a:effectLst>
            <a:outerShdw blurRad="63500" sx="101000" sy="101000" algn="ctr" rotWithShape="0">
              <a:prstClr val="black">
                <a:alpha val="20000"/>
              </a:prstClr>
            </a:outerShdw>
            <a:softEdge rad="12700"/>
          </a:effectLst>
        </p:spPr>
        <p:txBody>
          <a:bodyPr wrap="none" lIns="137151" tIns="68576" rIns="137151" bIns="68576" anchor="ctr"/>
          <a:lstStyle/>
          <a:p>
            <a:pPr algn="ctr" defTabSz="1371508" eaLnBrk="0" fontAlgn="auto" hangingPunct="0">
              <a:spcBef>
                <a:spcPts val="0"/>
              </a:spcBef>
              <a:spcAft>
                <a:spcPts val="0"/>
              </a:spcAft>
              <a:buSzPct val="60000"/>
              <a:defRPr/>
            </a:pPr>
            <a:endParaRPr lang="en-US" altLang="zh-CN" sz="1000" kern="0" dirty="0" smtClean="0">
              <a:solidFill>
                <a:srgbClr val="5F5F5F"/>
              </a:solidFill>
              <a:latin typeface="Arial" pitchFamily="34" charset="0"/>
              <a:ea typeface="华文细黑" pitchFamily="2" charset="-122"/>
              <a:cs typeface="Arial" pitchFamily="34" charset="0"/>
            </a:endParaRPr>
          </a:p>
        </p:txBody>
      </p:sp>
      <p:sp>
        <p:nvSpPr>
          <p:cNvPr id="55" name="AutoShape 44"/>
          <p:cNvSpPr>
            <a:spLocks noChangeArrowheads="1"/>
          </p:cNvSpPr>
          <p:nvPr/>
        </p:nvSpPr>
        <p:spPr bwMode="auto">
          <a:xfrm>
            <a:off x="9404579" y="1865587"/>
            <a:ext cx="8273720" cy="867776"/>
          </a:xfrm>
          <a:prstGeom prst="round2SameRect">
            <a:avLst>
              <a:gd name="adj1" fmla="val 0"/>
              <a:gd name="adj2" fmla="val 0"/>
            </a:avLst>
          </a:prstGeom>
          <a:solidFill>
            <a:srgbClr val="B90000"/>
          </a:solidFill>
          <a:ln>
            <a:headEnd/>
            <a:tailEnd/>
          </a:ln>
          <a:scene3d>
            <a:camera prst="orthographicFront">
              <a:rot lat="0" lon="0" rev="0"/>
            </a:camera>
            <a:lightRig rig="threePt" dir="t">
              <a:rot lat="0" lon="0" rev="1200000"/>
            </a:lightRig>
          </a:scene3d>
          <a:sp3d/>
          <a:extLst/>
        </p:spPr>
        <p:style>
          <a:lnRef idx="0">
            <a:schemeClr val="accent1"/>
          </a:lnRef>
          <a:fillRef idx="3">
            <a:schemeClr val="accent1"/>
          </a:fillRef>
          <a:effectRef idx="3">
            <a:schemeClr val="accent1"/>
          </a:effectRef>
          <a:fontRef idx="minor">
            <a:schemeClr val="lt1"/>
          </a:fontRef>
        </p:style>
        <p:txBody>
          <a:bodyPr wrap="square" lIns="33699" tIns="16849" rIns="33699" bIns="16849" anchor="ctr" anchorCtr="1">
            <a:noAutofit/>
          </a:bodyPr>
          <a:lstStyle/>
          <a:p>
            <a:pPr defTabSz="1176259" eaLnBrk="0" hangingPunct="0">
              <a:buSzPct val="60000"/>
            </a:pPr>
            <a:endParaRPr lang="zh-CN" altLang="en-US" sz="2800" b="1" dirty="0" smtClean="0">
              <a:solidFill>
                <a:prstClr val="white"/>
              </a:solidFill>
              <a:latin typeface="Arial" pitchFamily="34" charset="0"/>
              <a:ea typeface="微软雅黑" pitchFamily="34" charset="-122"/>
              <a:cs typeface="Arial" pitchFamily="34" charset="0"/>
            </a:endParaRPr>
          </a:p>
        </p:txBody>
      </p:sp>
      <p:pic>
        <p:nvPicPr>
          <p:cNvPr id="58" name="Picture 3" descr="F:\华为图库\公司\com200906080004_Hrwe副本.png"/>
          <p:cNvPicPr>
            <a:picLocks noChangeAspect="1" noChangeArrowheads="1"/>
          </p:cNvPicPr>
          <p:nvPr/>
        </p:nvPicPr>
        <p:blipFill>
          <a:blip r:embed="rId3" cstate="screen">
            <a:grayscl/>
          </a:blip>
          <a:srcRect/>
          <a:stretch>
            <a:fillRect/>
          </a:stretch>
        </p:blipFill>
        <p:spPr bwMode="auto">
          <a:xfrm>
            <a:off x="7252964" y="1589047"/>
            <a:ext cx="1556020" cy="1353292"/>
          </a:xfrm>
          <a:prstGeom prst="rect">
            <a:avLst/>
          </a:prstGeom>
          <a:noFill/>
        </p:spPr>
      </p:pic>
      <p:pic>
        <p:nvPicPr>
          <p:cNvPr id="59" name="Picture 8" descr="C:\Users\z00124665\Desktop\com200906080004_Hrwe.png"/>
          <p:cNvPicPr>
            <a:picLocks noChangeAspect="1" noChangeArrowheads="1"/>
          </p:cNvPicPr>
          <p:nvPr/>
        </p:nvPicPr>
        <p:blipFill>
          <a:blip r:embed="rId4" cstate="screen">
            <a:grayscl/>
          </a:blip>
          <a:srcRect/>
          <a:stretch>
            <a:fillRect/>
          </a:stretch>
        </p:blipFill>
        <p:spPr bwMode="auto">
          <a:xfrm>
            <a:off x="15585036" y="1584164"/>
            <a:ext cx="1562945" cy="1359317"/>
          </a:xfrm>
          <a:prstGeom prst="rect">
            <a:avLst/>
          </a:prstGeom>
          <a:noFill/>
        </p:spPr>
      </p:pic>
      <p:sp>
        <p:nvSpPr>
          <p:cNvPr id="61" name="矩形 60"/>
          <p:cNvSpPr/>
          <p:nvPr/>
        </p:nvSpPr>
        <p:spPr>
          <a:xfrm>
            <a:off x="1064644" y="1781432"/>
            <a:ext cx="7412481" cy="877155"/>
          </a:xfrm>
          <a:prstGeom prst="rect">
            <a:avLst/>
          </a:prstGeom>
        </p:spPr>
        <p:txBody>
          <a:bodyPr wrap="square" lIns="137151" tIns="68576" rIns="137151" bIns="68576" anchor="ctr">
            <a:spAutoFit/>
          </a:bodyPr>
          <a:lstStyle/>
          <a:p>
            <a:pPr marL="428596" indent="-428596" defTabSz="1252454">
              <a:lnSpc>
                <a:spcPct val="150000"/>
              </a:lnSpc>
              <a:spcBef>
                <a:spcPts val="0"/>
              </a:spcBef>
              <a:buClr>
                <a:srgbClr val="C00000"/>
              </a:buClr>
              <a:buSzPct val="60000"/>
            </a:pPr>
            <a:r>
              <a:rPr lang="en-US" altLang="zh-CN" sz="3200" b="1" kern="0" dirty="0" smtClean="0">
                <a:solidFill>
                  <a:schemeClr val="bg1"/>
                </a:solidFill>
                <a:latin typeface="Arial" pitchFamily="34" charset="0"/>
                <a:ea typeface="微软雅黑" pitchFamily="34" charset="-122"/>
                <a:cs typeface="Arial" pitchFamily="34" charset="0"/>
              </a:rPr>
              <a:t>R&amp;D investment</a:t>
            </a:r>
          </a:p>
        </p:txBody>
      </p:sp>
      <p:sp>
        <p:nvSpPr>
          <p:cNvPr id="62" name="矩形 61"/>
          <p:cNvSpPr/>
          <p:nvPr/>
        </p:nvSpPr>
        <p:spPr>
          <a:xfrm>
            <a:off x="9933733" y="1781434"/>
            <a:ext cx="7744566" cy="877155"/>
          </a:xfrm>
          <a:prstGeom prst="rect">
            <a:avLst/>
          </a:prstGeom>
        </p:spPr>
        <p:txBody>
          <a:bodyPr wrap="square" lIns="137151" tIns="68576" rIns="137151" bIns="68576" anchor="ctr">
            <a:spAutoFit/>
          </a:bodyPr>
          <a:lstStyle/>
          <a:p>
            <a:pPr marL="428596" indent="-428596" defTabSz="1252454">
              <a:lnSpc>
                <a:spcPct val="150000"/>
              </a:lnSpc>
              <a:spcBef>
                <a:spcPts val="0"/>
              </a:spcBef>
              <a:buClr>
                <a:srgbClr val="C00000"/>
              </a:buClr>
              <a:buSzPct val="60000"/>
            </a:pPr>
            <a:r>
              <a:rPr lang="en-US" altLang="zh-CN" sz="3200" b="1" kern="0" dirty="0" smtClean="0">
                <a:solidFill>
                  <a:schemeClr val="bg1"/>
                </a:solidFill>
                <a:latin typeface="Arial" pitchFamily="34" charset="0"/>
                <a:ea typeface="微软雅黑" pitchFamily="34" charset="-122"/>
                <a:cs typeface="Arial" pitchFamily="34" charset="0"/>
              </a:rPr>
              <a:t>Standards and patents</a:t>
            </a:r>
          </a:p>
        </p:txBody>
      </p:sp>
      <p:sp>
        <p:nvSpPr>
          <p:cNvPr id="99" name="矩形 98"/>
          <p:cNvSpPr/>
          <p:nvPr/>
        </p:nvSpPr>
        <p:spPr>
          <a:xfrm>
            <a:off x="11344414" y="3014506"/>
            <a:ext cx="6241557" cy="2883858"/>
          </a:xfrm>
          <a:prstGeom prst="rect">
            <a:avLst/>
          </a:prstGeom>
        </p:spPr>
        <p:txBody>
          <a:bodyPr wrap="square" lIns="137151" tIns="68576" rIns="137151" bIns="68576" anchor="ctr">
            <a:spAutoFit/>
          </a:bodyPr>
          <a:lstStyle/>
          <a:p>
            <a:pPr marL="365833" indent="-365833" defTabSz="1252454">
              <a:lnSpc>
                <a:spcPct val="120000"/>
              </a:lnSpc>
              <a:spcBef>
                <a:spcPts val="0"/>
              </a:spcBef>
              <a:spcAft>
                <a:spcPts val="1200"/>
              </a:spcAft>
              <a:buClr>
                <a:srgbClr val="C00000"/>
              </a:buClr>
              <a:buSzPct val="60000"/>
              <a:buFont typeface="Wingdings" pitchFamily="2" charset="2"/>
              <a:buChar char="l"/>
            </a:pPr>
            <a:r>
              <a:rPr lang="en-US" altLang="zh-CN" sz="2200" kern="0" dirty="0" smtClean="0">
                <a:solidFill>
                  <a:schemeClr val="tx1">
                    <a:lumMod val="75000"/>
                    <a:lumOff val="25000"/>
                  </a:schemeClr>
                </a:solidFill>
                <a:latin typeface="Arial" pitchFamily="34" charset="0"/>
                <a:ea typeface="微软雅黑" pitchFamily="34" charset="-122"/>
                <a:cs typeface="Arial" pitchFamily="34" charset="0"/>
              </a:rPr>
              <a:t>Membership in </a:t>
            </a:r>
            <a:r>
              <a:rPr lang="en-US" altLang="zh-CN" sz="2200" b="1" kern="0" dirty="0" smtClean="0">
                <a:solidFill>
                  <a:srgbClr val="C00000"/>
                </a:solidFill>
                <a:latin typeface="Arial" pitchFamily="34" charset="0"/>
                <a:ea typeface="微软雅黑" pitchFamily="34" charset="-122"/>
                <a:cs typeface="Arial" pitchFamily="34" charset="0"/>
              </a:rPr>
              <a:t>170</a:t>
            </a:r>
            <a:r>
              <a:rPr lang="en-US" altLang="zh-CN" sz="2200" kern="0" dirty="0" smtClean="0">
                <a:solidFill>
                  <a:schemeClr val="tx1">
                    <a:lumMod val="75000"/>
                    <a:lumOff val="25000"/>
                  </a:schemeClr>
                </a:solidFill>
                <a:latin typeface="Arial" pitchFamily="34" charset="0"/>
                <a:ea typeface="微软雅黑" pitchFamily="34" charset="-122"/>
                <a:cs typeface="Arial" pitchFamily="34" charset="0"/>
              </a:rPr>
              <a:t> international standards organizations such as IEEE, IETF, DMTF, Continua, and HL7</a:t>
            </a:r>
          </a:p>
          <a:p>
            <a:pPr marL="365833" indent="-365833" defTabSz="1252454">
              <a:lnSpc>
                <a:spcPct val="120000"/>
              </a:lnSpc>
              <a:spcBef>
                <a:spcPts val="0"/>
              </a:spcBef>
              <a:spcAft>
                <a:spcPts val="1200"/>
              </a:spcAft>
              <a:buClr>
                <a:srgbClr val="C00000"/>
              </a:buClr>
              <a:buSzPct val="60000"/>
              <a:buFont typeface="Wingdings" pitchFamily="2" charset="2"/>
              <a:buChar char="l"/>
            </a:pPr>
            <a:r>
              <a:rPr lang="en-US" altLang="zh-CN" sz="2200" b="1" kern="0" dirty="0" smtClean="0">
                <a:solidFill>
                  <a:srgbClr val="C00000"/>
                </a:solidFill>
                <a:latin typeface="Arial" pitchFamily="34" charset="0"/>
                <a:ea typeface="微软雅黑" pitchFamily="34" charset="-122"/>
                <a:cs typeface="Arial" pitchFamily="34" charset="0"/>
              </a:rPr>
              <a:t>180+ </a:t>
            </a:r>
            <a:r>
              <a:rPr lang="en-US" altLang="zh-CN" sz="2200" kern="0" dirty="0" smtClean="0">
                <a:solidFill>
                  <a:schemeClr val="tx1">
                    <a:lumMod val="75000"/>
                    <a:lumOff val="25000"/>
                  </a:schemeClr>
                </a:solidFill>
                <a:latin typeface="Arial" pitchFamily="34" charset="0"/>
                <a:ea typeface="微软雅黑" pitchFamily="34" charset="-122"/>
                <a:cs typeface="Arial" pitchFamily="34" charset="0"/>
              </a:rPr>
              <a:t>positions in international standards organizations</a:t>
            </a:r>
          </a:p>
          <a:p>
            <a:pPr marL="365833" indent="-365833" defTabSz="1252454">
              <a:lnSpc>
                <a:spcPct val="120000"/>
              </a:lnSpc>
              <a:spcBef>
                <a:spcPts val="0"/>
              </a:spcBef>
              <a:spcAft>
                <a:spcPts val="1200"/>
              </a:spcAft>
              <a:buClr>
                <a:srgbClr val="C00000"/>
              </a:buClr>
              <a:buSzPct val="60000"/>
              <a:buFont typeface="Wingdings" pitchFamily="2" charset="2"/>
              <a:buChar char="l"/>
            </a:pPr>
            <a:r>
              <a:rPr lang="en-US" altLang="zh-CN" sz="2200" b="1" kern="0" dirty="0" smtClean="0">
                <a:solidFill>
                  <a:srgbClr val="C00000"/>
                </a:solidFill>
                <a:latin typeface="Arial" pitchFamily="34" charset="0"/>
                <a:ea typeface="微软雅黑" pitchFamily="34" charset="-122"/>
                <a:cs typeface="Arial" pitchFamily="34" charset="0"/>
              </a:rPr>
              <a:t>5,000</a:t>
            </a:r>
            <a:r>
              <a:rPr lang="en-US" altLang="zh-CN" sz="2200" kern="0" dirty="0" smtClean="0">
                <a:solidFill>
                  <a:schemeClr val="tx1">
                    <a:lumMod val="75000"/>
                    <a:lumOff val="25000"/>
                  </a:schemeClr>
                </a:solidFill>
                <a:latin typeface="Arial" pitchFamily="34" charset="0"/>
                <a:ea typeface="微软雅黑" pitchFamily="34" charset="-122"/>
                <a:cs typeface="Arial" pitchFamily="34" charset="0"/>
              </a:rPr>
              <a:t> standards-related manuscripts in 2013</a:t>
            </a:r>
            <a:endParaRPr lang="zh-CN" altLang="en-US" sz="2200" kern="0" dirty="0" smtClean="0">
              <a:solidFill>
                <a:schemeClr val="tx1">
                  <a:lumMod val="75000"/>
                  <a:lumOff val="25000"/>
                </a:schemeClr>
              </a:solidFill>
              <a:latin typeface="Arial" pitchFamily="34" charset="0"/>
              <a:ea typeface="微软雅黑" pitchFamily="34" charset="-122"/>
              <a:cs typeface="Arial" pitchFamily="34" charset="0"/>
            </a:endParaRPr>
          </a:p>
        </p:txBody>
      </p:sp>
      <p:cxnSp>
        <p:nvCxnSpPr>
          <p:cNvPr id="100" name="直接连接符 99"/>
          <p:cNvCxnSpPr/>
          <p:nvPr/>
        </p:nvCxnSpPr>
        <p:spPr bwMode="auto">
          <a:xfrm>
            <a:off x="9729458" y="6119106"/>
            <a:ext cx="7710972" cy="0"/>
          </a:xfrm>
          <a:prstGeom prst="line">
            <a:avLst/>
          </a:prstGeom>
          <a:noFill/>
          <a:ln w="6350" cap="flat" cmpd="sng" algn="ctr">
            <a:solidFill>
              <a:schemeClr val="bg2">
                <a:lumMod val="75000"/>
              </a:schemeClr>
            </a:solidFill>
            <a:prstDash val="solid"/>
            <a:round/>
            <a:headEnd type="none" w="med" len="med"/>
            <a:tailEnd type="none" w="med" len="med"/>
          </a:ln>
          <a:effectLst/>
        </p:spPr>
      </p:cxnSp>
      <p:sp>
        <p:nvSpPr>
          <p:cNvPr id="102" name="Content Placeholder 3"/>
          <p:cNvSpPr txBox="1">
            <a:spLocks/>
          </p:cNvSpPr>
          <p:nvPr/>
        </p:nvSpPr>
        <p:spPr>
          <a:xfrm>
            <a:off x="9698571" y="4708263"/>
            <a:ext cx="1677573" cy="581191"/>
          </a:xfrm>
          <a:prstGeom prst="rect">
            <a:avLst/>
          </a:prstGeom>
        </p:spPr>
        <p:txBody>
          <a:bodyPr lIns="182917" tIns="91458" rIns="182917" bIns="91458"/>
          <a:lstStyle/>
          <a:p>
            <a:pPr marL="685937" indent="-685937" algn="ctr" defTabSz="1829166" eaLnBrk="0" fontAlgn="auto" hangingPunct="0">
              <a:lnSpc>
                <a:spcPts val="3401"/>
              </a:lnSpc>
              <a:spcBef>
                <a:spcPts val="0"/>
              </a:spcBef>
              <a:spcAft>
                <a:spcPts val="0"/>
              </a:spcAft>
              <a:buClr>
                <a:srgbClr val="777777"/>
              </a:buClr>
              <a:buSzPct val="60000"/>
              <a:defRPr/>
            </a:pPr>
            <a:r>
              <a:rPr lang="en-US" altLang="zh-CN" sz="2000" b="1" kern="0" dirty="0" smtClean="0">
                <a:solidFill>
                  <a:srgbClr val="BC0000"/>
                </a:solidFill>
                <a:latin typeface="Arial" pitchFamily="34" charset="0"/>
                <a:ea typeface="微软雅黑" pitchFamily="34" charset="-122"/>
                <a:cs typeface="Arial" pitchFamily="34" charset="0"/>
              </a:rPr>
              <a:t>Standards</a:t>
            </a:r>
          </a:p>
          <a:p>
            <a:pPr marL="685937" indent="-685937" algn="ctr" defTabSz="1829166" eaLnBrk="0" fontAlgn="auto" hangingPunct="0">
              <a:lnSpc>
                <a:spcPts val="3401"/>
              </a:lnSpc>
              <a:spcBef>
                <a:spcPts val="0"/>
              </a:spcBef>
              <a:spcAft>
                <a:spcPts val="0"/>
              </a:spcAft>
              <a:buClr>
                <a:srgbClr val="777777"/>
              </a:buClr>
              <a:buSzPct val="60000"/>
              <a:defRPr/>
            </a:pPr>
            <a:endParaRPr lang="en-US" altLang="zh-CN" sz="2000" b="1" kern="0" dirty="0" smtClean="0">
              <a:solidFill>
                <a:srgbClr val="BC0000"/>
              </a:solidFill>
              <a:latin typeface="Arial" pitchFamily="34" charset="0"/>
              <a:ea typeface="微软雅黑" pitchFamily="34" charset="-122"/>
              <a:cs typeface="Arial" pitchFamily="34" charset="0"/>
            </a:endParaRPr>
          </a:p>
          <a:p>
            <a:pPr marL="685937" indent="-685937" algn="ctr" defTabSz="1829166" eaLnBrk="0" hangingPunct="0">
              <a:lnSpc>
                <a:spcPts val="3401"/>
              </a:lnSpc>
              <a:buClr>
                <a:srgbClr val="777777"/>
              </a:buClr>
              <a:buSzPct val="60000"/>
              <a:defRPr/>
            </a:pPr>
            <a:endParaRPr lang="en-US" altLang="zh-CN" sz="2000" b="1" kern="0" dirty="0" smtClean="0">
              <a:solidFill>
                <a:srgbClr val="BC0000"/>
              </a:solidFill>
              <a:latin typeface="Arial" pitchFamily="34" charset="0"/>
              <a:ea typeface="微软雅黑" pitchFamily="34" charset="-122"/>
              <a:cs typeface="Arial" pitchFamily="34" charset="0"/>
            </a:endParaRPr>
          </a:p>
        </p:txBody>
      </p:sp>
      <p:sp>
        <p:nvSpPr>
          <p:cNvPr id="105" name="矩形 104"/>
          <p:cNvSpPr/>
          <p:nvPr/>
        </p:nvSpPr>
        <p:spPr>
          <a:xfrm>
            <a:off x="11344415" y="6279559"/>
            <a:ext cx="6057375" cy="2323705"/>
          </a:xfrm>
          <a:prstGeom prst="rect">
            <a:avLst/>
          </a:prstGeom>
        </p:spPr>
        <p:txBody>
          <a:bodyPr wrap="square" lIns="137151" tIns="68576" rIns="137151" bIns="68576" anchor="ctr">
            <a:spAutoFit/>
          </a:bodyPr>
          <a:lstStyle/>
          <a:p>
            <a:pPr marL="365833" indent="-365833" defTabSz="1252454">
              <a:lnSpc>
                <a:spcPct val="120000"/>
              </a:lnSpc>
              <a:spcBef>
                <a:spcPts val="0"/>
              </a:spcBef>
              <a:spcAft>
                <a:spcPts val="1200"/>
              </a:spcAft>
              <a:buClr>
                <a:srgbClr val="C00000"/>
              </a:buClr>
              <a:buSzPct val="60000"/>
              <a:buFont typeface="Wingdings" pitchFamily="2" charset="2"/>
              <a:buChar char="l"/>
            </a:pPr>
            <a:r>
              <a:rPr lang="en-US" altLang="zh-CN" sz="2200" b="1" kern="0" dirty="0" smtClean="0">
                <a:solidFill>
                  <a:srgbClr val="C00000"/>
                </a:solidFill>
                <a:latin typeface="Arial" pitchFamily="34" charset="0"/>
                <a:ea typeface="微软雅黑" pitchFamily="34" charset="-122"/>
                <a:cs typeface="Arial" pitchFamily="34" charset="0"/>
              </a:rPr>
              <a:t>44,168 </a:t>
            </a:r>
            <a:r>
              <a:rPr lang="en-US" altLang="zh-CN" sz="2200" dirty="0" smtClean="0">
                <a:latin typeface="Arial" pitchFamily="34" charset="0"/>
                <a:cs typeface="Arial" pitchFamily="34" charset="0"/>
              </a:rPr>
              <a:t>patent applications in China; </a:t>
            </a:r>
            <a:r>
              <a:rPr lang="en-US" altLang="zh-CN" sz="2200" b="1" dirty="0" smtClean="0">
                <a:solidFill>
                  <a:srgbClr val="C00000"/>
                </a:solidFill>
                <a:latin typeface="Arial" pitchFamily="34" charset="0"/>
                <a:cs typeface="Arial" pitchFamily="34" charset="0"/>
              </a:rPr>
              <a:t>14,555</a:t>
            </a:r>
            <a:r>
              <a:rPr lang="en-US" altLang="zh-CN" sz="2200" dirty="0" smtClean="0">
                <a:latin typeface="Arial" pitchFamily="34" charset="0"/>
                <a:cs typeface="Arial" pitchFamily="34" charset="0"/>
              </a:rPr>
              <a:t> PCT patent applications and </a:t>
            </a:r>
            <a:r>
              <a:rPr lang="en-US" altLang="zh-CN" sz="2200" b="1" dirty="0" smtClean="0">
                <a:solidFill>
                  <a:srgbClr val="C00000"/>
                </a:solidFill>
                <a:latin typeface="Arial" pitchFamily="34" charset="0"/>
                <a:cs typeface="Arial" pitchFamily="34" charset="0"/>
              </a:rPr>
              <a:t>18,791</a:t>
            </a:r>
            <a:r>
              <a:rPr lang="en-US" altLang="zh-CN" sz="2200" dirty="0" smtClean="0">
                <a:latin typeface="Arial" pitchFamily="34" charset="0"/>
                <a:cs typeface="Arial" pitchFamily="34" charset="0"/>
              </a:rPr>
              <a:t> patent applications outside of China. </a:t>
            </a:r>
          </a:p>
          <a:p>
            <a:pPr marL="365833" indent="-365833" defTabSz="1252454">
              <a:lnSpc>
                <a:spcPct val="120000"/>
              </a:lnSpc>
              <a:spcBef>
                <a:spcPts val="0"/>
              </a:spcBef>
              <a:spcAft>
                <a:spcPts val="1200"/>
              </a:spcAft>
              <a:buClr>
                <a:srgbClr val="C00000"/>
              </a:buClr>
              <a:buSzPct val="60000"/>
              <a:buFont typeface="Wingdings" pitchFamily="2" charset="2"/>
              <a:buChar char="l"/>
            </a:pPr>
            <a:r>
              <a:rPr lang="en-US" altLang="zh-CN" sz="2200" b="1" kern="0" dirty="0" smtClean="0">
                <a:solidFill>
                  <a:srgbClr val="C00000"/>
                </a:solidFill>
                <a:latin typeface="Arial" pitchFamily="34" charset="0"/>
                <a:ea typeface="微软雅黑" pitchFamily="34" charset="-122"/>
                <a:cs typeface="Arial" pitchFamily="34" charset="0"/>
              </a:rPr>
              <a:t>36,511</a:t>
            </a:r>
            <a:r>
              <a:rPr lang="en-US" altLang="zh-CN" sz="2200" dirty="0" smtClean="0">
                <a:latin typeface="Arial" pitchFamily="34" charset="0"/>
                <a:cs typeface="Arial" pitchFamily="34" charset="0"/>
              </a:rPr>
              <a:t> patent applications granted (by Dec  31, 2012).</a:t>
            </a:r>
          </a:p>
        </p:txBody>
      </p:sp>
      <p:grpSp>
        <p:nvGrpSpPr>
          <p:cNvPr id="2" name="组合 105"/>
          <p:cNvGrpSpPr/>
          <p:nvPr/>
        </p:nvGrpSpPr>
        <p:grpSpPr>
          <a:xfrm>
            <a:off x="9953265" y="6460888"/>
            <a:ext cx="1203091" cy="1302152"/>
            <a:chOff x="10696575" y="1546225"/>
            <a:chExt cx="339725" cy="412750"/>
          </a:xfrm>
          <a:solidFill>
            <a:schemeClr val="tx1">
              <a:lumMod val="75000"/>
              <a:lumOff val="25000"/>
            </a:schemeClr>
          </a:solidFill>
        </p:grpSpPr>
        <p:sp>
          <p:nvSpPr>
            <p:cNvPr id="107" name="Rectangle 97"/>
            <p:cNvSpPr>
              <a:spLocks noChangeArrowheads="1"/>
            </p:cNvSpPr>
            <p:nvPr/>
          </p:nvSpPr>
          <p:spPr bwMode="auto">
            <a:xfrm>
              <a:off x="10864850" y="1743075"/>
              <a:ext cx="120650" cy="15875"/>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sp>
          <p:nvSpPr>
            <p:cNvPr id="108" name="Rectangle 98"/>
            <p:cNvSpPr>
              <a:spLocks noChangeArrowheads="1"/>
            </p:cNvSpPr>
            <p:nvPr/>
          </p:nvSpPr>
          <p:spPr bwMode="auto">
            <a:xfrm>
              <a:off x="10864850" y="1787525"/>
              <a:ext cx="120650" cy="15875"/>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sp>
          <p:nvSpPr>
            <p:cNvPr id="109" name="Rectangle 99"/>
            <p:cNvSpPr>
              <a:spLocks noChangeArrowheads="1"/>
            </p:cNvSpPr>
            <p:nvPr/>
          </p:nvSpPr>
          <p:spPr bwMode="auto">
            <a:xfrm>
              <a:off x="10864850" y="1828800"/>
              <a:ext cx="120650" cy="15875"/>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sp>
          <p:nvSpPr>
            <p:cNvPr id="110" name="Freeform 100"/>
            <p:cNvSpPr>
              <a:spLocks/>
            </p:cNvSpPr>
            <p:nvPr/>
          </p:nvSpPr>
          <p:spPr bwMode="auto">
            <a:xfrm>
              <a:off x="10696575" y="1635125"/>
              <a:ext cx="133350" cy="133350"/>
            </a:xfrm>
            <a:custGeom>
              <a:avLst/>
              <a:gdLst/>
              <a:ahLst/>
              <a:cxnLst>
                <a:cxn ang="0">
                  <a:pos x="84" y="42"/>
                </a:cxn>
                <a:cxn ang="0">
                  <a:pos x="84" y="42"/>
                </a:cxn>
                <a:cxn ang="0">
                  <a:pos x="82" y="50"/>
                </a:cxn>
                <a:cxn ang="0">
                  <a:pos x="80" y="58"/>
                </a:cxn>
                <a:cxn ang="0">
                  <a:pos x="76" y="66"/>
                </a:cxn>
                <a:cxn ang="0">
                  <a:pos x="72" y="72"/>
                </a:cxn>
                <a:cxn ang="0">
                  <a:pos x="66" y="76"/>
                </a:cxn>
                <a:cxn ang="0">
                  <a:pos x="58" y="80"/>
                </a:cxn>
                <a:cxn ang="0">
                  <a:pos x="50" y="84"/>
                </a:cxn>
                <a:cxn ang="0">
                  <a:pos x="42" y="84"/>
                </a:cxn>
                <a:cxn ang="0">
                  <a:pos x="42" y="84"/>
                </a:cxn>
                <a:cxn ang="0">
                  <a:pos x="32" y="84"/>
                </a:cxn>
                <a:cxn ang="0">
                  <a:pos x="24" y="80"/>
                </a:cxn>
                <a:cxn ang="0">
                  <a:pos x="18" y="76"/>
                </a:cxn>
                <a:cxn ang="0">
                  <a:pos x="12" y="72"/>
                </a:cxn>
                <a:cxn ang="0">
                  <a:pos x="6" y="66"/>
                </a:cxn>
                <a:cxn ang="0">
                  <a:pos x="2" y="58"/>
                </a:cxn>
                <a:cxn ang="0">
                  <a:pos x="0" y="50"/>
                </a:cxn>
                <a:cxn ang="0">
                  <a:pos x="0" y="42"/>
                </a:cxn>
                <a:cxn ang="0">
                  <a:pos x="0" y="42"/>
                </a:cxn>
                <a:cxn ang="0">
                  <a:pos x="0" y="32"/>
                </a:cxn>
                <a:cxn ang="0">
                  <a:pos x="2" y="26"/>
                </a:cxn>
                <a:cxn ang="0">
                  <a:pos x="6" y="18"/>
                </a:cxn>
                <a:cxn ang="0">
                  <a:pos x="12" y="12"/>
                </a:cxn>
                <a:cxn ang="0">
                  <a:pos x="18" y="6"/>
                </a:cxn>
                <a:cxn ang="0">
                  <a:pos x="24" y="2"/>
                </a:cxn>
                <a:cxn ang="0">
                  <a:pos x="32" y="0"/>
                </a:cxn>
                <a:cxn ang="0">
                  <a:pos x="42" y="0"/>
                </a:cxn>
                <a:cxn ang="0">
                  <a:pos x="42" y="0"/>
                </a:cxn>
                <a:cxn ang="0">
                  <a:pos x="50" y="0"/>
                </a:cxn>
                <a:cxn ang="0">
                  <a:pos x="58" y="2"/>
                </a:cxn>
                <a:cxn ang="0">
                  <a:pos x="66" y="6"/>
                </a:cxn>
                <a:cxn ang="0">
                  <a:pos x="72" y="12"/>
                </a:cxn>
                <a:cxn ang="0">
                  <a:pos x="76" y="18"/>
                </a:cxn>
                <a:cxn ang="0">
                  <a:pos x="80" y="26"/>
                </a:cxn>
                <a:cxn ang="0">
                  <a:pos x="82" y="32"/>
                </a:cxn>
                <a:cxn ang="0">
                  <a:pos x="84" y="42"/>
                </a:cxn>
                <a:cxn ang="0">
                  <a:pos x="84" y="42"/>
                </a:cxn>
              </a:cxnLst>
              <a:rect l="0" t="0" r="r" b="b"/>
              <a:pathLst>
                <a:path w="84" h="84">
                  <a:moveTo>
                    <a:pt x="84" y="42"/>
                  </a:moveTo>
                  <a:lnTo>
                    <a:pt x="84" y="42"/>
                  </a:lnTo>
                  <a:lnTo>
                    <a:pt x="82" y="50"/>
                  </a:lnTo>
                  <a:lnTo>
                    <a:pt x="80" y="58"/>
                  </a:lnTo>
                  <a:lnTo>
                    <a:pt x="76" y="66"/>
                  </a:lnTo>
                  <a:lnTo>
                    <a:pt x="72" y="72"/>
                  </a:lnTo>
                  <a:lnTo>
                    <a:pt x="66" y="76"/>
                  </a:lnTo>
                  <a:lnTo>
                    <a:pt x="58" y="80"/>
                  </a:lnTo>
                  <a:lnTo>
                    <a:pt x="50" y="84"/>
                  </a:lnTo>
                  <a:lnTo>
                    <a:pt x="42" y="84"/>
                  </a:lnTo>
                  <a:lnTo>
                    <a:pt x="42" y="84"/>
                  </a:lnTo>
                  <a:lnTo>
                    <a:pt x="32" y="84"/>
                  </a:lnTo>
                  <a:lnTo>
                    <a:pt x="24" y="80"/>
                  </a:lnTo>
                  <a:lnTo>
                    <a:pt x="18" y="76"/>
                  </a:lnTo>
                  <a:lnTo>
                    <a:pt x="12" y="72"/>
                  </a:lnTo>
                  <a:lnTo>
                    <a:pt x="6" y="66"/>
                  </a:lnTo>
                  <a:lnTo>
                    <a:pt x="2" y="58"/>
                  </a:lnTo>
                  <a:lnTo>
                    <a:pt x="0" y="50"/>
                  </a:lnTo>
                  <a:lnTo>
                    <a:pt x="0" y="42"/>
                  </a:lnTo>
                  <a:lnTo>
                    <a:pt x="0" y="42"/>
                  </a:lnTo>
                  <a:lnTo>
                    <a:pt x="0" y="32"/>
                  </a:lnTo>
                  <a:lnTo>
                    <a:pt x="2" y="26"/>
                  </a:lnTo>
                  <a:lnTo>
                    <a:pt x="6" y="18"/>
                  </a:lnTo>
                  <a:lnTo>
                    <a:pt x="12" y="12"/>
                  </a:lnTo>
                  <a:lnTo>
                    <a:pt x="18" y="6"/>
                  </a:lnTo>
                  <a:lnTo>
                    <a:pt x="24" y="2"/>
                  </a:lnTo>
                  <a:lnTo>
                    <a:pt x="32" y="0"/>
                  </a:lnTo>
                  <a:lnTo>
                    <a:pt x="42" y="0"/>
                  </a:lnTo>
                  <a:lnTo>
                    <a:pt x="42" y="0"/>
                  </a:lnTo>
                  <a:lnTo>
                    <a:pt x="50" y="0"/>
                  </a:lnTo>
                  <a:lnTo>
                    <a:pt x="58" y="2"/>
                  </a:lnTo>
                  <a:lnTo>
                    <a:pt x="66" y="6"/>
                  </a:lnTo>
                  <a:lnTo>
                    <a:pt x="72" y="12"/>
                  </a:lnTo>
                  <a:lnTo>
                    <a:pt x="76" y="18"/>
                  </a:lnTo>
                  <a:lnTo>
                    <a:pt x="80" y="26"/>
                  </a:lnTo>
                  <a:lnTo>
                    <a:pt x="82" y="32"/>
                  </a:lnTo>
                  <a:lnTo>
                    <a:pt x="84" y="42"/>
                  </a:lnTo>
                  <a:lnTo>
                    <a:pt x="84" y="4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sp>
          <p:nvSpPr>
            <p:cNvPr id="111" name="Freeform 101"/>
            <p:cNvSpPr>
              <a:spLocks/>
            </p:cNvSpPr>
            <p:nvPr/>
          </p:nvSpPr>
          <p:spPr bwMode="auto">
            <a:xfrm>
              <a:off x="10709275" y="1768475"/>
              <a:ext cx="104775" cy="190500"/>
            </a:xfrm>
            <a:custGeom>
              <a:avLst/>
              <a:gdLst/>
              <a:ahLst/>
              <a:cxnLst>
                <a:cxn ang="0">
                  <a:pos x="34" y="10"/>
                </a:cxn>
                <a:cxn ang="0">
                  <a:pos x="34" y="10"/>
                </a:cxn>
                <a:cxn ang="0">
                  <a:pos x="24" y="8"/>
                </a:cxn>
                <a:cxn ang="0">
                  <a:pos x="16" y="6"/>
                </a:cxn>
                <a:cxn ang="0">
                  <a:pos x="8" y="4"/>
                </a:cxn>
                <a:cxn ang="0">
                  <a:pos x="0" y="0"/>
                </a:cxn>
                <a:cxn ang="0">
                  <a:pos x="0" y="120"/>
                </a:cxn>
                <a:cxn ang="0">
                  <a:pos x="2" y="120"/>
                </a:cxn>
                <a:cxn ang="0">
                  <a:pos x="32" y="74"/>
                </a:cxn>
                <a:cxn ang="0">
                  <a:pos x="64" y="120"/>
                </a:cxn>
                <a:cxn ang="0">
                  <a:pos x="66" y="120"/>
                </a:cxn>
                <a:cxn ang="0">
                  <a:pos x="66" y="0"/>
                </a:cxn>
                <a:cxn ang="0">
                  <a:pos x="66" y="0"/>
                </a:cxn>
                <a:cxn ang="0">
                  <a:pos x="58" y="4"/>
                </a:cxn>
                <a:cxn ang="0">
                  <a:pos x="50" y="6"/>
                </a:cxn>
                <a:cxn ang="0">
                  <a:pos x="42" y="8"/>
                </a:cxn>
                <a:cxn ang="0">
                  <a:pos x="34" y="10"/>
                </a:cxn>
                <a:cxn ang="0">
                  <a:pos x="34" y="10"/>
                </a:cxn>
              </a:cxnLst>
              <a:rect l="0" t="0" r="r" b="b"/>
              <a:pathLst>
                <a:path w="66" h="120">
                  <a:moveTo>
                    <a:pt x="34" y="10"/>
                  </a:moveTo>
                  <a:lnTo>
                    <a:pt x="34" y="10"/>
                  </a:lnTo>
                  <a:lnTo>
                    <a:pt x="24" y="8"/>
                  </a:lnTo>
                  <a:lnTo>
                    <a:pt x="16" y="6"/>
                  </a:lnTo>
                  <a:lnTo>
                    <a:pt x="8" y="4"/>
                  </a:lnTo>
                  <a:lnTo>
                    <a:pt x="0" y="0"/>
                  </a:lnTo>
                  <a:lnTo>
                    <a:pt x="0" y="120"/>
                  </a:lnTo>
                  <a:lnTo>
                    <a:pt x="2" y="120"/>
                  </a:lnTo>
                  <a:lnTo>
                    <a:pt x="32" y="74"/>
                  </a:lnTo>
                  <a:lnTo>
                    <a:pt x="64" y="120"/>
                  </a:lnTo>
                  <a:lnTo>
                    <a:pt x="66" y="120"/>
                  </a:lnTo>
                  <a:lnTo>
                    <a:pt x="66" y="0"/>
                  </a:lnTo>
                  <a:lnTo>
                    <a:pt x="66" y="0"/>
                  </a:lnTo>
                  <a:lnTo>
                    <a:pt x="58" y="4"/>
                  </a:lnTo>
                  <a:lnTo>
                    <a:pt x="50" y="6"/>
                  </a:lnTo>
                  <a:lnTo>
                    <a:pt x="42" y="8"/>
                  </a:lnTo>
                  <a:lnTo>
                    <a:pt x="34" y="10"/>
                  </a:lnTo>
                  <a:lnTo>
                    <a:pt x="34" y="1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sp>
          <p:nvSpPr>
            <p:cNvPr id="112" name="Freeform 102"/>
            <p:cNvSpPr>
              <a:spLocks noEditPoints="1"/>
            </p:cNvSpPr>
            <p:nvPr/>
          </p:nvSpPr>
          <p:spPr bwMode="auto">
            <a:xfrm>
              <a:off x="10750550" y="1546225"/>
              <a:ext cx="285750" cy="352425"/>
            </a:xfrm>
            <a:custGeom>
              <a:avLst/>
              <a:gdLst/>
              <a:ahLst/>
              <a:cxnLst>
                <a:cxn ang="0">
                  <a:pos x="180" y="104"/>
                </a:cxn>
                <a:cxn ang="0">
                  <a:pos x="180" y="104"/>
                </a:cxn>
                <a:cxn ang="0">
                  <a:pos x="180" y="104"/>
                </a:cxn>
                <a:cxn ang="0">
                  <a:pos x="180" y="104"/>
                </a:cxn>
                <a:cxn ang="0">
                  <a:pos x="180" y="102"/>
                </a:cxn>
                <a:cxn ang="0">
                  <a:pos x="78" y="0"/>
                </a:cxn>
                <a:cxn ang="0">
                  <a:pos x="76" y="0"/>
                </a:cxn>
                <a:cxn ang="0">
                  <a:pos x="76" y="0"/>
                </a:cxn>
                <a:cxn ang="0">
                  <a:pos x="20" y="0"/>
                </a:cxn>
                <a:cxn ang="0">
                  <a:pos x="20" y="0"/>
                </a:cxn>
                <a:cxn ang="0">
                  <a:pos x="12" y="2"/>
                </a:cxn>
                <a:cxn ang="0">
                  <a:pos x="6" y="6"/>
                </a:cxn>
                <a:cxn ang="0">
                  <a:pos x="0" y="12"/>
                </a:cxn>
                <a:cxn ang="0">
                  <a:pos x="0" y="20"/>
                </a:cxn>
                <a:cxn ang="0">
                  <a:pos x="0" y="42"/>
                </a:cxn>
                <a:cxn ang="0">
                  <a:pos x="14" y="42"/>
                </a:cxn>
                <a:cxn ang="0">
                  <a:pos x="14" y="20"/>
                </a:cxn>
                <a:cxn ang="0">
                  <a:pos x="14" y="20"/>
                </a:cxn>
                <a:cxn ang="0">
                  <a:pos x="16" y="18"/>
                </a:cxn>
                <a:cxn ang="0">
                  <a:pos x="20" y="16"/>
                </a:cxn>
                <a:cxn ang="0">
                  <a:pos x="76" y="16"/>
                </a:cxn>
                <a:cxn ang="0">
                  <a:pos x="76" y="82"/>
                </a:cxn>
                <a:cxn ang="0">
                  <a:pos x="76" y="82"/>
                </a:cxn>
                <a:cxn ang="0">
                  <a:pos x="78" y="90"/>
                </a:cxn>
                <a:cxn ang="0">
                  <a:pos x="82" y="98"/>
                </a:cxn>
                <a:cxn ang="0">
                  <a:pos x="90" y="102"/>
                </a:cxn>
                <a:cxn ang="0">
                  <a:pos x="98" y="104"/>
                </a:cxn>
                <a:cxn ang="0">
                  <a:pos x="164" y="104"/>
                </a:cxn>
                <a:cxn ang="0">
                  <a:pos x="164" y="202"/>
                </a:cxn>
                <a:cxn ang="0">
                  <a:pos x="164" y="202"/>
                </a:cxn>
                <a:cxn ang="0">
                  <a:pos x="162" y="206"/>
                </a:cxn>
                <a:cxn ang="0">
                  <a:pos x="160" y="206"/>
                </a:cxn>
                <a:cxn ang="0">
                  <a:pos x="90" y="206"/>
                </a:cxn>
                <a:cxn ang="0">
                  <a:pos x="76" y="222"/>
                </a:cxn>
                <a:cxn ang="0">
                  <a:pos x="160" y="222"/>
                </a:cxn>
                <a:cxn ang="0">
                  <a:pos x="160" y="222"/>
                </a:cxn>
                <a:cxn ang="0">
                  <a:pos x="168" y="220"/>
                </a:cxn>
                <a:cxn ang="0">
                  <a:pos x="174" y="216"/>
                </a:cxn>
                <a:cxn ang="0">
                  <a:pos x="178" y="210"/>
                </a:cxn>
                <a:cxn ang="0">
                  <a:pos x="180" y="202"/>
                </a:cxn>
                <a:cxn ang="0">
                  <a:pos x="180" y="104"/>
                </a:cxn>
                <a:cxn ang="0">
                  <a:pos x="180" y="104"/>
                </a:cxn>
                <a:cxn ang="0">
                  <a:pos x="92" y="82"/>
                </a:cxn>
                <a:cxn ang="0">
                  <a:pos x="92" y="28"/>
                </a:cxn>
                <a:cxn ang="0">
                  <a:pos x="152" y="88"/>
                </a:cxn>
                <a:cxn ang="0">
                  <a:pos x="98" y="88"/>
                </a:cxn>
                <a:cxn ang="0">
                  <a:pos x="98" y="88"/>
                </a:cxn>
                <a:cxn ang="0">
                  <a:pos x="94" y="86"/>
                </a:cxn>
                <a:cxn ang="0">
                  <a:pos x="92" y="82"/>
                </a:cxn>
                <a:cxn ang="0">
                  <a:pos x="92" y="82"/>
                </a:cxn>
              </a:cxnLst>
              <a:rect l="0" t="0" r="r" b="b"/>
              <a:pathLst>
                <a:path w="180" h="222">
                  <a:moveTo>
                    <a:pt x="180" y="104"/>
                  </a:moveTo>
                  <a:lnTo>
                    <a:pt x="180" y="104"/>
                  </a:lnTo>
                  <a:lnTo>
                    <a:pt x="180" y="104"/>
                  </a:lnTo>
                  <a:lnTo>
                    <a:pt x="180" y="104"/>
                  </a:lnTo>
                  <a:lnTo>
                    <a:pt x="180" y="102"/>
                  </a:lnTo>
                  <a:lnTo>
                    <a:pt x="78" y="0"/>
                  </a:lnTo>
                  <a:lnTo>
                    <a:pt x="76" y="0"/>
                  </a:lnTo>
                  <a:lnTo>
                    <a:pt x="76" y="0"/>
                  </a:lnTo>
                  <a:lnTo>
                    <a:pt x="20" y="0"/>
                  </a:lnTo>
                  <a:lnTo>
                    <a:pt x="20" y="0"/>
                  </a:lnTo>
                  <a:lnTo>
                    <a:pt x="12" y="2"/>
                  </a:lnTo>
                  <a:lnTo>
                    <a:pt x="6" y="6"/>
                  </a:lnTo>
                  <a:lnTo>
                    <a:pt x="0" y="12"/>
                  </a:lnTo>
                  <a:lnTo>
                    <a:pt x="0" y="20"/>
                  </a:lnTo>
                  <a:lnTo>
                    <a:pt x="0" y="42"/>
                  </a:lnTo>
                  <a:lnTo>
                    <a:pt x="14" y="42"/>
                  </a:lnTo>
                  <a:lnTo>
                    <a:pt x="14" y="20"/>
                  </a:lnTo>
                  <a:lnTo>
                    <a:pt x="14" y="20"/>
                  </a:lnTo>
                  <a:lnTo>
                    <a:pt x="16" y="18"/>
                  </a:lnTo>
                  <a:lnTo>
                    <a:pt x="20" y="16"/>
                  </a:lnTo>
                  <a:lnTo>
                    <a:pt x="76" y="16"/>
                  </a:lnTo>
                  <a:lnTo>
                    <a:pt x="76" y="82"/>
                  </a:lnTo>
                  <a:lnTo>
                    <a:pt x="76" y="82"/>
                  </a:lnTo>
                  <a:lnTo>
                    <a:pt x="78" y="90"/>
                  </a:lnTo>
                  <a:lnTo>
                    <a:pt x="82" y="98"/>
                  </a:lnTo>
                  <a:lnTo>
                    <a:pt x="90" y="102"/>
                  </a:lnTo>
                  <a:lnTo>
                    <a:pt x="98" y="104"/>
                  </a:lnTo>
                  <a:lnTo>
                    <a:pt x="164" y="104"/>
                  </a:lnTo>
                  <a:lnTo>
                    <a:pt x="164" y="202"/>
                  </a:lnTo>
                  <a:lnTo>
                    <a:pt x="164" y="202"/>
                  </a:lnTo>
                  <a:lnTo>
                    <a:pt x="162" y="206"/>
                  </a:lnTo>
                  <a:lnTo>
                    <a:pt x="160" y="206"/>
                  </a:lnTo>
                  <a:lnTo>
                    <a:pt x="90" y="206"/>
                  </a:lnTo>
                  <a:lnTo>
                    <a:pt x="76" y="222"/>
                  </a:lnTo>
                  <a:lnTo>
                    <a:pt x="160" y="222"/>
                  </a:lnTo>
                  <a:lnTo>
                    <a:pt x="160" y="222"/>
                  </a:lnTo>
                  <a:lnTo>
                    <a:pt x="168" y="220"/>
                  </a:lnTo>
                  <a:lnTo>
                    <a:pt x="174" y="216"/>
                  </a:lnTo>
                  <a:lnTo>
                    <a:pt x="178" y="210"/>
                  </a:lnTo>
                  <a:lnTo>
                    <a:pt x="180" y="202"/>
                  </a:lnTo>
                  <a:lnTo>
                    <a:pt x="180" y="104"/>
                  </a:lnTo>
                  <a:lnTo>
                    <a:pt x="180" y="104"/>
                  </a:lnTo>
                  <a:close/>
                  <a:moveTo>
                    <a:pt x="92" y="82"/>
                  </a:moveTo>
                  <a:lnTo>
                    <a:pt x="92" y="28"/>
                  </a:lnTo>
                  <a:lnTo>
                    <a:pt x="152" y="88"/>
                  </a:lnTo>
                  <a:lnTo>
                    <a:pt x="98" y="88"/>
                  </a:lnTo>
                  <a:lnTo>
                    <a:pt x="98" y="88"/>
                  </a:lnTo>
                  <a:lnTo>
                    <a:pt x="94" y="86"/>
                  </a:lnTo>
                  <a:lnTo>
                    <a:pt x="92" y="82"/>
                  </a:lnTo>
                  <a:lnTo>
                    <a:pt x="92" y="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grpSp>
      <p:grpSp>
        <p:nvGrpSpPr>
          <p:cNvPr id="3" name="组合 112"/>
          <p:cNvGrpSpPr/>
          <p:nvPr/>
        </p:nvGrpSpPr>
        <p:grpSpPr>
          <a:xfrm>
            <a:off x="9997484" y="3312725"/>
            <a:ext cx="1087843" cy="1229901"/>
            <a:chOff x="15897225" y="7312025"/>
            <a:chExt cx="365125" cy="412750"/>
          </a:xfrm>
          <a:solidFill>
            <a:schemeClr val="tx1">
              <a:lumMod val="75000"/>
              <a:lumOff val="25000"/>
            </a:schemeClr>
          </a:solidFill>
        </p:grpSpPr>
        <p:sp>
          <p:nvSpPr>
            <p:cNvPr id="114" name="Freeform 244"/>
            <p:cNvSpPr>
              <a:spLocks noEditPoints="1"/>
            </p:cNvSpPr>
            <p:nvPr/>
          </p:nvSpPr>
          <p:spPr bwMode="auto">
            <a:xfrm>
              <a:off x="16005175" y="7312025"/>
              <a:ext cx="149225" cy="412750"/>
            </a:xfrm>
            <a:custGeom>
              <a:avLst/>
              <a:gdLst/>
              <a:ahLst/>
              <a:cxnLst>
                <a:cxn ang="0">
                  <a:pos x="48" y="0"/>
                </a:cxn>
                <a:cxn ang="0">
                  <a:pos x="38" y="2"/>
                </a:cxn>
                <a:cxn ang="0">
                  <a:pos x="22" y="22"/>
                </a:cxn>
                <a:cxn ang="0">
                  <a:pos x="8" y="58"/>
                </a:cxn>
                <a:cxn ang="0">
                  <a:pos x="2" y="104"/>
                </a:cxn>
                <a:cxn ang="0">
                  <a:pos x="0" y="130"/>
                </a:cxn>
                <a:cxn ang="0">
                  <a:pos x="4" y="180"/>
                </a:cxn>
                <a:cxn ang="0">
                  <a:pos x="14" y="222"/>
                </a:cxn>
                <a:cxn ang="0">
                  <a:pos x="30" y="250"/>
                </a:cxn>
                <a:cxn ang="0">
                  <a:pos x="42" y="260"/>
                </a:cxn>
                <a:cxn ang="0">
                  <a:pos x="48" y="260"/>
                </a:cxn>
                <a:cxn ang="0">
                  <a:pos x="58" y="258"/>
                </a:cxn>
                <a:cxn ang="0">
                  <a:pos x="74" y="238"/>
                </a:cxn>
                <a:cxn ang="0">
                  <a:pos x="86" y="202"/>
                </a:cxn>
                <a:cxn ang="0">
                  <a:pos x="94" y="156"/>
                </a:cxn>
                <a:cxn ang="0">
                  <a:pos x="94" y="130"/>
                </a:cxn>
                <a:cxn ang="0">
                  <a:pos x="92" y="80"/>
                </a:cxn>
                <a:cxn ang="0">
                  <a:pos x="80" y="38"/>
                </a:cxn>
                <a:cxn ang="0">
                  <a:pos x="66" y="10"/>
                </a:cxn>
                <a:cxn ang="0">
                  <a:pos x="52" y="0"/>
                </a:cxn>
                <a:cxn ang="0">
                  <a:pos x="48" y="0"/>
                </a:cxn>
                <a:cxn ang="0">
                  <a:pos x="48" y="248"/>
                </a:cxn>
                <a:cxn ang="0">
                  <a:pos x="34" y="238"/>
                </a:cxn>
                <a:cxn ang="0">
                  <a:pos x="22" y="214"/>
                </a:cxn>
                <a:cxn ang="0">
                  <a:pos x="14" y="176"/>
                </a:cxn>
                <a:cxn ang="0">
                  <a:pos x="10" y="130"/>
                </a:cxn>
                <a:cxn ang="0">
                  <a:pos x="12" y="106"/>
                </a:cxn>
                <a:cxn ang="0">
                  <a:pos x="18" y="64"/>
                </a:cxn>
                <a:cxn ang="0">
                  <a:pos x="28" y="32"/>
                </a:cxn>
                <a:cxn ang="0">
                  <a:pos x="40" y="14"/>
                </a:cxn>
                <a:cxn ang="0">
                  <a:pos x="48" y="12"/>
                </a:cxn>
                <a:cxn ang="0">
                  <a:pos x="60" y="22"/>
                </a:cxn>
                <a:cxn ang="0">
                  <a:pos x="72" y="46"/>
                </a:cxn>
                <a:cxn ang="0">
                  <a:pos x="82" y="84"/>
                </a:cxn>
                <a:cxn ang="0">
                  <a:pos x="84" y="130"/>
                </a:cxn>
                <a:cxn ang="0">
                  <a:pos x="84" y="154"/>
                </a:cxn>
                <a:cxn ang="0">
                  <a:pos x="78" y="196"/>
                </a:cxn>
                <a:cxn ang="0">
                  <a:pos x="68" y="228"/>
                </a:cxn>
                <a:cxn ang="0">
                  <a:pos x="54" y="246"/>
                </a:cxn>
                <a:cxn ang="0">
                  <a:pos x="48" y="248"/>
                </a:cxn>
              </a:cxnLst>
              <a:rect l="0" t="0" r="r" b="b"/>
              <a:pathLst>
                <a:path w="94" h="260">
                  <a:moveTo>
                    <a:pt x="48" y="0"/>
                  </a:moveTo>
                  <a:lnTo>
                    <a:pt x="48" y="0"/>
                  </a:lnTo>
                  <a:lnTo>
                    <a:pt x="42" y="0"/>
                  </a:lnTo>
                  <a:lnTo>
                    <a:pt x="38" y="2"/>
                  </a:lnTo>
                  <a:lnTo>
                    <a:pt x="30" y="10"/>
                  </a:lnTo>
                  <a:lnTo>
                    <a:pt x="22" y="22"/>
                  </a:lnTo>
                  <a:lnTo>
                    <a:pt x="14" y="38"/>
                  </a:lnTo>
                  <a:lnTo>
                    <a:pt x="8" y="58"/>
                  </a:lnTo>
                  <a:lnTo>
                    <a:pt x="4" y="80"/>
                  </a:lnTo>
                  <a:lnTo>
                    <a:pt x="2" y="104"/>
                  </a:lnTo>
                  <a:lnTo>
                    <a:pt x="0" y="130"/>
                  </a:lnTo>
                  <a:lnTo>
                    <a:pt x="0" y="130"/>
                  </a:lnTo>
                  <a:lnTo>
                    <a:pt x="2" y="156"/>
                  </a:lnTo>
                  <a:lnTo>
                    <a:pt x="4" y="180"/>
                  </a:lnTo>
                  <a:lnTo>
                    <a:pt x="8" y="202"/>
                  </a:lnTo>
                  <a:lnTo>
                    <a:pt x="14" y="222"/>
                  </a:lnTo>
                  <a:lnTo>
                    <a:pt x="22" y="238"/>
                  </a:lnTo>
                  <a:lnTo>
                    <a:pt x="30" y="250"/>
                  </a:lnTo>
                  <a:lnTo>
                    <a:pt x="38" y="258"/>
                  </a:lnTo>
                  <a:lnTo>
                    <a:pt x="42" y="260"/>
                  </a:lnTo>
                  <a:lnTo>
                    <a:pt x="48" y="260"/>
                  </a:lnTo>
                  <a:lnTo>
                    <a:pt x="48" y="260"/>
                  </a:lnTo>
                  <a:lnTo>
                    <a:pt x="52" y="260"/>
                  </a:lnTo>
                  <a:lnTo>
                    <a:pt x="58" y="258"/>
                  </a:lnTo>
                  <a:lnTo>
                    <a:pt x="66" y="250"/>
                  </a:lnTo>
                  <a:lnTo>
                    <a:pt x="74" y="238"/>
                  </a:lnTo>
                  <a:lnTo>
                    <a:pt x="80" y="222"/>
                  </a:lnTo>
                  <a:lnTo>
                    <a:pt x="86" y="202"/>
                  </a:lnTo>
                  <a:lnTo>
                    <a:pt x="92" y="180"/>
                  </a:lnTo>
                  <a:lnTo>
                    <a:pt x="94" y="156"/>
                  </a:lnTo>
                  <a:lnTo>
                    <a:pt x="94" y="130"/>
                  </a:lnTo>
                  <a:lnTo>
                    <a:pt x="94" y="130"/>
                  </a:lnTo>
                  <a:lnTo>
                    <a:pt x="94" y="104"/>
                  </a:lnTo>
                  <a:lnTo>
                    <a:pt x="92" y="80"/>
                  </a:lnTo>
                  <a:lnTo>
                    <a:pt x="86" y="58"/>
                  </a:lnTo>
                  <a:lnTo>
                    <a:pt x="80" y="38"/>
                  </a:lnTo>
                  <a:lnTo>
                    <a:pt x="74" y="22"/>
                  </a:lnTo>
                  <a:lnTo>
                    <a:pt x="66" y="10"/>
                  </a:lnTo>
                  <a:lnTo>
                    <a:pt x="58" y="2"/>
                  </a:lnTo>
                  <a:lnTo>
                    <a:pt x="52" y="0"/>
                  </a:lnTo>
                  <a:lnTo>
                    <a:pt x="48" y="0"/>
                  </a:lnTo>
                  <a:lnTo>
                    <a:pt x="48" y="0"/>
                  </a:lnTo>
                  <a:close/>
                  <a:moveTo>
                    <a:pt x="48" y="248"/>
                  </a:moveTo>
                  <a:lnTo>
                    <a:pt x="48" y="248"/>
                  </a:lnTo>
                  <a:lnTo>
                    <a:pt x="40" y="246"/>
                  </a:lnTo>
                  <a:lnTo>
                    <a:pt x="34" y="238"/>
                  </a:lnTo>
                  <a:lnTo>
                    <a:pt x="28" y="228"/>
                  </a:lnTo>
                  <a:lnTo>
                    <a:pt x="22" y="214"/>
                  </a:lnTo>
                  <a:lnTo>
                    <a:pt x="18" y="196"/>
                  </a:lnTo>
                  <a:lnTo>
                    <a:pt x="14" y="176"/>
                  </a:lnTo>
                  <a:lnTo>
                    <a:pt x="12" y="154"/>
                  </a:lnTo>
                  <a:lnTo>
                    <a:pt x="10" y="130"/>
                  </a:lnTo>
                  <a:lnTo>
                    <a:pt x="10" y="130"/>
                  </a:lnTo>
                  <a:lnTo>
                    <a:pt x="12" y="106"/>
                  </a:lnTo>
                  <a:lnTo>
                    <a:pt x="14" y="84"/>
                  </a:lnTo>
                  <a:lnTo>
                    <a:pt x="18" y="64"/>
                  </a:lnTo>
                  <a:lnTo>
                    <a:pt x="22" y="46"/>
                  </a:lnTo>
                  <a:lnTo>
                    <a:pt x="28" y="32"/>
                  </a:lnTo>
                  <a:lnTo>
                    <a:pt x="34" y="22"/>
                  </a:lnTo>
                  <a:lnTo>
                    <a:pt x="40" y="14"/>
                  </a:lnTo>
                  <a:lnTo>
                    <a:pt x="48" y="12"/>
                  </a:lnTo>
                  <a:lnTo>
                    <a:pt x="48" y="12"/>
                  </a:lnTo>
                  <a:lnTo>
                    <a:pt x="54" y="14"/>
                  </a:lnTo>
                  <a:lnTo>
                    <a:pt x="60" y="22"/>
                  </a:lnTo>
                  <a:lnTo>
                    <a:pt x="68" y="32"/>
                  </a:lnTo>
                  <a:lnTo>
                    <a:pt x="72" y="46"/>
                  </a:lnTo>
                  <a:lnTo>
                    <a:pt x="78" y="64"/>
                  </a:lnTo>
                  <a:lnTo>
                    <a:pt x="82" y="84"/>
                  </a:lnTo>
                  <a:lnTo>
                    <a:pt x="84" y="106"/>
                  </a:lnTo>
                  <a:lnTo>
                    <a:pt x="84" y="130"/>
                  </a:lnTo>
                  <a:lnTo>
                    <a:pt x="84" y="130"/>
                  </a:lnTo>
                  <a:lnTo>
                    <a:pt x="84" y="154"/>
                  </a:lnTo>
                  <a:lnTo>
                    <a:pt x="82" y="176"/>
                  </a:lnTo>
                  <a:lnTo>
                    <a:pt x="78" y="196"/>
                  </a:lnTo>
                  <a:lnTo>
                    <a:pt x="72" y="214"/>
                  </a:lnTo>
                  <a:lnTo>
                    <a:pt x="68" y="228"/>
                  </a:lnTo>
                  <a:lnTo>
                    <a:pt x="60" y="238"/>
                  </a:lnTo>
                  <a:lnTo>
                    <a:pt x="54" y="246"/>
                  </a:lnTo>
                  <a:lnTo>
                    <a:pt x="48" y="248"/>
                  </a:lnTo>
                  <a:lnTo>
                    <a:pt x="48" y="24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sp>
          <p:nvSpPr>
            <p:cNvPr id="115" name="Freeform 245"/>
            <p:cNvSpPr>
              <a:spLocks noEditPoints="1"/>
            </p:cNvSpPr>
            <p:nvPr/>
          </p:nvSpPr>
          <p:spPr bwMode="auto">
            <a:xfrm>
              <a:off x="15897225" y="7397750"/>
              <a:ext cx="365125" cy="244475"/>
            </a:xfrm>
            <a:custGeom>
              <a:avLst/>
              <a:gdLst/>
              <a:ahLst/>
              <a:cxnLst>
                <a:cxn ang="0">
                  <a:pos x="2" y="10"/>
                </a:cxn>
                <a:cxn ang="0">
                  <a:pos x="0" y="20"/>
                </a:cxn>
                <a:cxn ang="0">
                  <a:pos x="8" y="44"/>
                </a:cxn>
                <a:cxn ang="0">
                  <a:pos x="32" y="74"/>
                </a:cxn>
                <a:cxn ang="0">
                  <a:pos x="70" y="104"/>
                </a:cxn>
                <a:cxn ang="0">
                  <a:pos x="92" y="118"/>
                </a:cxn>
                <a:cxn ang="0">
                  <a:pos x="138" y="140"/>
                </a:cxn>
                <a:cxn ang="0">
                  <a:pos x="178" y="152"/>
                </a:cxn>
                <a:cxn ang="0">
                  <a:pos x="210" y="152"/>
                </a:cxn>
                <a:cxn ang="0">
                  <a:pos x="226" y="146"/>
                </a:cxn>
                <a:cxn ang="0">
                  <a:pos x="228" y="142"/>
                </a:cxn>
                <a:cxn ang="0">
                  <a:pos x="230" y="132"/>
                </a:cxn>
                <a:cxn ang="0">
                  <a:pos x="222" y="108"/>
                </a:cxn>
                <a:cxn ang="0">
                  <a:pos x="198" y="78"/>
                </a:cxn>
                <a:cxn ang="0">
                  <a:pos x="162" y="48"/>
                </a:cxn>
                <a:cxn ang="0">
                  <a:pos x="140" y="36"/>
                </a:cxn>
                <a:cxn ang="0">
                  <a:pos x="94" y="12"/>
                </a:cxn>
                <a:cxn ang="0">
                  <a:pos x="52" y="0"/>
                </a:cxn>
                <a:cxn ang="0">
                  <a:pos x="20" y="0"/>
                </a:cxn>
                <a:cxn ang="0">
                  <a:pos x="6" y="6"/>
                </a:cxn>
                <a:cxn ang="0">
                  <a:pos x="2" y="10"/>
                </a:cxn>
                <a:cxn ang="0">
                  <a:pos x="218" y="134"/>
                </a:cxn>
                <a:cxn ang="0">
                  <a:pos x="202" y="142"/>
                </a:cxn>
                <a:cxn ang="0">
                  <a:pos x="176" y="140"/>
                </a:cxn>
                <a:cxn ang="0">
                  <a:pos x="138" y="128"/>
                </a:cxn>
                <a:cxn ang="0">
                  <a:pos x="96" y="108"/>
                </a:cxn>
                <a:cxn ang="0">
                  <a:pos x="76" y="96"/>
                </a:cxn>
                <a:cxn ang="0">
                  <a:pos x="42" y="68"/>
                </a:cxn>
                <a:cxn ang="0">
                  <a:pos x="20" y="44"/>
                </a:cxn>
                <a:cxn ang="0">
                  <a:pos x="12" y="24"/>
                </a:cxn>
                <a:cxn ang="0">
                  <a:pos x="14" y="18"/>
                </a:cxn>
                <a:cxn ang="0">
                  <a:pos x="28" y="10"/>
                </a:cxn>
                <a:cxn ang="0">
                  <a:pos x="56" y="12"/>
                </a:cxn>
                <a:cxn ang="0">
                  <a:pos x="92" y="24"/>
                </a:cxn>
                <a:cxn ang="0">
                  <a:pos x="134" y="44"/>
                </a:cxn>
                <a:cxn ang="0">
                  <a:pos x="154" y="56"/>
                </a:cxn>
                <a:cxn ang="0">
                  <a:pos x="188" y="84"/>
                </a:cxn>
                <a:cxn ang="0">
                  <a:pos x="210" y="108"/>
                </a:cxn>
                <a:cxn ang="0">
                  <a:pos x="218" y="128"/>
                </a:cxn>
                <a:cxn ang="0">
                  <a:pos x="218" y="134"/>
                </a:cxn>
              </a:cxnLst>
              <a:rect l="0" t="0" r="r" b="b"/>
              <a:pathLst>
                <a:path w="230" h="154">
                  <a:moveTo>
                    <a:pt x="2" y="10"/>
                  </a:moveTo>
                  <a:lnTo>
                    <a:pt x="2" y="10"/>
                  </a:lnTo>
                  <a:lnTo>
                    <a:pt x="0" y="16"/>
                  </a:lnTo>
                  <a:lnTo>
                    <a:pt x="0" y="20"/>
                  </a:lnTo>
                  <a:lnTo>
                    <a:pt x="2" y="32"/>
                  </a:lnTo>
                  <a:lnTo>
                    <a:pt x="8" y="44"/>
                  </a:lnTo>
                  <a:lnTo>
                    <a:pt x="18" y="58"/>
                  </a:lnTo>
                  <a:lnTo>
                    <a:pt x="32" y="74"/>
                  </a:lnTo>
                  <a:lnTo>
                    <a:pt x="50" y="88"/>
                  </a:lnTo>
                  <a:lnTo>
                    <a:pt x="70" y="104"/>
                  </a:lnTo>
                  <a:lnTo>
                    <a:pt x="92" y="118"/>
                  </a:lnTo>
                  <a:lnTo>
                    <a:pt x="92" y="118"/>
                  </a:lnTo>
                  <a:lnTo>
                    <a:pt x="116" y="130"/>
                  </a:lnTo>
                  <a:lnTo>
                    <a:pt x="138" y="140"/>
                  </a:lnTo>
                  <a:lnTo>
                    <a:pt x="160" y="146"/>
                  </a:lnTo>
                  <a:lnTo>
                    <a:pt x="178" y="152"/>
                  </a:lnTo>
                  <a:lnTo>
                    <a:pt x="196" y="154"/>
                  </a:lnTo>
                  <a:lnTo>
                    <a:pt x="210" y="152"/>
                  </a:lnTo>
                  <a:lnTo>
                    <a:pt x="222" y="148"/>
                  </a:lnTo>
                  <a:lnTo>
                    <a:pt x="226" y="146"/>
                  </a:lnTo>
                  <a:lnTo>
                    <a:pt x="228" y="142"/>
                  </a:lnTo>
                  <a:lnTo>
                    <a:pt x="228" y="142"/>
                  </a:lnTo>
                  <a:lnTo>
                    <a:pt x="230" y="136"/>
                  </a:lnTo>
                  <a:lnTo>
                    <a:pt x="230" y="132"/>
                  </a:lnTo>
                  <a:lnTo>
                    <a:pt x="228" y="120"/>
                  </a:lnTo>
                  <a:lnTo>
                    <a:pt x="222" y="108"/>
                  </a:lnTo>
                  <a:lnTo>
                    <a:pt x="212" y="94"/>
                  </a:lnTo>
                  <a:lnTo>
                    <a:pt x="198" y="78"/>
                  </a:lnTo>
                  <a:lnTo>
                    <a:pt x="182" y="64"/>
                  </a:lnTo>
                  <a:lnTo>
                    <a:pt x="162" y="48"/>
                  </a:lnTo>
                  <a:lnTo>
                    <a:pt x="140" y="36"/>
                  </a:lnTo>
                  <a:lnTo>
                    <a:pt x="140" y="36"/>
                  </a:lnTo>
                  <a:lnTo>
                    <a:pt x="116" y="22"/>
                  </a:lnTo>
                  <a:lnTo>
                    <a:pt x="94" y="12"/>
                  </a:lnTo>
                  <a:lnTo>
                    <a:pt x="72" y="6"/>
                  </a:lnTo>
                  <a:lnTo>
                    <a:pt x="52" y="0"/>
                  </a:lnTo>
                  <a:lnTo>
                    <a:pt x="36" y="0"/>
                  </a:lnTo>
                  <a:lnTo>
                    <a:pt x="20" y="0"/>
                  </a:lnTo>
                  <a:lnTo>
                    <a:pt x="10" y="4"/>
                  </a:lnTo>
                  <a:lnTo>
                    <a:pt x="6" y="6"/>
                  </a:lnTo>
                  <a:lnTo>
                    <a:pt x="2" y="10"/>
                  </a:lnTo>
                  <a:lnTo>
                    <a:pt x="2" y="10"/>
                  </a:lnTo>
                  <a:close/>
                  <a:moveTo>
                    <a:pt x="218" y="134"/>
                  </a:moveTo>
                  <a:lnTo>
                    <a:pt x="218" y="134"/>
                  </a:lnTo>
                  <a:lnTo>
                    <a:pt x="212" y="140"/>
                  </a:lnTo>
                  <a:lnTo>
                    <a:pt x="202" y="142"/>
                  </a:lnTo>
                  <a:lnTo>
                    <a:pt x="190" y="142"/>
                  </a:lnTo>
                  <a:lnTo>
                    <a:pt x="176" y="140"/>
                  </a:lnTo>
                  <a:lnTo>
                    <a:pt x="158" y="136"/>
                  </a:lnTo>
                  <a:lnTo>
                    <a:pt x="138" y="128"/>
                  </a:lnTo>
                  <a:lnTo>
                    <a:pt x="118" y="120"/>
                  </a:lnTo>
                  <a:lnTo>
                    <a:pt x="96" y="108"/>
                  </a:lnTo>
                  <a:lnTo>
                    <a:pt x="96" y="108"/>
                  </a:lnTo>
                  <a:lnTo>
                    <a:pt x="76" y="96"/>
                  </a:lnTo>
                  <a:lnTo>
                    <a:pt x="58" y="82"/>
                  </a:lnTo>
                  <a:lnTo>
                    <a:pt x="42" y="68"/>
                  </a:lnTo>
                  <a:lnTo>
                    <a:pt x="30" y="56"/>
                  </a:lnTo>
                  <a:lnTo>
                    <a:pt x="20" y="44"/>
                  </a:lnTo>
                  <a:lnTo>
                    <a:pt x="14" y="34"/>
                  </a:lnTo>
                  <a:lnTo>
                    <a:pt x="12" y="24"/>
                  </a:lnTo>
                  <a:lnTo>
                    <a:pt x="14" y="18"/>
                  </a:lnTo>
                  <a:lnTo>
                    <a:pt x="14" y="18"/>
                  </a:lnTo>
                  <a:lnTo>
                    <a:pt x="20" y="12"/>
                  </a:lnTo>
                  <a:lnTo>
                    <a:pt x="28" y="10"/>
                  </a:lnTo>
                  <a:lnTo>
                    <a:pt x="40" y="10"/>
                  </a:lnTo>
                  <a:lnTo>
                    <a:pt x="56" y="12"/>
                  </a:lnTo>
                  <a:lnTo>
                    <a:pt x="72" y="16"/>
                  </a:lnTo>
                  <a:lnTo>
                    <a:pt x="92" y="24"/>
                  </a:lnTo>
                  <a:lnTo>
                    <a:pt x="112" y="32"/>
                  </a:lnTo>
                  <a:lnTo>
                    <a:pt x="134" y="44"/>
                  </a:lnTo>
                  <a:lnTo>
                    <a:pt x="134" y="44"/>
                  </a:lnTo>
                  <a:lnTo>
                    <a:pt x="154" y="56"/>
                  </a:lnTo>
                  <a:lnTo>
                    <a:pt x="172" y="70"/>
                  </a:lnTo>
                  <a:lnTo>
                    <a:pt x="188" y="84"/>
                  </a:lnTo>
                  <a:lnTo>
                    <a:pt x="200" y="96"/>
                  </a:lnTo>
                  <a:lnTo>
                    <a:pt x="210" y="108"/>
                  </a:lnTo>
                  <a:lnTo>
                    <a:pt x="216" y="118"/>
                  </a:lnTo>
                  <a:lnTo>
                    <a:pt x="218" y="128"/>
                  </a:lnTo>
                  <a:lnTo>
                    <a:pt x="218" y="134"/>
                  </a:lnTo>
                  <a:lnTo>
                    <a:pt x="218" y="13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sp>
          <p:nvSpPr>
            <p:cNvPr id="116" name="Freeform 246"/>
            <p:cNvSpPr>
              <a:spLocks noEditPoints="1"/>
            </p:cNvSpPr>
            <p:nvPr/>
          </p:nvSpPr>
          <p:spPr bwMode="auto">
            <a:xfrm>
              <a:off x="15897225" y="7397750"/>
              <a:ext cx="365125" cy="244475"/>
            </a:xfrm>
            <a:custGeom>
              <a:avLst/>
              <a:gdLst/>
              <a:ahLst/>
              <a:cxnLst>
                <a:cxn ang="0">
                  <a:pos x="140" y="118"/>
                </a:cxn>
                <a:cxn ang="0">
                  <a:pos x="182" y="88"/>
                </a:cxn>
                <a:cxn ang="0">
                  <a:pos x="212" y="58"/>
                </a:cxn>
                <a:cxn ang="0">
                  <a:pos x="228" y="32"/>
                </a:cxn>
                <a:cxn ang="0">
                  <a:pos x="230" y="16"/>
                </a:cxn>
                <a:cxn ang="0">
                  <a:pos x="228" y="10"/>
                </a:cxn>
                <a:cxn ang="0">
                  <a:pos x="222" y="4"/>
                </a:cxn>
                <a:cxn ang="0">
                  <a:pos x="196" y="0"/>
                </a:cxn>
                <a:cxn ang="0">
                  <a:pos x="160" y="6"/>
                </a:cxn>
                <a:cxn ang="0">
                  <a:pos x="116" y="22"/>
                </a:cxn>
                <a:cxn ang="0">
                  <a:pos x="92" y="36"/>
                </a:cxn>
                <a:cxn ang="0">
                  <a:pos x="50" y="64"/>
                </a:cxn>
                <a:cxn ang="0">
                  <a:pos x="18" y="94"/>
                </a:cxn>
                <a:cxn ang="0">
                  <a:pos x="2" y="120"/>
                </a:cxn>
                <a:cxn ang="0">
                  <a:pos x="0" y="136"/>
                </a:cxn>
                <a:cxn ang="0">
                  <a:pos x="2" y="142"/>
                </a:cxn>
                <a:cxn ang="0">
                  <a:pos x="10" y="148"/>
                </a:cxn>
                <a:cxn ang="0">
                  <a:pos x="36" y="154"/>
                </a:cxn>
                <a:cxn ang="0">
                  <a:pos x="72" y="146"/>
                </a:cxn>
                <a:cxn ang="0">
                  <a:pos x="116" y="130"/>
                </a:cxn>
                <a:cxn ang="0">
                  <a:pos x="140" y="118"/>
                </a:cxn>
                <a:cxn ang="0">
                  <a:pos x="134" y="108"/>
                </a:cxn>
                <a:cxn ang="0">
                  <a:pos x="92" y="128"/>
                </a:cxn>
                <a:cxn ang="0">
                  <a:pos x="56" y="140"/>
                </a:cxn>
                <a:cxn ang="0">
                  <a:pos x="28" y="142"/>
                </a:cxn>
                <a:cxn ang="0">
                  <a:pos x="14" y="134"/>
                </a:cxn>
                <a:cxn ang="0">
                  <a:pos x="12" y="128"/>
                </a:cxn>
                <a:cxn ang="0">
                  <a:pos x="20" y="108"/>
                </a:cxn>
                <a:cxn ang="0">
                  <a:pos x="42" y="84"/>
                </a:cxn>
                <a:cxn ang="0">
                  <a:pos x="76" y="56"/>
                </a:cxn>
                <a:cxn ang="0">
                  <a:pos x="96" y="44"/>
                </a:cxn>
                <a:cxn ang="0">
                  <a:pos x="138" y="24"/>
                </a:cxn>
                <a:cxn ang="0">
                  <a:pos x="176" y="12"/>
                </a:cxn>
                <a:cxn ang="0">
                  <a:pos x="202" y="10"/>
                </a:cxn>
                <a:cxn ang="0">
                  <a:pos x="218" y="18"/>
                </a:cxn>
                <a:cxn ang="0">
                  <a:pos x="218" y="24"/>
                </a:cxn>
                <a:cxn ang="0">
                  <a:pos x="210" y="44"/>
                </a:cxn>
                <a:cxn ang="0">
                  <a:pos x="188" y="68"/>
                </a:cxn>
                <a:cxn ang="0">
                  <a:pos x="154" y="96"/>
                </a:cxn>
                <a:cxn ang="0">
                  <a:pos x="134" y="108"/>
                </a:cxn>
              </a:cxnLst>
              <a:rect l="0" t="0" r="r" b="b"/>
              <a:pathLst>
                <a:path w="230" h="154">
                  <a:moveTo>
                    <a:pt x="140" y="118"/>
                  </a:moveTo>
                  <a:lnTo>
                    <a:pt x="140" y="118"/>
                  </a:lnTo>
                  <a:lnTo>
                    <a:pt x="162" y="104"/>
                  </a:lnTo>
                  <a:lnTo>
                    <a:pt x="182" y="88"/>
                  </a:lnTo>
                  <a:lnTo>
                    <a:pt x="198" y="74"/>
                  </a:lnTo>
                  <a:lnTo>
                    <a:pt x="212" y="58"/>
                  </a:lnTo>
                  <a:lnTo>
                    <a:pt x="222" y="44"/>
                  </a:lnTo>
                  <a:lnTo>
                    <a:pt x="228" y="32"/>
                  </a:lnTo>
                  <a:lnTo>
                    <a:pt x="230" y="20"/>
                  </a:lnTo>
                  <a:lnTo>
                    <a:pt x="230" y="16"/>
                  </a:lnTo>
                  <a:lnTo>
                    <a:pt x="228" y="10"/>
                  </a:lnTo>
                  <a:lnTo>
                    <a:pt x="228" y="10"/>
                  </a:lnTo>
                  <a:lnTo>
                    <a:pt x="226" y="6"/>
                  </a:lnTo>
                  <a:lnTo>
                    <a:pt x="222" y="4"/>
                  </a:lnTo>
                  <a:lnTo>
                    <a:pt x="210" y="0"/>
                  </a:lnTo>
                  <a:lnTo>
                    <a:pt x="196" y="0"/>
                  </a:lnTo>
                  <a:lnTo>
                    <a:pt x="178" y="0"/>
                  </a:lnTo>
                  <a:lnTo>
                    <a:pt x="160" y="6"/>
                  </a:lnTo>
                  <a:lnTo>
                    <a:pt x="138" y="12"/>
                  </a:lnTo>
                  <a:lnTo>
                    <a:pt x="116" y="22"/>
                  </a:lnTo>
                  <a:lnTo>
                    <a:pt x="92" y="36"/>
                  </a:lnTo>
                  <a:lnTo>
                    <a:pt x="92" y="36"/>
                  </a:lnTo>
                  <a:lnTo>
                    <a:pt x="70" y="48"/>
                  </a:lnTo>
                  <a:lnTo>
                    <a:pt x="50" y="64"/>
                  </a:lnTo>
                  <a:lnTo>
                    <a:pt x="32" y="78"/>
                  </a:lnTo>
                  <a:lnTo>
                    <a:pt x="18" y="94"/>
                  </a:lnTo>
                  <a:lnTo>
                    <a:pt x="8" y="108"/>
                  </a:lnTo>
                  <a:lnTo>
                    <a:pt x="2" y="120"/>
                  </a:lnTo>
                  <a:lnTo>
                    <a:pt x="0" y="132"/>
                  </a:lnTo>
                  <a:lnTo>
                    <a:pt x="0" y="136"/>
                  </a:lnTo>
                  <a:lnTo>
                    <a:pt x="2" y="142"/>
                  </a:lnTo>
                  <a:lnTo>
                    <a:pt x="2" y="142"/>
                  </a:lnTo>
                  <a:lnTo>
                    <a:pt x="6" y="146"/>
                  </a:lnTo>
                  <a:lnTo>
                    <a:pt x="10" y="148"/>
                  </a:lnTo>
                  <a:lnTo>
                    <a:pt x="20" y="152"/>
                  </a:lnTo>
                  <a:lnTo>
                    <a:pt x="36" y="154"/>
                  </a:lnTo>
                  <a:lnTo>
                    <a:pt x="52" y="152"/>
                  </a:lnTo>
                  <a:lnTo>
                    <a:pt x="72" y="146"/>
                  </a:lnTo>
                  <a:lnTo>
                    <a:pt x="94" y="140"/>
                  </a:lnTo>
                  <a:lnTo>
                    <a:pt x="116" y="130"/>
                  </a:lnTo>
                  <a:lnTo>
                    <a:pt x="140" y="118"/>
                  </a:lnTo>
                  <a:lnTo>
                    <a:pt x="140" y="118"/>
                  </a:lnTo>
                  <a:close/>
                  <a:moveTo>
                    <a:pt x="134" y="108"/>
                  </a:moveTo>
                  <a:lnTo>
                    <a:pt x="134" y="108"/>
                  </a:lnTo>
                  <a:lnTo>
                    <a:pt x="112" y="120"/>
                  </a:lnTo>
                  <a:lnTo>
                    <a:pt x="92" y="128"/>
                  </a:lnTo>
                  <a:lnTo>
                    <a:pt x="72" y="136"/>
                  </a:lnTo>
                  <a:lnTo>
                    <a:pt x="56" y="140"/>
                  </a:lnTo>
                  <a:lnTo>
                    <a:pt x="40" y="142"/>
                  </a:lnTo>
                  <a:lnTo>
                    <a:pt x="28" y="142"/>
                  </a:lnTo>
                  <a:lnTo>
                    <a:pt x="20" y="140"/>
                  </a:lnTo>
                  <a:lnTo>
                    <a:pt x="14" y="134"/>
                  </a:lnTo>
                  <a:lnTo>
                    <a:pt x="14" y="134"/>
                  </a:lnTo>
                  <a:lnTo>
                    <a:pt x="12" y="128"/>
                  </a:lnTo>
                  <a:lnTo>
                    <a:pt x="14" y="118"/>
                  </a:lnTo>
                  <a:lnTo>
                    <a:pt x="20" y="108"/>
                  </a:lnTo>
                  <a:lnTo>
                    <a:pt x="30" y="96"/>
                  </a:lnTo>
                  <a:lnTo>
                    <a:pt x="42" y="84"/>
                  </a:lnTo>
                  <a:lnTo>
                    <a:pt x="58" y="70"/>
                  </a:lnTo>
                  <a:lnTo>
                    <a:pt x="76" y="56"/>
                  </a:lnTo>
                  <a:lnTo>
                    <a:pt x="96" y="44"/>
                  </a:lnTo>
                  <a:lnTo>
                    <a:pt x="96" y="44"/>
                  </a:lnTo>
                  <a:lnTo>
                    <a:pt x="118" y="32"/>
                  </a:lnTo>
                  <a:lnTo>
                    <a:pt x="138" y="24"/>
                  </a:lnTo>
                  <a:lnTo>
                    <a:pt x="158" y="16"/>
                  </a:lnTo>
                  <a:lnTo>
                    <a:pt x="176" y="12"/>
                  </a:lnTo>
                  <a:lnTo>
                    <a:pt x="190" y="10"/>
                  </a:lnTo>
                  <a:lnTo>
                    <a:pt x="202" y="10"/>
                  </a:lnTo>
                  <a:lnTo>
                    <a:pt x="212" y="12"/>
                  </a:lnTo>
                  <a:lnTo>
                    <a:pt x="218" y="18"/>
                  </a:lnTo>
                  <a:lnTo>
                    <a:pt x="218" y="18"/>
                  </a:lnTo>
                  <a:lnTo>
                    <a:pt x="218" y="24"/>
                  </a:lnTo>
                  <a:lnTo>
                    <a:pt x="216" y="34"/>
                  </a:lnTo>
                  <a:lnTo>
                    <a:pt x="210" y="44"/>
                  </a:lnTo>
                  <a:lnTo>
                    <a:pt x="200" y="56"/>
                  </a:lnTo>
                  <a:lnTo>
                    <a:pt x="188" y="68"/>
                  </a:lnTo>
                  <a:lnTo>
                    <a:pt x="172" y="82"/>
                  </a:lnTo>
                  <a:lnTo>
                    <a:pt x="154" y="96"/>
                  </a:lnTo>
                  <a:lnTo>
                    <a:pt x="134" y="108"/>
                  </a:lnTo>
                  <a:lnTo>
                    <a:pt x="134" y="10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sp>
          <p:nvSpPr>
            <p:cNvPr id="117" name="Freeform 247"/>
            <p:cNvSpPr>
              <a:spLocks/>
            </p:cNvSpPr>
            <p:nvPr/>
          </p:nvSpPr>
          <p:spPr bwMode="auto">
            <a:xfrm>
              <a:off x="16052800" y="7489825"/>
              <a:ext cx="57150" cy="57150"/>
            </a:xfrm>
            <a:custGeom>
              <a:avLst/>
              <a:gdLst/>
              <a:ahLst/>
              <a:cxnLst>
                <a:cxn ang="0">
                  <a:pos x="36" y="18"/>
                </a:cxn>
                <a:cxn ang="0">
                  <a:pos x="36" y="18"/>
                </a:cxn>
                <a:cxn ang="0">
                  <a:pos x="34" y="26"/>
                </a:cxn>
                <a:cxn ang="0">
                  <a:pos x="30" y="30"/>
                </a:cxn>
                <a:cxn ang="0">
                  <a:pos x="24" y="34"/>
                </a:cxn>
                <a:cxn ang="0">
                  <a:pos x="18" y="36"/>
                </a:cxn>
                <a:cxn ang="0">
                  <a:pos x="18" y="36"/>
                </a:cxn>
                <a:cxn ang="0">
                  <a:pos x="10" y="34"/>
                </a:cxn>
                <a:cxn ang="0">
                  <a:pos x="4" y="30"/>
                </a:cxn>
                <a:cxn ang="0">
                  <a:pos x="0" y="26"/>
                </a:cxn>
                <a:cxn ang="0">
                  <a:pos x="0" y="18"/>
                </a:cxn>
                <a:cxn ang="0">
                  <a:pos x="0" y="18"/>
                </a:cxn>
                <a:cxn ang="0">
                  <a:pos x="0" y="10"/>
                </a:cxn>
                <a:cxn ang="0">
                  <a:pos x="4" y="6"/>
                </a:cxn>
                <a:cxn ang="0">
                  <a:pos x="10" y="2"/>
                </a:cxn>
                <a:cxn ang="0">
                  <a:pos x="18" y="0"/>
                </a:cxn>
                <a:cxn ang="0">
                  <a:pos x="18" y="0"/>
                </a:cxn>
                <a:cxn ang="0">
                  <a:pos x="24" y="2"/>
                </a:cxn>
                <a:cxn ang="0">
                  <a:pos x="30" y="6"/>
                </a:cxn>
                <a:cxn ang="0">
                  <a:pos x="34" y="10"/>
                </a:cxn>
                <a:cxn ang="0">
                  <a:pos x="36" y="18"/>
                </a:cxn>
                <a:cxn ang="0">
                  <a:pos x="36" y="18"/>
                </a:cxn>
              </a:cxnLst>
              <a:rect l="0" t="0" r="r" b="b"/>
              <a:pathLst>
                <a:path w="36" h="36">
                  <a:moveTo>
                    <a:pt x="36" y="18"/>
                  </a:moveTo>
                  <a:lnTo>
                    <a:pt x="36" y="18"/>
                  </a:lnTo>
                  <a:lnTo>
                    <a:pt x="34" y="26"/>
                  </a:lnTo>
                  <a:lnTo>
                    <a:pt x="30" y="30"/>
                  </a:lnTo>
                  <a:lnTo>
                    <a:pt x="24" y="34"/>
                  </a:lnTo>
                  <a:lnTo>
                    <a:pt x="18" y="36"/>
                  </a:lnTo>
                  <a:lnTo>
                    <a:pt x="18" y="36"/>
                  </a:lnTo>
                  <a:lnTo>
                    <a:pt x="10" y="34"/>
                  </a:lnTo>
                  <a:lnTo>
                    <a:pt x="4" y="30"/>
                  </a:lnTo>
                  <a:lnTo>
                    <a:pt x="0" y="26"/>
                  </a:lnTo>
                  <a:lnTo>
                    <a:pt x="0" y="18"/>
                  </a:lnTo>
                  <a:lnTo>
                    <a:pt x="0" y="18"/>
                  </a:lnTo>
                  <a:lnTo>
                    <a:pt x="0" y="10"/>
                  </a:lnTo>
                  <a:lnTo>
                    <a:pt x="4" y="6"/>
                  </a:lnTo>
                  <a:lnTo>
                    <a:pt x="10" y="2"/>
                  </a:lnTo>
                  <a:lnTo>
                    <a:pt x="18" y="0"/>
                  </a:lnTo>
                  <a:lnTo>
                    <a:pt x="18" y="0"/>
                  </a:lnTo>
                  <a:lnTo>
                    <a:pt x="24" y="2"/>
                  </a:lnTo>
                  <a:lnTo>
                    <a:pt x="30" y="6"/>
                  </a:lnTo>
                  <a:lnTo>
                    <a:pt x="34" y="10"/>
                  </a:lnTo>
                  <a:lnTo>
                    <a:pt x="36" y="18"/>
                  </a:lnTo>
                  <a:lnTo>
                    <a:pt x="36" y="1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Arial" pitchFamily="34" charset="0"/>
                <a:cs typeface="Arial" pitchFamily="34" charset="0"/>
              </a:endParaRPr>
            </a:p>
          </p:txBody>
        </p:sp>
      </p:grpSp>
      <p:sp>
        <p:nvSpPr>
          <p:cNvPr id="119" name="Content Placeholder 3"/>
          <p:cNvSpPr txBox="1">
            <a:spLocks/>
          </p:cNvSpPr>
          <p:nvPr/>
        </p:nvSpPr>
        <p:spPr>
          <a:xfrm>
            <a:off x="9698571" y="7827003"/>
            <a:ext cx="1677573" cy="581191"/>
          </a:xfrm>
          <a:prstGeom prst="rect">
            <a:avLst/>
          </a:prstGeom>
        </p:spPr>
        <p:txBody>
          <a:bodyPr lIns="182917" tIns="91458" rIns="182917" bIns="91458"/>
          <a:lstStyle/>
          <a:p>
            <a:pPr marL="685937" indent="-685937" algn="ctr" defTabSz="1829166" eaLnBrk="0" fontAlgn="auto" hangingPunct="0">
              <a:lnSpc>
                <a:spcPts val="3401"/>
              </a:lnSpc>
              <a:spcBef>
                <a:spcPts val="0"/>
              </a:spcBef>
              <a:spcAft>
                <a:spcPts val="0"/>
              </a:spcAft>
              <a:buClr>
                <a:srgbClr val="777777"/>
              </a:buClr>
              <a:buSzPct val="60000"/>
              <a:defRPr/>
            </a:pPr>
            <a:r>
              <a:rPr lang="en-US" altLang="zh-CN" sz="2000" b="1" kern="0" dirty="0" smtClean="0">
                <a:solidFill>
                  <a:srgbClr val="BC0000"/>
                </a:solidFill>
                <a:latin typeface="Arial" pitchFamily="34" charset="0"/>
                <a:ea typeface="微软雅黑" pitchFamily="34" charset="-122"/>
                <a:cs typeface="Arial" pitchFamily="34" charset="0"/>
              </a:rPr>
              <a:t>Patents</a:t>
            </a:r>
          </a:p>
          <a:p>
            <a:pPr marL="685937" indent="-685937" algn="ctr" defTabSz="1829166" eaLnBrk="0" hangingPunct="0">
              <a:lnSpc>
                <a:spcPts val="3401"/>
              </a:lnSpc>
              <a:buClr>
                <a:srgbClr val="777777"/>
              </a:buClr>
              <a:buSzPct val="60000"/>
              <a:defRPr/>
            </a:pPr>
            <a:endParaRPr lang="en-US" altLang="zh-CN" sz="2000" b="1" kern="0" dirty="0" smtClean="0">
              <a:solidFill>
                <a:srgbClr val="BC0000"/>
              </a:solidFill>
              <a:latin typeface="Arial" pitchFamily="34" charset="0"/>
              <a:ea typeface="微软雅黑" pitchFamily="34" charset="-122"/>
              <a:cs typeface="Arial" pitchFamily="34" charset="0"/>
            </a:endParaRPr>
          </a:p>
        </p:txBody>
      </p:sp>
      <p:grpSp>
        <p:nvGrpSpPr>
          <p:cNvPr id="4" name="组合 59"/>
          <p:cNvGrpSpPr/>
          <p:nvPr/>
        </p:nvGrpSpPr>
        <p:grpSpPr>
          <a:xfrm>
            <a:off x="1055055" y="6165145"/>
            <a:ext cx="7524402" cy="2370501"/>
            <a:chOff x="505653" y="3176214"/>
            <a:chExt cx="3761548" cy="1184885"/>
          </a:xfrm>
        </p:grpSpPr>
        <p:sp>
          <p:nvSpPr>
            <p:cNvPr id="63" name="TextBox 62"/>
            <p:cNvSpPr txBox="1"/>
            <p:nvPr/>
          </p:nvSpPr>
          <p:spPr>
            <a:xfrm>
              <a:off x="542652" y="4057257"/>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0</a:t>
              </a:r>
              <a:endParaRPr lang="zh-CN" altLang="en-US" sz="600" kern="0" dirty="0">
                <a:latin typeface="Arial" pitchFamily="34" charset="0"/>
                <a:ea typeface="微软雅黑" pitchFamily="34" charset="-122"/>
                <a:cs typeface="Arial" pitchFamily="34" charset="0"/>
              </a:endParaRPr>
            </a:p>
          </p:txBody>
        </p:sp>
        <p:sp>
          <p:nvSpPr>
            <p:cNvPr id="64" name="TextBox 63"/>
            <p:cNvSpPr txBox="1"/>
            <p:nvPr/>
          </p:nvSpPr>
          <p:spPr>
            <a:xfrm>
              <a:off x="515592" y="3751920"/>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5%</a:t>
              </a:r>
              <a:endParaRPr lang="zh-CN" altLang="en-US" sz="600" kern="0" dirty="0">
                <a:latin typeface="Arial" pitchFamily="34" charset="0"/>
                <a:ea typeface="微软雅黑" pitchFamily="34" charset="-122"/>
                <a:cs typeface="Arial" pitchFamily="34" charset="0"/>
              </a:endParaRPr>
            </a:p>
          </p:txBody>
        </p:sp>
        <p:sp>
          <p:nvSpPr>
            <p:cNvPr id="95" name="TextBox 94"/>
            <p:cNvSpPr txBox="1"/>
            <p:nvPr/>
          </p:nvSpPr>
          <p:spPr>
            <a:xfrm>
              <a:off x="505653" y="3459280"/>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10%</a:t>
              </a:r>
              <a:endParaRPr lang="zh-CN" altLang="en-US" sz="600" kern="0" dirty="0">
                <a:latin typeface="Arial" pitchFamily="34" charset="0"/>
                <a:ea typeface="微软雅黑" pitchFamily="34" charset="-122"/>
                <a:cs typeface="Arial" pitchFamily="34" charset="0"/>
              </a:endParaRPr>
            </a:p>
          </p:txBody>
        </p:sp>
        <p:sp>
          <p:nvSpPr>
            <p:cNvPr id="96" name="TextBox 95"/>
            <p:cNvSpPr txBox="1"/>
            <p:nvPr/>
          </p:nvSpPr>
          <p:spPr>
            <a:xfrm>
              <a:off x="505653" y="3176214"/>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15%</a:t>
              </a:r>
              <a:endParaRPr lang="zh-CN" altLang="en-US" sz="600" kern="0" dirty="0">
                <a:latin typeface="Arial" pitchFamily="34" charset="0"/>
                <a:ea typeface="微软雅黑" pitchFamily="34" charset="-122"/>
                <a:cs typeface="Arial" pitchFamily="34" charset="0"/>
              </a:endParaRPr>
            </a:p>
          </p:txBody>
        </p:sp>
        <p:pic>
          <p:nvPicPr>
            <p:cNvPr id="97" name="Picture 2" descr="C:\Users\z00124665\Desktop\源文件.png"/>
            <p:cNvPicPr>
              <a:picLocks noChangeAspect="1" noChangeArrowheads="1"/>
            </p:cNvPicPr>
            <p:nvPr/>
          </p:nvPicPr>
          <p:blipFill>
            <a:blip r:embed="rId5" cstate="screen">
              <a:duotone>
                <a:prstClr val="black"/>
                <a:srgbClr val="000000">
                  <a:tint val="45000"/>
                  <a:satMod val="400000"/>
                </a:srgbClr>
              </a:duotone>
            </a:blip>
            <a:srcRect/>
            <a:stretch>
              <a:fillRect/>
            </a:stretch>
          </p:blipFill>
          <p:spPr bwMode="auto">
            <a:xfrm>
              <a:off x="934898" y="3201749"/>
              <a:ext cx="3332303" cy="943955"/>
            </a:xfrm>
            <a:prstGeom prst="rect">
              <a:avLst/>
            </a:prstGeom>
            <a:noFill/>
          </p:spPr>
        </p:pic>
        <p:sp>
          <p:nvSpPr>
            <p:cNvPr id="98" name="矩形 97"/>
            <p:cNvSpPr/>
            <p:nvPr/>
          </p:nvSpPr>
          <p:spPr bwMode="auto">
            <a:xfrm>
              <a:off x="1032491" y="3697213"/>
              <a:ext cx="344406" cy="453577"/>
            </a:xfrm>
            <a:prstGeom prst="rect">
              <a:avLst/>
            </a:prstGeom>
            <a:solidFill>
              <a:schemeClr val="bg1">
                <a:lumMod val="50000"/>
              </a:schemeClr>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01" name="矩形 100"/>
            <p:cNvSpPr/>
            <p:nvPr/>
          </p:nvSpPr>
          <p:spPr bwMode="auto">
            <a:xfrm>
              <a:off x="1552249" y="3722346"/>
              <a:ext cx="344406" cy="428445"/>
            </a:xfrm>
            <a:prstGeom prst="rect">
              <a:avLst/>
            </a:prstGeom>
            <a:solidFill>
              <a:srgbClr val="C00000"/>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04" name="矩形 103"/>
            <p:cNvSpPr/>
            <p:nvPr/>
          </p:nvSpPr>
          <p:spPr bwMode="auto">
            <a:xfrm>
              <a:off x="2102241" y="3686442"/>
              <a:ext cx="344406" cy="464348"/>
            </a:xfrm>
            <a:prstGeom prst="rect">
              <a:avLst/>
            </a:prstGeom>
            <a:solidFill>
              <a:schemeClr val="bg1">
                <a:lumMod val="50000"/>
              </a:schemeClr>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06" name="矩形 105"/>
            <p:cNvSpPr/>
            <p:nvPr/>
          </p:nvSpPr>
          <p:spPr bwMode="auto">
            <a:xfrm>
              <a:off x="2621998" y="3686442"/>
              <a:ext cx="344406" cy="464348"/>
            </a:xfrm>
            <a:prstGeom prst="rect">
              <a:avLst/>
            </a:prstGeom>
            <a:solidFill>
              <a:srgbClr val="C00000"/>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13" name="矩形 112"/>
            <p:cNvSpPr/>
            <p:nvPr/>
          </p:nvSpPr>
          <p:spPr bwMode="auto">
            <a:xfrm>
              <a:off x="3151836" y="3578732"/>
              <a:ext cx="344406" cy="572058"/>
            </a:xfrm>
            <a:prstGeom prst="rect">
              <a:avLst/>
            </a:prstGeom>
            <a:solidFill>
              <a:schemeClr val="bg1">
                <a:lumMod val="50000"/>
              </a:schemeClr>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18" name="TextBox 117"/>
            <p:cNvSpPr txBox="1"/>
            <p:nvPr/>
          </p:nvSpPr>
          <p:spPr>
            <a:xfrm>
              <a:off x="940450" y="3800961"/>
              <a:ext cx="525568" cy="18460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000" kern="0" dirty="0" smtClean="0">
                  <a:solidFill>
                    <a:schemeClr val="bg1"/>
                  </a:solidFill>
                  <a:latin typeface="Arial" pitchFamily="34" charset="0"/>
                  <a:ea typeface="微软雅黑" pitchFamily="34" charset="-122"/>
                  <a:cs typeface="Arial" pitchFamily="34" charset="0"/>
                </a:rPr>
                <a:t>9.1%</a:t>
              </a:r>
              <a:endParaRPr lang="en-US" altLang="zh-CN" sz="400" kern="0" dirty="0">
                <a:solidFill>
                  <a:schemeClr val="bg1"/>
                </a:solidFill>
                <a:latin typeface="Arial" pitchFamily="34" charset="0"/>
                <a:ea typeface="微软雅黑" pitchFamily="34" charset="-122"/>
                <a:cs typeface="Arial" pitchFamily="34" charset="0"/>
              </a:endParaRPr>
            </a:p>
          </p:txBody>
        </p:sp>
        <p:sp>
          <p:nvSpPr>
            <p:cNvPr id="120" name="TextBox 119"/>
            <p:cNvSpPr txBox="1"/>
            <p:nvPr/>
          </p:nvSpPr>
          <p:spPr>
            <a:xfrm>
              <a:off x="1470366" y="3800961"/>
              <a:ext cx="525568" cy="18460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000" kern="0" dirty="0" smtClean="0">
                  <a:solidFill>
                    <a:schemeClr val="bg1"/>
                  </a:solidFill>
                  <a:latin typeface="Arial" pitchFamily="34" charset="0"/>
                  <a:ea typeface="微软雅黑" pitchFamily="34" charset="-122"/>
                  <a:cs typeface="Arial" pitchFamily="34" charset="0"/>
                </a:rPr>
                <a:t>9.7%</a:t>
              </a:r>
              <a:endParaRPr lang="en-US" altLang="zh-CN" sz="400" kern="0" dirty="0">
                <a:solidFill>
                  <a:schemeClr val="bg1"/>
                </a:solidFill>
                <a:latin typeface="Arial" pitchFamily="34" charset="0"/>
                <a:ea typeface="微软雅黑" pitchFamily="34" charset="-122"/>
                <a:cs typeface="Arial" pitchFamily="34" charset="0"/>
              </a:endParaRPr>
            </a:p>
          </p:txBody>
        </p:sp>
        <p:sp>
          <p:nvSpPr>
            <p:cNvPr id="121" name="TextBox 120"/>
            <p:cNvSpPr txBox="1"/>
            <p:nvPr/>
          </p:nvSpPr>
          <p:spPr>
            <a:xfrm>
              <a:off x="2013413" y="3800961"/>
              <a:ext cx="525568" cy="18460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000" kern="0" dirty="0" smtClean="0">
                  <a:solidFill>
                    <a:schemeClr val="bg1"/>
                  </a:solidFill>
                  <a:latin typeface="Arial" pitchFamily="34" charset="0"/>
                  <a:ea typeface="微软雅黑" pitchFamily="34" charset="-122"/>
                  <a:cs typeface="Arial" pitchFamily="34" charset="0"/>
                </a:rPr>
                <a:t>9.7%</a:t>
              </a:r>
              <a:endParaRPr lang="en-US" altLang="zh-CN" sz="400" kern="0" dirty="0">
                <a:solidFill>
                  <a:schemeClr val="bg1"/>
                </a:solidFill>
                <a:latin typeface="Arial" pitchFamily="34" charset="0"/>
                <a:ea typeface="微软雅黑" pitchFamily="34" charset="-122"/>
                <a:cs typeface="Arial" pitchFamily="34" charset="0"/>
              </a:endParaRPr>
            </a:p>
          </p:txBody>
        </p:sp>
        <p:sp>
          <p:nvSpPr>
            <p:cNvPr id="122" name="TextBox 121"/>
            <p:cNvSpPr txBox="1"/>
            <p:nvPr/>
          </p:nvSpPr>
          <p:spPr>
            <a:xfrm>
              <a:off x="2530110" y="3800961"/>
              <a:ext cx="525568" cy="18460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000" kern="0" dirty="0" smtClean="0">
                  <a:solidFill>
                    <a:schemeClr val="bg1"/>
                  </a:solidFill>
                  <a:latin typeface="Arial" pitchFamily="34" charset="0"/>
                  <a:ea typeface="微软雅黑" pitchFamily="34" charset="-122"/>
                  <a:cs typeface="Arial" pitchFamily="34" charset="0"/>
                </a:rPr>
                <a:t>11.6%</a:t>
              </a:r>
              <a:endParaRPr lang="en-US" altLang="zh-CN" sz="400" kern="0" dirty="0">
                <a:solidFill>
                  <a:schemeClr val="bg1"/>
                </a:solidFill>
                <a:latin typeface="Arial" pitchFamily="34" charset="0"/>
                <a:ea typeface="微软雅黑" pitchFamily="34" charset="-122"/>
                <a:cs typeface="Arial" pitchFamily="34" charset="0"/>
              </a:endParaRPr>
            </a:p>
          </p:txBody>
        </p:sp>
        <p:sp>
          <p:nvSpPr>
            <p:cNvPr id="123" name="TextBox 122"/>
            <p:cNvSpPr txBox="1"/>
            <p:nvPr/>
          </p:nvSpPr>
          <p:spPr>
            <a:xfrm>
              <a:off x="3061974" y="3800961"/>
              <a:ext cx="525568" cy="18460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000" kern="0" dirty="0" smtClean="0">
                  <a:solidFill>
                    <a:schemeClr val="bg1"/>
                  </a:solidFill>
                  <a:latin typeface="Arial" pitchFamily="34" charset="0"/>
                  <a:ea typeface="微软雅黑" pitchFamily="34" charset="-122"/>
                  <a:cs typeface="Arial" pitchFamily="34" charset="0"/>
                </a:rPr>
                <a:t>13%</a:t>
              </a:r>
              <a:endParaRPr lang="en-US" altLang="zh-CN" sz="400" kern="0" dirty="0">
                <a:solidFill>
                  <a:schemeClr val="bg1"/>
                </a:solidFill>
                <a:latin typeface="Arial" pitchFamily="34" charset="0"/>
                <a:ea typeface="微软雅黑" pitchFamily="34" charset="-122"/>
                <a:cs typeface="Arial" pitchFamily="34" charset="0"/>
              </a:endParaRPr>
            </a:p>
          </p:txBody>
        </p:sp>
        <p:sp>
          <p:nvSpPr>
            <p:cNvPr id="124" name="TextBox 123"/>
            <p:cNvSpPr txBox="1"/>
            <p:nvPr/>
          </p:nvSpPr>
          <p:spPr>
            <a:xfrm>
              <a:off x="981507" y="4163770"/>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2008</a:t>
              </a:r>
              <a:endParaRPr lang="zh-CN" altLang="en-US" sz="2100" kern="0" dirty="0">
                <a:latin typeface="Arial" pitchFamily="34" charset="0"/>
                <a:ea typeface="微软雅黑" pitchFamily="34" charset="-122"/>
                <a:cs typeface="Arial" pitchFamily="34" charset="0"/>
              </a:endParaRPr>
            </a:p>
          </p:txBody>
        </p:sp>
        <p:sp>
          <p:nvSpPr>
            <p:cNvPr id="125" name="TextBox 124"/>
            <p:cNvSpPr txBox="1"/>
            <p:nvPr/>
          </p:nvSpPr>
          <p:spPr>
            <a:xfrm>
              <a:off x="1497394" y="4163771"/>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2009</a:t>
              </a:r>
              <a:endParaRPr lang="zh-CN" altLang="en-US" sz="2100" kern="0" dirty="0">
                <a:latin typeface="Arial" pitchFamily="34" charset="0"/>
                <a:ea typeface="微软雅黑" pitchFamily="34" charset="-122"/>
                <a:cs typeface="Arial" pitchFamily="34" charset="0"/>
              </a:endParaRPr>
            </a:p>
          </p:txBody>
        </p:sp>
        <p:sp>
          <p:nvSpPr>
            <p:cNvPr id="126" name="TextBox 125"/>
            <p:cNvSpPr txBox="1"/>
            <p:nvPr/>
          </p:nvSpPr>
          <p:spPr>
            <a:xfrm>
              <a:off x="2043516" y="4163772"/>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2010</a:t>
              </a:r>
              <a:endParaRPr lang="zh-CN" altLang="en-US" sz="2100" kern="0" dirty="0">
                <a:latin typeface="Arial" pitchFamily="34" charset="0"/>
                <a:ea typeface="微软雅黑" pitchFamily="34" charset="-122"/>
                <a:cs typeface="Arial" pitchFamily="34" charset="0"/>
              </a:endParaRPr>
            </a:p>
          </p:txBody>
        </p:sp>
        <p:sp>
          <p:nvSpPr>
            <p:cNvPr id="127" name="TextBox 126"/>
            <p:cNvSpPr txBox="1"/>
            <p:nvPr/>
          </p:nvSpPr>
          <p:spPr>
            <a:xfrm>
              <a:off x="2566986" y="4163773"/>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2011</a:t>
              </a:r>
              <a:endParaRPr lang="zh-CN" altLang="en-US" sz="2100" kern="0" dirty="0">
                <a:latin typeface="Arial" pitchFamily="34" charset="0"/>
                <a:ea typeface="微软雅黑" pitchFamily="34" charset="-122"/>
                <a:cs typeface="Arial" pitchFamily="34" charset="0"/>
              </a:endParaRPr>
            </a:p>
          </p:txBody>
        </p:sp>
        <p:sp>
          <p:nvSpPr>
            <p:cNvPr id="128" name="TextBox 127"/>
            <p:cNvSpPr txBox="1"/>
            <p:nvPr/>
          </p:nvSpPr>
          <p:spPr>
            <a:xfrm>
              <a:off x="3082874" y="4163774"/>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2012</a:t>
              </a:r>
              <a:endParaRPr lang="zh-CN" altLang="en-US" sz="2100" kern="0" dirty="0">
                <a:latin typeface="Arial" pitchFamily="34" charset="0"/>
                <a:ea typeface="微软雅黑" pitchFamily="34" charset="-122"/>
                <a:cs typeface="Arial" pitchFamily="34" charset="0"/>
              </a:endParaRPr>
            </a:p>
          </p:txBody>
        </p:sp>
        <p:sp>
          <p:nvSpPr>
            <p:cNvPr id="129" name="椭圆 128"/>
            <p:cNvSpPr/>
            <p:nvPr/>
          </p:nvSpPr>
          <p:spPr bwMode="auto">
            <a:xfrm>
              <a:off x="1196485" y="3556293"/>
              <a:ext cx="85316" cy="80782"/>
            </a:xfrm>
            <a:prstGeom prst="ellipse">
              <a:avLst/>
            </a:prstGeom>
            <a:solidFill>
              <a:srgbClr val="C00000"/>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30" name="椭圆 129"/>
            <p:cNvSpPr/>
            <p:nvPr/>
          </p:nvSpPr>
          <p:spPr bwMode="auto">
            <a:xfrm>
              <a:off x="3363060" y="3372289"/>
              <a:ext cx="85316" cy="80782"/>
            </a:xfrm>
            <a:prstGeom prst="ellipse">
              <a:avLst/>
            </a:prstGeom>
            <a:solidFill>
              <a:srgbClr val="C00000"/>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cxnSp>
          <p:nvCxnSpPr>
            <p:cNvPr id="131" name="直接连接符 130"/>
            <p:cNvCxnSpPr>
              <a:stCxn id="129" idx="6"/>
              <a:endCxn id="135" idx="2"/>
            </p:cNvCxnSpPr>
            <p:nvPr/>
          </p:nvCxnSpPr>
          <p:spPr bwMode="auto">
            <a:xfrm>
              <a:off x="1281801" y="3596684"/>
              <a:ext cx="418248" cy="31415"/>
            </a:xfrm>
            <a:prstGeom prst="line">
              <a:avLst/>
            </a:prstGeom>
            <a:noFill/>
            <a:ln w="19050" cap="flat" cmpd="sng" algn="ctr">
              <a:solidFill>
                <a:srgbClr val="C00000"/>
              </a:solidFill>
              <a:prstDash val="solid"/>
              <a:round/>
              <a:headEnd type="none" w="med" len="med"/>
              <a:tailEnd type="none" w="med" len="med"/>
            </a:ln>
            <a:effectLst/>
          </p:spPr>
        </p:cxnSp>
        <p:cxnSp>
          <p:nvCxnSpPr>
            <p:cNvPr id="132" name="直接连接符 131"/>
            <p:cNvCxnSpPr>
              <a:endCxn id="136" idx="2"/>
            </p:cNvCxnSpPr>
            <p:nvPr/>
          </p:nvCxnSpPr>
          <p:spPr bwMode="auto">
            <a:xfrm flipV="1">
              <a:off x="1698253" y="3547318"/>
              <a:ext cx="554553" cy="71806"/>
            </a:xfrm>
            <a:prstGeom prst="line">
              <a:avLst/>
            </a:prstGeom>
            <a:noFill/>
            <a:ln w="19050" cap="flat" cmpd="sng" algn="ctr">
              <a:solidFill>
                <a:srgbClr val="C00000"/>
              </a:solidFill>
              <a:prstDash val="solid"/>
              <a:round/>
              <a:headEnd type="none" w="med" len="med"/>
              <a:tailEnd type="none" w="med" len="med"/>
            </a:ln>
            <a:effectLst/>
          </p:spPr>
        </p:cxnSp>
        <p:cxnSp>
          <p:nvCxnSpPr>
            <p:cNvPr id="133" name="直接连接符 132"/>
            <p:cNvCxnSpPr>
              <a:endCxn id="137" idx="2"/>
            </p:cNvCxnSpPr>
            <p:nvPr/>
          </p:nvCxnSpPr>
          <p:spPr bwMode="auto">
            <a:xfrm>
              <a:off x="2249216" y="3547318"/>
              <a:ext cx="502415" cy="0"/>
            </a:xfrm>
            <a:prstGeom prst="line">
              <a:avLst/>
            </a:prstGeom>
            <a:noFill/>
            <a:ln w="19050" cap="flat" cmpd="sng" algn="ctr">
              <a:solidFill>
                <a:srgbClr val="C00000"/>
              </a:solidFill>
              <a:prstDash val="solid"/>
              <a:round/>
              <a:headEnd type="none" w="med" len="med"/>
              <a:tailEnd type="none" w="med" len="med"/>
            </a:ln>
            <a:effectLst/>
          </p:spPr>
        </p:cxnSp>
        <p:cxnSp>
          <p:nvCxnSpPr>
            <p:cNvPr id="134" name="直接连接符 133"/>
            <p:cNvCxnSpPr>
              <a:endCxn id="130" idx="2"/>
            </p:cNvCxnSpPr>
            <p:nvPr/>
          </p:nvCxnSpPr>
          <p:spPr bwMode="auto">
            <a:xfrm flipV="1">
              <a:off x="2799029" y="3412681"/>
              <a:ext cx="564033" cy="139125"/>
            </a:xfrm>
            <a:prstGeom prst="line">
              <a:avLst/>
            </a:prstGeom>
            <a:noFill/>
            <a:ln w="19050" cap="flat" cmpd="sng" algn="ctr">
              <a:solidFill>
                <a:srgbClr val="C00000"/>
              </a:solidFill>
              <a:prstDash val="solid"/>
              <a:round/>
              <a:headEnd type="none" w="med" len="med"/>
              <a:tailEnd type="none" w="med" len="med"/>
            </a:ln>
            <a:effectLst/>
          </p:spPr>
        </p:cxnSp>
        <p:sp>
          <p:nvSpPr>
            <p:cNvPr id="135" name="椭圆 134"/>
            <p:cNvSpPr/>
            <p:nvPr/>
          </p:nvSpPr>
          <p:spPr bwMode="auto">
            <a:xfrm>
              <a:off x="1700049" y="3587708"/>
              <a:ext cx="85316" cy="80782"/>
            </a:xfrm>
            <a:prstGeom prst="ellipse">
              <a:avLst/>
            </a:prstGeom>
            <a:solidFill>
              <a:srgbClr val="C00000"/>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36" name="椭圆 135"/>
            <p:cNvSpPr/>
            <p:nvPr/>
          </p:nvSpPr>
          <p:spPr bwMode="auto">
            <a:xfrm>
              <a:off x="2252807" y="3506926"/>
              <a:ext cx="85316" cy="80782"/>
            </a:xfrm>
            <a:prstGeom prst="ellipse">
              <a:avLst/>
            </a:prstGeom>
            <a:solidFill>
              <a:srgbClr val="C00000"/>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37" name="椭圆 136"/>
            <p:cNvSpPr/>
            <p:nvPr/>
          </p:nvSpPr>
          <p:spPr bwMode="auto">
            <a:xfrm>
              <a:off x="2751631" y="3506926"/>
              <a:ext cx="85316" cy="80782"/>
            </a:xfrm>
            <a:prstGeom prst="ellipse">
              <a:avLst/>
            </a:prstGeom>
            <a:solidFill>
              <a:srgbClr val="C00000"/>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38" name="矩形 137"/>
            <p:cNvSpPr/>
            <p:nvPr/>
          </p:nvSpPr>
          <p:spPr bwMode="auto">
            <a:xfrm>
              <a:off x="3699417" y="3469669"/>
              <a:ext cx="344406" cy="674154"/>
            </a:xfrm>
            <a:prstGeom prst="rect">
              <a:avLst/>
            </a:prstGeom>
            <a:solidFill>
              <a:srgbClr val="C00000"/>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sp>
          <p:nvSpPr>
            <p:cNvPr id="139" name="TextBox 138"/>
            <p:cNvSpPr txBox="1"/>
            <p:nvPr/>
          </p:nvSpPr>
          <p:spPr>
            <a:xfrm>
              <a:off x="3609560" y="3762641"/>
              <a:ext cx="525568" cy="18460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000" kern="0" dirty="0" smtClean="0">
                  <a:solidFill>
                    <a:schemeClr val="bg1"/>
                  </a:solidFill>
                  <a:latin typeface="Arial" pitchFamily="34" charset="0"/>
                  <a:ea typeface="微软雅黑" pitchFamily="34" charset="-122"/>
                  <a:cs typeface="Arial" pitchFamily="34" charset="0"/>
                </a:rPr>
                <a:t>14%</a:t>
              </a:r>
              <a:endParaRPr lang="en-US" altLang="zh-CN" sz="400" kern="0" dirty="0">
                <a:solidFill>
                  <a:schemeClr val="bg1"/>
                </a:solidFill>
                <a:latin typeface="Arial" pitchFamily="34" charset="0"/>
                <a:ea typeface="微软雅黑" pitchFamily="34" charset="-122"/>
                <a:cs typeface="Arial" pitchFamily="34" charset="0"/>
              </a:endParaRPr>
            </a:p>
          </p:txBody>
        </p:sp>
        <p:sp>
          <p:nvSpPr>
            <p:cNvPr id="140" name="TextBox 139"/>
            <p:cNvSpPr txBox="1"/>
            <p:nvPr/>
          </p:nvSpPr>
          <p:spPr>
            <a:xfrm>
              <a:off x="3600213" y="4167260"/>
              <a:ext cx="525568" cy="193839"/>
            </a:xfrm>
            <a:prstGeom prst="rect">
              <a:avLst/>
            </a:prstGeom>
            <a:noFill/>
          </p:spPr>
          <p:txBody>
            <a:bodyPr wrap="square" lIns="0" tIns="0" rIns="0" bIns="0" rtlCol="0">
              <a:spAutoFit/>
            </a:bodyPr>
            <a:lstStyle/>
            <a:p>
              <a:pPr algn="ctr" defTabSz="1727083" fontAlgn="auto">
                <a:lnSpc>
                  <a:spcPct val="120000"/>
                </a:lnSpc>
                <a:spcBef>
                  <a:spcPts val="1292"/>
                </a:spcBef>
                <a:spcAft>
                  <a:spcPts val="0"/>
                </a:spcAft>
                <a:defRPr/>
              </a:pPr>
              <a:r>
                <a:rPr lang="en-US" altLang="zh-CN" sz="2100" kern="0" dirty="0" smtClean="0">
                  <a:latin typeface="Arial" pitchFamily="34" charset="0"/>
                  <a:ea typeface="微软雅黑" pitchFamily="34" charset="-122"/>
                  <a:cs typeface="Arial" pitchFamily="34" charset="0"/>
                </a:rPr>
                <a:t>2013</a:t>
              </a:r>
              <a:endParaRPr lang="zh-CN" altLang="en-US" sz="2100" kern="0" dirty="0">
                <a:latin typeface="Arial" pitchFamily="34" charset="0"/>
                <a:ea typeface="微软雅黑" pitchFamily="34" charset="-122"/>
                <a:cs typeface="Arial" pitchFamily="34" charset="0"/>
              </a:endParaRPr>
            </a:p>
          </p:txBody>
        </p:sp>
        <p:sp>
          <p:nvSpPr>
            <p:cNvPr id="141" name="椭圆 140"/>
            <p:cNvSpPr/>
            <p:nvPr/>
          </p:nvSpPr>
          <p:spPr bwMode="auto">
            <a:xfrm>
              <a:off x="3950945" y="3260827"/>
              <a:ext cx="85316" cy="80782"/>
            </a:xfrm>
            <a:prstGeom prst="ellipse">
              <a:avLst/>
            </a:prstGeom>
            <a:solidFill>
              <a:srgbClr val="C00000"/>
            </a:solidFill>
            <a:ln>
              <a:noFill/>
            </a:ln>
            <a:effectLst/>
            <a:extLs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2627231">
                <a:buClr>
                  <a:srgbClr val="CC9900"/>
                </a:buClr>
                <a:buFont typeface="Wingdings" pitchFamily="2" charset="2"/>
                <a:buChar char="n"/>
                <a:defRPr/>
              </a:pPr>
              <a:endParaRPr lang="zh-CN" altLang="en-US" kern="0" dirty="0" smtClean="0">
                <a:latin typeface="Arial" pitchFamily="34" charset="0"/>
                <a:ea typeface="微软雅黑" pitchFamily="34" charset="-122"/>
                <a:cs typeface="Arial" pitchFamily="34" charset="0"/>
              </a:endParaRPr>
            </a:p>
          </p:txBody>
        </p:sp>
        <p:cxnSp>
          <p:nvCxnSpPr>
            <p:cNvPr id="142" name="直接连接符 141"/>
            <p:cNvCxnSpPr>
              <a:endCxn id="141" idx="2"/>
            </p:cNvCxnSpPr>
            <p:nvPr/>
          </p:nvCxnSpPr>
          <p:spPr bwMode="auto">
            <a:xfrm flipV="1">
              <a:off x="3407069" y="3301218"/>
              <a:ext cx="543876" cy="107778"/>
            </a:xfrm>
            <a:prstGeom prst="line">
              <a:avLst/>
            </a:prstGeom>
            <a:noFill/>
            <a:ln w="19050" cap="flat" cmpd="sng" algn="ctr">
              <a:solidFill>
                <a:srgbClr val="C00000"/>
              </a:solidFill>
              <a:prstDash val="solid"/>
              <a:round/>
              <a:headEnd type="none" w="med" len="med"/>
              <a:tailEnd type="none" w="med" len="med"/>
            </a:ln>
            <a:effectLst/>
          </p:spPr>
        </p:cxnSp>
      </p:grpSp>
      <p:sp>
        <p:nvSpPr>
          <p:cNvPr id="143" name="矩形 142"/>
          <p:cNvSpPr/>
          <p:nvPr/>
        </p:nvSpPr>
        <p:spPr>
          <a:xfrm>
            <a:off x="1224321" y="3171833"/>
            <a:ext cx="7412481" cy="1665063"/>
          </a:xfrm>
          <a:prstGeom prst="rect">
            <a:avLst/>
          </a:prstGeom>
        </p:spPr>
        <p:txBody>
          <a:bodyPr wrap="square" lIns="137151" tIns="68576" rIns="137151" bIns="68576" anchor="ctr">
            <a:spAutoFit/>
          </a:bodyPr>
          <a:lstStyle/>
          <a:p>
            <a:pPr marL="365833" indent="-365833" defTabSz="1252454">
              <a:lnSpc>
                <a:spcPct val="120000"/>
              </a:lnSpc>
              <a:spcBef>
                <a:spcPts val="0"/>
              </a:spcBef>
              <a:spcAft>
                <a:spcPts val="1200"/>
              </a:spcAft>
              <a:buClr>
                <a:srgbClr val="C00000"/>
              </a:buClr>
              <a:buSzPct val="60000"/>
              <a:buFont typeface="Wingdings" pitchFamily="2" charset="2"/>
              <a:buChar char="l"/>
            </a:pPr>
            <a:r>
              <a:rPr lang="en-US" altLang="zh-CN" sz="2200" b="1" kern="0" dirty="0" smtClean="0">
                <a:solidFill>
                  <a:srgbClr val="C00000"/>
                </a:solidFill>
                <a:latin typeface="Arial" pitchFamily="34" charset="0"/>
                <a:ea typeface="微软雅黑" pitchFamily="34" charset="-122"/>
                <a:cs typeface="Arial" pitchFamily="34" charset="0"/>
              </a:rPr>
              <a:t>USD $5.4 billion </a:t>
            </a:r>
            <a:r>
              <a:rPr lang="en-US" altLang="zh-CN" sz="2200" kern="0" dirty="0" smtClean="0">
                <a:solidFill>
                  <a:schemeClr val="tx1">
                    <a:lumMod val="75000"/>
                    <a:lumOff val="25000"/>
                  </a:schemeClr>
                </a:solidFill>
                <a:latin typeface="Arial" pitchFamily="34" charset="0"/>
                <a:ea typeface="微软雅黑" pitchFamily="34" charset="-122"/>
                <a:cs typeface="Arial" pitchFamily="34" charset="0"/>
              </a:rPr>
              <a:t>in 2013</a:t>
            </a:r>
          </a:p>
          <a:p>
            <a:pPr marL="365833" indent="-365833" defTabSz="1252454">
              <a:lnSpc>
                <a:spcPct val="120000"/>
              </a:lnSpc>
              <a:spcBef>
                <a:spcPts val="0"/>
              </a:spcBef>
              <a:spcAft>
                <a:spcPts val="1200"/>
              </a:spcAft>
              <a:buClr>
                <a:srgbClr val="C00000"/>
              </a:buClr>
              <a:buSzPct val="60000"/>
              <a:buFont typeface="Wingdings" pitchFamily="2" charset="2"/>
              <a:buChar char="l"/>
            </a:pPr>
            <a:r>
              <a:rPr lang="en-US" altLang="zh-CN" sz="2200" b="1" kern="0" dirty="0" smtClean="0">
                <a:solidFill>
                  <a:srgbClr val="C00000"/>
                </a:solidFill>
                <a:latin typeface="Arial" pitchFamily="34" charset="0"/>
                <a:ea typeface="微软雅黑" pitchFamily="34" charset="-122"/>
                <a:cs typeface="Arial" pitchFamily="34" charset="0"/>
              </a:rPr>
              <a:t>70,000</a:t>
            </a:r>
            <a:r>
              <a:rPr lang="en-US" altLang="zh-CN" sz="2200" kern="0" dirty="0" smtClean="0">
                <a:solidFill>
                  <a:schemeClr val="tx1">
                    <a:lumMod val="75000"/>
                    <a:lumOff val="25000"/>
                  </a:schemeClr>
                </a:solidFill>
                <a:latin typeface="Arial" pitchFamily="34" charset="0"/>
                <a:ea typeface="微软雅黑" pitchFamily="34" charset="-122"/>
                <a:cs typeface="Arial" pitchFamily="34" charset="0"/>
              </a:rPr>
              <a:t> R&amp;D employees</a:t>
            </a:r>
          </a:p>
          <a:p>
            <a:pPr marL="365833" indent="-365833" defTabSz="1252454">
              <a:lnSpc>
                <a:spcPct val="120000"/>
              </a:lnSpc>
              <a:spcBef>
                <a:spcPts val="0"/>
              </a:spcBef>
              <a:spcAft>
                <a:spcPts val="1200"/>
              </a:spcAft>
              <a:buClr>
                <a:srgbClr val="C00000"/>
              </a:buClr>
              <a:buSzPct val="60000"/>
              <a:buFont typeface="Wingdings" pitchFamily="2" charset="2"/>
              <a:buChar char="l"/>
            </a:pPr>
            <a:r>
              <a:rPr lang="en-US" altLang="zh-CN" sz="2200" b="1" kern="0" dirty="0" smtClean="0">
                <a:solidFill>
                  <a:srgbClr val="C00000"/>
                </a:solidFill>
                <a:latin typeface="Arial" pitchFamily="34" charset="0"/>
                <a:ea typeface="微软雅黑" pitchFamily="34" charset="-122"/>
                <a:cs typeface="Arial" pitchFamily="34" charset="0"/>
              </a:rPr>
              <a:t>16</a:t>
            </a:r>
            <a:r>
              <a:rPr lang="en-US" altLang="zh-CN" sz="2200" kern="0" dirty="0" smtClean="0">
                <a:solidFill>
                  <a:schemeClr val="tx1">
                    <a:lumMod val="75000"/>
                    <a:lumOff val="25000"/>
                  </a:schemeClr>
                </a:solidFill>
                <a:latin typeface="Arial" pitchFamily="34" charset="0"/>
                <a:ea typeface="微软雅黑" pitchFamily="34" charset="-122"/>
                <a:cs typeface="Arial" pitchFamily="34" charset="0"/>
              </a:rPr>
              <a:t> R&amp;D centers</a:t>
            </a:r>
          </a:p>
        </p:txBody>
      </p:sp>
      <p:sp>
        <p:nvSpPr>
          <p:cNvPr id="144" name="Content Placeholder 3"/>
          <p:cNvSpPr txBox="1">
            <a:spLocks/>
          </p:cNvSpPr>
          <p:nvPr/>
        </p:nvSpPr>
        <p:spPr>
          <a:xfrm>
            <a:off x="1186391" y="5158154"/>
            <a:ext cx="7132664" cy="953862"/>
          </a:xfrm>
          <a:prstGeom prst="rect">
            <a:avLst/>
          </a:prstGeom>
        </p:spPr>
        <p:txBody>
          <a:bodyPr lIns="182917" tIns="91458" rIns="182917" bIns="91458"/>
          <a:lstStyle/>
          <a:p>
            <a:pPr marL="685937" indent="-685937" defTabSz="1829166" eaLnBrk="0" fontAlgn="auto" hangingPunct="0">
              <a:spcBef>
                <a:spcPts val="0"/>
              </a:spcBef>
              <a:spcAft>
                <a:spcPts val="0"/>
              </a:spcAft>
              <a:buClr>
                <a:srgbClr val="777777"/>
              </a:buClr>
              <a:buSzPct val="60000"/>
              <a:defRPr/>
            </a:pPr>
            <a:r>
              <a:rPr lang="en-US" altLang="zh-CN" sz="2400" b="1" kern="0" dirty="0" smtClean="0">
                <a:latin typeface="Arial" pitchFamily="34" charset="0"/>
                <a:ea typeface="微软雅黑" pitchFamily="34" charset="-122"/>
                <a:cs typeface="Arial" pitchFamily="34" charset="0"/>
              </a:rPr>
              <a:t>Continuous increase in percentage of R&amp;D </a:t>
            </a:r>
          </a:p>
          <a:p>
            <a:pPr marL="685937" indent="-685937" defTabSz="1829166" eaLnBrk="0" fontAlgn="auto" hangingPunct="0">
              <a:spcBef>
                <a:spcPts val="0"/>
              </a:spcBef>
              <a:spcAft>
                <a:spcPts val="0"/>
              </a:spcAft>
              <a:buClr>
                <a:srgbClr val="777777"/>
              </a:buClr>
              <a:buSzPct val="60000"/>
              <a:defRPr/>
            </a:pPr>
            <a:r>
              <a:rPr lang="en-US" altLang="zh-CN" sz="2400" b="1" kern="0" dirty="0" smtClean="0">
                <a:latin typeface="Arial" pitchFamily="34" charset="0"/>
                <a:ea typeface="微软雅黑" pitchFamily="34" charset="-122"/>
                <a:cs typeface="Arial" pitchFamily="34" charset="0"/>
              </a:rPr>
              <a:t>investment to total sales revenue</a:t>
            </a:r>
          </a:p>
          <a:p>
            <a:pPr marL="685937" indent="-685937" defTabSz="1829166" eaLnBrk="0" fontAlgn="auto" hangingPunct="0">
              <a:spcBef>
                <a:spcPts val="0"/>
              </a:spcBef>
              <a:spcAft>
                <a:spcPts val="0"/>
              </a:spcAft>
              <a:buClr>
                <a:srgbClr val="777777"/>
              </a:buClr>
              <a:buSzPct val="60000"/>
              <a:defRPr/>
            </a:pPr>
            <a:endParaRPr lang="en-US" altLang="zh-CN" sz="2400" b="1" kern="0" dirty="0" smtClean="0">
              <a:latin typeface="Arial" pitchFamily="34" charset="0"/>
              <a:ea typeface="微软雅黑" pitchFamily="34" charset="-122"/>
              <a:cs typeface="Arial" pitchFamily="34" charset="0"/>
            </a:endParaRPr>
          </a:p>
          <a:p>
            <a:pPr marL="685937" indent="-685937" defTabSz="1829166" eaLnBrk="0" fontAlgn="auto" hangingPunct="0">
              <a:spcBef>
                <a:spcPts val="0"/>
              </a:spcBef>
              <a:spcAft>
                <a:spcPts val="0"/>
              </a:spcAft>
              <a:buClr>
                <a:srgbClr val="777777"/>
              </a:buClr>
              <a:buSzPct val="60000"/>
              <a:defRPr/>
            </a:pPr>
            <a:endParaRPr lang="en-US" altLang="zh-CN" sz="2400" b="1" kern="0" dirty="0" smtClean="0">
              <a:latin typeface="Arial" pitchFamily="34" charset="0"/>
              <a:ea typeface="微软雅黑" pitchFamily="34" charset="-122"/>
              <a:cs typeface="Arial" pitchFamily="34" charset="0"/>
            </a:endParaRPr>
          </a:p>
          <a:p>
            <a:pPr marL="685937" indent="-685937" defTabSz="1829166" eaLnBrk="0" hangingPunct="0">
              <a:buClr>
                <a:srgbClr val="777777"/>
              </a:buClr>
              <a:buSzPct val="60000"/>
              <a:defRPr/>
            </a:pPr>
            <a:endParaRPr lang="en-US" altLang="zh-CN" sz="2400" b="1" kern="0" dirty="0" smtClean="0">
              <a:latin typeface="Arial" pitchFamily="34" charset="0"/>
              <a:ea typeface="微软雅黑" pitchFamily="34" charset="-122"/>
              <a:cs typeface="Arial" pitchFamily="34" charset="0"/>
            </a:endParaRPr>
          </a:p>
        </p:txBody>
      </p:sp>
    </p:spTree>
  </p:cSld>
  <p:clrMapOvr>
    <a:masterClrMapping/>
  </p:clrMapOvr>
  <p:transition>
    <p:fad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同侧圆角矩形 92"/>
          <p:cNvSpPr/>
          <p:nvPr/>
        </p:nvSpPr>
        <p:spPr bwMode="auto">
          <a:xfrm>
            <a:off x="705200" y="1549844"/>
            <a:ext cx="16922938" cy="7418289"/>
          </a:xfrm>
          <a:prstGeom prst="round2SameRect">
            <a:avLst>
              <a:gd name="adj1" fmla="val 0"/>
              <a:gd name="adj2" fmla="val 0"/>
            </a:avLst>
          </a:prstGeom>
          <a:solidFill>
            <a:schemeClr val="bg1"/>
          </a:solidFill>
          <a:ln w="9525" algn="ctr">
            <a:solidFill>
              <a:srgbClr val="FF6600"/>
            </a:solidFill>
            <a:round/>
            <a:headEnd/>
            <a:tailEnd/>
          </a:ln>
          <a:effectLst>
            <a:outerShdw blurRad="63500" sx="101000" sy="101000" algn="ctr" rotWithShape="0">
              <a:prstClr val="black">
                <a:alpha val="20000"/>
              </a:prstClr>
            </a:outerShdw>
            <a:softEdge rad="12700"/>
          </a:effectLst>
        </p:spPr>
        <p:txBody>
          <a:bodyPr wrap="none" lIns="137131" tIns="68566" rIns="137131" bIns="68566" anchor="ctr"/>
          <a:lstStyle/>
          <a:p>
            <a:pPr algn="ctr" defTabSz="1371314" eaLnBrk="0" fontAlgn="auto" hangingPunct="0">
              <a:spcBef>
                <a:spcPts val="0"/>
              </a:spcBef>
              <a:spcAft>
                <a:spcPts val="0"/>
              </a:spcAft>
              <a:buSzPct val="60000"/>
              <a:defRPr/>
            </a:pPr>
            <a:endParaRPr lang="en-US" altLang="zh-CN" sz="1000" kern="0" dirty="0" smtClean="0">
              <a:solidFill>
                <a:srgbClr val="5F5F5F"/>
              </a:solidFill>
              <a:latin typeface="Arial" pitchFamily="34" charset="0"/>
              <a:ea typeface="华文细黑" pitchFamily="2" charset="-122"/>
              <a:cs typeface="Arial" pitchFamily="34" charset="0"/>
            </a:endParaRPr>
          </a:p>
        </p:txBody>
      </p:sp>
      <p:pic>
        <p:nvPicPr>
          <p:cNvPr id="233506" name="Picture 4" descr="地图黄"/>
          <p:cNvPicPr>
            <a:picLocks noChangeAspect="1" noChangeArrowheads="1"/>
          </p:cNvPicPr>
          <p:nvPr/>
        </p:nvPicPr>
        <p:blipFill>
          <a:blip r:embed="rId3" cstate="print">
            <a:lum bright="6000"/>
            <a:grayscl/>
          </a:blip>
          <a:srcRect/>
          <a:stretch>
            <a:fillRect/>
          </a:stretch>
        </p:blipFill>
        <p:spPr bwMode="auto">
          <a:xfrm>
            <a:off x="767740" y="1613166"/>
            <a:ext cx="16797394" cy="5679412"/>
          </a:xfrm>
          <a:prstGeom prst="rect">
            <a:avLst/>
          </a:prstGeom>
          <a:ln>
            <a:headEnd/>
            <a:tailEnd/>
          </a:ln>
        </p:spPr>
        <p:style>
          <a:lnRef idx="1">
            <a:schemeClr val="accent3"/>
          </a:lnRef>
          <a:fillRef idx="2">
            <a:schemeClr val="accent3"/>
          </a:fillRef>
          <a:effectRef idx="1">
            <a:schemeClr val="accent3"/>
          </a:effectRef>
          <a:fontRef idx="minor">
            <a:schemeClr val="dk1"/>
          </a:fontRef>
        </p:style>
      </p:pic>
      <p:sp>
        <p:nvSpPr>
          <p:cNvPr id="18" name="圆角矩形标注 17"/>
          <p:cNvSpPr>
            <a:spLocks noChangeArrowheads="1"/>
          </p:cNvSpPr>
          <p:nvPr/>
        </p:nvSpPr>
        <p:spPr bwMode="auto">
          <a:xfrm>
            <a:off x="5719888" y="1810309"/>
            <a:ext cx="2306654" cy="792244"/>
          </a:xfrm>
          <a:prstGeom prst="wedgeRoundRectCallout">
            <a:avLst>
              <a:gd name="adj1" fmla="val 98250"/>
              <a:gd name="adj2" fmla="val 52148"/>
              <a:gd name="adj3" fmla="val 16667"/>
            </a:avLst>
          </a:prstGeom>
          <a:ln w="15875">
            <a:solidFill>
              <a:schemeClr val="bg1">
                <a:lumMod val="65000"/>
              </a:schemeClr>
            </a:solidFill>
            <a:headEnd/>
            <a:tailEnd/>
          </a:ln>
        </p:spPr>
        <p:style>
          <a:lnRef idx="2">
            <a:schemeClr val="accent5"/>
          </a:lnRef>
          <a:fillRef idx="1">
            <a:schemeClr val="lt1"/>
          </a:fillRef>
          <a:effectRef idx="0">
            <a:schemeClr val="accent5"/>
          </a:effectRef>
          <a:fontRef idx="minor">
            <a:schemeClr val="dk1"/>
          </a:fontRef>
        </p:style>
        <p:txBody>
          <a:bodyPr wrap="none" lIns="152318" tIns="76157" rIns="152318" bIns="76157" anchor="ctr"/>
          <a:lstStyle/>
          <a:p>
            <a:pPr algn="ctr" defTabSz="1462416">
              <a:defRPr/>
            </a:pPr>
            <a:endParaRPr lang="zh-CN" altLang="en-US" dirty="0">
              <a:solidFill>
                <a:schemeClr val="tx1"/>
              </a:solidFill>
              <a:latin typeface="Arial" pitchFamily="34" charset="0"/>
              <a:ea typeface="华文细黑" pitchFamily="2" charset="-122"/>
              <a:cs typeface="Arial" pitchFamily="34" charset="0"/>
            </a:endParaRPr>
          </a:p>
        </p:txBody>
      </p:sp>
      <p:sp>
        <p:nvSpPr>
          <p:cNvPr id="19" name="圆角矩形标注 18"/>
          <p:cNvSpPr>
            <a:spLocks noChangeArrowheads="1"/>
          </p:cNvSpPr>
          <p:nvPr/>
        </p:nvSpPr>
        <p:spPr bwMode="auto">
          <a:xfrm>
            <a:off x="5719888" y="2877580"/>
            <a:ext cx="2306654" cy="792244"/>
          </a:xfrm>
          <a:prstGeom prst="wedgeRoundRectCallout">
            <a:avLst>
              <a:gd name="adj1" fmla="val 68023"/>
              <a:gd name="adj2" fmla="val -5171"/>
              <a:gd name="adj3" fmla="val 16667"/>
            </a:avLst>
          </a:prstGeom>
          <a:ln w="15875">
            <a:solidFill>
              <a:schemeClr val="bg1">
                <a:lumMod val="65000"/>
              </a:schemeClr>
            </a:solidFill>
            <a:headEnd/>
            <a:tailEnd/>
          </a:ln>
        </p:spPr>
        <p:style>
          <a:lnRef idx="2">
            <a:schemeClr val="accent5"/>
          </a:lnRef>
          <a:fillRef idx="1">
            <a:schemeClr val="lt1"/>
          </a:fillRef>
          <a:effectRef idx="0">
            <a:schemeClr val="accent5"/>
          </a:effectRef>
          <a:fontRef idx="minor">
            <a:schemeClr val="dk1"/>
          </a:fontRef>
        </p:style>
        <p:txBody>
          <a:bodyPr wrap="none" lIns="152318" tIns="76157" rIns="152318" bIns="76157" anchor="ctr"/>
          <a:lstStyle/>
          <a:p>
            <a:pPr algn="ctr" defTabSz="1462416">
              <a:defRPr/>
            </a:pPr>
            <a:endParaRPr lang="zh-CN" altLang="en-US" dirty="0">
              <a:solidFill>
                <a:srgbClr val="FFFFFF"/>
              </a:solidFill>
              <a:latin typeface="Arial" pitchFamily="34" charset="0"/>
              <a:cs typeface="Arial" pitchFamily="34" charset="0"/>
            </a:endParaRPr>
          </a:p>
        </p:txBody>
      </p:sp>
      <p:sp>
        <p:nvSpPr>
          <p:cNvPr id="20" name="圆角矩形标注 19"/>
          <p:cNvSpPr>
            <a:spLocks noChangeArrowheads="1"/>
          </p:cNvSpPr>
          <p:nvPr/>
        </p:nvSpPr>
        <p:spPr bwMode="auto">
          <a:xfrm>
            <a:off x="6329131" y="4110648"/>
            <a:ext cx="2306652" cy="519934"/>
          </a:xfrm>
          <a:prstGeom prst="wedgeRoundRectCallout">
            <a:avLst>
              <a:gd name="adj1" fmla="val 56200"/>
              <a:gd name="adj2" fmla="val -158546"/>
              <a:gd name="adj3" fmla="val 16667"/>
            </a:avLst>
          </a:prstGeom>
          <a:ln w="15875">
            <a:solidFill>
              <a:schemeClr val="bg1">
                <a:lumMod val="65000"/>
              </a:schemeClr>
            </a:solidFill>
            <a:headEnd/>
            <a:tailEnd/>
          </a:ln>
        </p:spPr>
        <p:style>
          <a:lnRef idx="2">
            <a:schemeClr val="accent5"/>
          </a:lnRef>
          <a:fillRef idx="1">
            <a:schemeClr val="lt1"/>
          </a:fillRef>
          <a:effectRef idx="0">
            <a:schemeClr val="accent5"/>
          </a:effectRef>
          <a:fontRef idx="minor">
            <a:schemeClr val="dk1"/>
          </a:fontRef>
        </p:style>
        <p:txBody>
          <a:bodyPr wrap="none" lIns="152318" tIns="76157" rIns="152318" bIns="76157" anchor="ctr"/>
          <a:lstStyle/>
          <a:p>
            <a:pPr algn="ctr" defTabSz="1462416">
              <a:defRPr/>
            </a:pPr>
            <a:endParaRPr lang="zh-CN" altLang="en-US" dirty="0">
              <a:solidFill>
                <a:srgbClr val="FFFFFF"/>
              </a:solidFill>
              <a:latin typeface="Arial" pitchFamily="34" charset="0"/>
              <a:cs typeface="Arial" pitchFamily="34" charset="0"/>
            </a:endParaRPr>
          </a:p>
        </p:txBody>
      </p:sp>
      <p:sp>
        <p:nvSpPr>
          <p:cNvPr id="21" name="任意多边形 20"/>
          <p:cNvSpPr>
            <a:spLocks noChangeArrowheads="1"/>
          </p:cNvSpPr>
          <p:nvPr/>
        </p:nvSpPr>
        <p:spPr bwMode="auto">
          <a:xfrm>
            <a:off x="3370359" y="3819047"/>
            <a:ext cx="4088590" cy="2081990"/>
          </a:xfrm>
          <a:custGeom>
            <a:avLst/>
            <a:gdLst>
              <a:gd name="connsiteX0" fmla="*/ 0 w 1843022"/>
              <a:gd name="connsiteY0" fmla="*/ 85992 h 515939"/>
              <a:gd name="connsiteX1" fmla="*/ 25187 w 1843022"/>
              <a:gd name="connsiteY1" fmla="*/ 25186 h 515939"/>
              <a:gd name="connsiteX2" fmla="*/ 85993 w 1843022"/>
              <a:gd name="connsiteY2" fmla="*/ 0 h 515939"/>
              <a:gd name="connsiteX3" fmla="*/ 307170 w 1843022"/>
              <a:gd name="connsiteY3" fmla="*/ 0 h 515939"/>
              <a:gd name="connsiteX4" fmla="*/ 691041 w 1843022"/>
              <a:gd name="connsiteY4" fmla="*/ -802166 h 515939"/>
              <a:gd name="connsiteX5" fmla="*/ 767926 w 1843022"/>
              <a:gd name="connsiteY5" fmla="*/ 0 h 515939"/>
              <a:gd name="connsiteX6" fmla="*/ 1757030 w 1843022"/>
              <a:gd name="connsiteY6" fmla="*/ 0 h 515939"/>
              <a:gd name="connsiteX7" fmla="*/ 1817836 w 1843022"/>
              <a:gd name="connsiteY7" fmla="*/ 25187 h 515939"/>
              <a:gd name="connsiteX8" fmla="*/ 1843022 w 1843022"/>
              <a:gd name="connsiteY8" fmla="*/ 85993 h 515939"/>
              <a:gd name="connsiteX9" fmla="*/ 1843022 w 1843022"/>
              <a:gd name="connsiteY9" fmla="*/ 85990 h 515939"/>
              <a:gd name="connsiteX10" fmla="*/ 1843022 w 1843022"/>
              <a:gd name="connsiteY10" fmla="*/ 85990 h 515939"/>
              <a:gd name="connsiteX11" fmla="*/ 1843022 w 1843022"/>
              <a:gd name="connsiteY11" fmla="*/ 214975 h 515939"/>
              <a:gd name="connsiteX12" fmla="*/ 1843022 w 1843022"/>
              <a:gd name="connsiteY12" fmla="*/ 429947 h 515939"/>
              <a:gd name="connsiteX13" fmla="*/ 1817836 w 1843022"/>
              <a:gd name="connsiteY13" fmla="*/ 490753 h 515939"/>
              <a:gd name="connsiteX14" fmla="*/ 1757030 w 1843022"/>
              <a:gd name="connsiteY14" fmla="*/ 515939 h 515939"/>
              <a:gd name="connsiteX15" fmla="*/ 767926 w 1843022"/>
              <a:gd name="connsiteY15" fmla="*/ 515939 h 515939"/>
              <a:gd name="connsiteX16" fmla="*/ 307170 w 1843022"/>
              <a:gd name="connsiteY16" fmla="*/ 515939 h 515939"/>
              <a:gd name="connsiteX17" fmla="*/ 307170 w 1843022"/>
              <a:gd name="connsiteY17" fmla="*/ 515939 h 515939"/>
              <a:gd name="connsiteX18" fmla="*/ 85992 w 1843022"/>
              <a:gd name="connsiteY18" fmla="*/ 515939 h 515939"/>
              <a:gd name="connsiteX19" fmla="*/ 25186 w 1843022"/>
              <a:gd name="connsiteY19" fmla="*/ 490752 h 515939"/>
              <a:gd name="connsiteX20" fmla="*/ 0 w 1843022"/>
              <a:gd name="connsiteY20" fmla="*/ 429946 h 515939"/>
              <a:gd name="connsiteX21" fmla="*/ 0 w 1843022"/>
              <a:gd name="connsiteY21" fmla="*/ 214975 h 515939"/>
              <a:gd name="connsiteX22" fmla="*/ 0 w 1843022"/>
              <a:gd name="connsiteY22" fmla="*/ 85990 h 515939"/>
              <a:gd name="connsiteX23" fmla="*/ 0 w 1843022"/>
              <a:gd name="connsiteY23" fmla="*/ 85990 h 515939"/>
              <a:gd name="connsiteX24" fmla="*/ 0 w 1843022"/>
              <a:gd name="connsiteY24" fmla="*/ 85992 h 515939"/>
              <a:gd name="connsiteX0" fmla="*/ 0 w 1843022"/>
              <a:gd name="connsiteY0" fmla="*/ 835223 h 1265170"/>
              <a:gd name="connsiteX1" fmla="*/ 25187 w 1843022"/>
              <a:gd name="connsiteY1" fmla="*/ 774417 h 1265170"/>
              <a:gd name="connsiteX2" fmla="*/ 85993 w 1843022"/>
              <a:gd name="connsiteY2" fmla="*/ 749231 h 1265170"/>
              <a:gd name="connsiteX3" fmla="*/ 307170 w 1843022"/>
              <a:gd name="connsiteY3" fmla="*/ 749231 h 1265170"/>
              <a:gd name="connsiteX4" fmla="*/ 204970 w 1843022"/>
              <a:gd name="connsiteY4" fmla="*/ 0 h 1265170"/>
              <a:gd name="connsiteX5" fmla="*/ 767926 w 1843022"/>
              <a:gd name="connsiteY5" fmla="*/ 749231 h 1265170"/>
              <a:gd name="connsiteX6" fmla="*/ 1757030 w 1843022"/>
              <a:gd name="connsiteY6" fmla="*/ 749231 h 1265170"/>
              <a:gd name="connsiteX7" fmla="*/ 1817836 w 1843022"/>
              <a:gd name="connsiteY7" fmla="*/ 774418 h 1265170"/>
              <a:gd name="connsiteX8" fmla="*/ 1843022 w 1843022"/>
              <a:gd name="connsiteY8" fmla="*/ 835224 h 1265170"/>
              <a:gd name="connsiteX9" fmla="*/ 1843022 w 1843022"/>
              <a:gd name="connsiteY9" fmla="*/ 835221 h 1265170"/>
              <a:gd name="connsiteX10" fmla="*/ 1843022 w 1843022"/>
              <a:gd name="connsiteY10" fmla="*/ 835221 h 1265170"/>
              <a:gd name="connsiteX11" fmla="*/ 1843022 w 1843022"/>
              <a:gd name="connsiteY11" fmla="*/ 964206 h 1265170"/>
              <a:gd name="connsiteX12" fmla="*/ 1843022 w 1843022"/>
              <a:gd name="connsiteY12" fmla="*/ 1179178 h 1265170"/>
              <a:gd name="connsiteX13" fmla="*/ 1817836 w 1843022"/>
              <a:gd name="connsiteY13" fmla="*/ 1239984 h 1265170"/>
              <a:gd name="connsiteX14" fmla="*/ 1757030 w 1843022"/>
              <a:gd name="connsiteY14" fmla="*/ 1265170 h 1265170"/>
              <a:gd name="connsiteX15" fmla="*/ 767926 w 1843022"/>
              <a:gd name="connsiteY15" fmla="*/ 1265170 h 1265170"/>
              <a:gd name="connsiteX16" fmla="*/ 307170 w 1843022"/>
              <a:gd name="connsiteY16" fmla="*/ 1265170 h 1265170"/>
              <a:gd name="connsiteX17" fmla="*/ 307170 w 1843022"/>
              <a:gd name="connsiteY17" fmla="*/ 1265170 h 1265170"/>
              <a:gd name="connsiteX18" fmla="*/ 85992 w 1843022"/>
              <a:gd name="connsiteY18" fmla="*/ 1265170 h 1265170"/>
              <a:gd name="connsiteX19" fmla="*/ 25186 w 1843022"/>
              <a:gd name="connsiteY19" fmla="*/ 1239983 h 1265170"/>
              <a:gd name="connsiteX20" fmla="*/ 0 w 1843022"/>
              <a:gd name="connsiteY20" fmla="*/ 1179177 h 1265170"/>
              <a:gd name="connsiteX21" fmla="*/ 0 w 1843022"/>
              <a:gd name="connsiteY21" fmla="*/ 964206 h 1265170"/>
              <a:gd name="connsiteX22" fmla="*/ 0 w 1843022"/>
              <a:gd name="connsiteY22" fmla="*/ 835221 h 1265170"/>
              <a:gd name="connsiteX23" fmla="*/ 0 w 1843022"/>
              <a:gd name="connsiteY23" fmla="*/ 835221 h 1265170"/>
              <a:gd name="connsiteX24" fmla="*/ 0 w 1843022"/>
              <a:gd name="connsiteY24" fmla="*/ 835223 h 1265170"/>
              <a:gd name="connsiteX0" fmla="*/ 0 w 1843022"/>
              <a:gd name="connsiteY0" fmla="*/ 835223 h 1265170"/>
              <a:gd name="connsiteX1" fmla="*/ 25187 w 1843022"/>
              <a:gd name="connsiteY1" fmla="*/ 774417 h 1265170"/>
              <a:gd name="connsiteX2" fmla="*/ 85993 w 1843022"/>
              <a:gd name="connsiteY2" fmla="*/ 749231 h 1265170"/>
              <a:gd name="connsiteX3" fmla="*/ 307170 w 1843022"/>
              <a:gd name="connsiteY3" fmla="*/ 749231 h 1265170"/>
              <a:gd name="connsiteX4" fmla="*/ 204970 w 1843022"/>
              <a:gd name="connsiteY4" fmla="*/ 0 h 1265170"/>
              <a:gd name="connsiteX5" fmla="*/ 440357 w 1843022"/>
              <a:gd name="connsiteY5" fmla="*/ 735997 h 1265170"/>
              <a:gd name="connsiteX6" fmla="*/ 1757030 w 1843022"/>
              <a:gd name="connsiteY6" fmla="*/ 749231 h 1265170"/>
              <a:gd name="connsiteX7" fmla="*/ 1817836 w 1843022"/>
              <a:gd name="connsiteY7" fmla="*/ 774418 h 1265170"/>
              <a:gd name="connsiteX8" fmla="*/ 1843022 w 1843022"/>
              <a:gd name="connsiteY8" fmla="*/ 835224 h 1265170"/>
              <a:gd name="connsiteX9" fmla="*/ 1843022 w 1843022"/>
              <a:gd name="connsiteY9" fmla="*/ 835221 h 1265170"/>
              <a:gd name="connsiteX10" fmla="*/ 1843022 w 1843022"/>
              <a:gd name="connsiteY10" fmla="*/ 835221 h 1265170"/>
              <a:gd name="connsiteX11" fmla="*/ 1843022 w 1843022"/>
              <a:gd name="connsiteY11" fmla="*/ 964206 h 1265170"/>
              <a:gd name="connsiteX12" fmla="*/ 1843022 w 1843022"/>
              <a:gd name="connsiteY12" fmla="*/ 1179178 h 1265170"/>
              <a:gd name="connsiteX13" fmla="*/ 1817836 w 1843022"/>
              <a:gd name="connsiteY13" fmla="*/ 1239984 h 1265170"/>
              <a:gd name="connsiteX14" fmla="*/ 1757030 w 1843022"/>
              <a:gd name="connsiteY14" fmla="*/ 1265170 h 1265170"/>
              <a:gd name="connsiteX15" fmla="*/ 767926 w 1843022"/>
              <a:gd name="connsiteY15" fmla="*/ 1265170 h 1265170"/>
              <a:gd name="connsiteX16" fmla="*/ 307170 w 1843022"/>
              <a:gd name="connsiteY16" fmla="*/ 1265170 h 1265170"/>
              <a:gd name="connsiteX17" fmla="*/ 307170 w 1843022"/>
              <a:gd name="connsiteY17" fmla="*/ 1265170 h 1265170"/>
              <a:gd name="connsiteX18" fmla="*/ 85992 w 1843022"/>
              <a:gd name="connsiteY18" fmla="*/ 1265170 h 1265170"/>
              <a:gd name="connsiteX19" fmla="*/ 25186 w 1843022"/>
              <a:gd name="connsiteY19" fmla="*/ 1239983 h 1265170"/>
              <a:gd name="connsiteX20" fmla="*/ 0 w 1843022"/>
              <a:gd name="connsiteY20" fmla="*/ 1179177 h 1265170"/>
              <a:gd name="connsiteX21" fmla="*/ 0 w 1843022"/>
              <a:gd name="connsiteY21" fmla="*/ 964206 h 1265170"/>
              <a:gd name="connsiteX22" fmla="*/ 0 w 1843022"/>
              <a:gd name="connsiteY22" fmla="*/ 835221 h 1265170"/>
              <a:gd name="connsiteX23" fmla="*/ 0 w 1843022"/>
              <a:gd name="connsiteY23" fmla="*/ 835221 h 1265170"/>
              <a:gd name="connsiteX24" fmla="*/ 0 w 1843022"/>
              <a:gd name="connsiteY24" fmla="*/ 835223 h 12651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1843022" h="1265170">
                <a:moveTo>
                  <a:pt x="0" y="835223"/>
                </a:moveTo>
                <a:cubicBezTo>
                  <a:pt x="0" y="812416"/>
                  <a:pt x="9060" y="790544"/>
                  <a:pt x="25187" y="774417"/>
                </a:cubicBezTo>
                <a:cubicBezTo>
                  <a:pt x="41314" y="758290"/>
                  <a:pt x="63186" y="749231"/>
                  <a:pt x="85993" y="749231"/>
                </a:cubicBezTo>
                <a:lnTo>
                  <a:pt x="307170" y="749231"/>
                </a:lnTo>
                <a:lnTo>
                  <a:pt x="204970" y="0"/>
                </a:lnTo>
                <a:lnTo>
                  <a:pt x="440357" y="735997"/>
                </a:lnTo>
                <a:lnTo>
                  <a:pt x="1757030" y="749231"/>
                </a:lnTo>
                <a:cubicBezTo>
                  <a:pt x="1779837" y="749231"/>
                  <a:pt x="1801709" y="758291"/>
                  <a:pt x="1817836" y="774418"/>
                </a:cubicBezTo>
                <a:cubicBezTo>
                  <a:pt x="1833963" y="790545"/>
                  <a:pt x="1843022" y="812417"/>
                  <a:pt x="1843022" y="835224"/>
                </a:cubicBezTo>
                <a:lnTo>
                  <a:pt x="1843022" y="835221"/>
                </a:lnTo>
                <a:lnTo>
                  <a:pt x="1843022" y="835221"/>
                </a:lnTo>
                <a:lnTo>
                  <a:pt x="1843022" y="964206"/>
                </a:lnTo>
                <a:lnTo>
                  <a:pt x="1843022" y="1179178"/>
                </a:lnTo>
                <a:cubicBezTo>
                  <a:pt x="1843022" y="1201985"/>
                  <a:pt x="1833962" y="1223857"/>
                  <a:pt x="1817836" y="1239984"/>
                </a:cubicBezTo>
                <a:cubicBezTo>
                  <a:pt x="1801709" y="1256111"/>
                  <a:pt x="1779837" y="1265170"/>
                  <a:pt x="1757030" y="1265170"/>
                </a:cubicBezTo>
                <a:lnTo>
                  <a:pt x="767926" y="1265170"/>
                </a:lnTo>
                <a:lnTo>
                  <a:pt x="307170" y="1265170"/>
                </a:lnTo>
                <a:lnTo>
                  <a:pt x="307170" y="1265170"/>
                </a:lnTo>
                <a:lnTo>
                  <a:pt x="85992" y="1265170"/>
                </a:lnTo>
                <a:cubicBezTo>
                  <a:pt x="63185" y="1265170"/>
                  <a:pt x="41313" y="1256110"/>
                  <a:pt x="25186" y="1239983"/>
                </a:cubicBezTo>
                <a:cubicBezTo>
                  <a:pt x="9059" y="1223856"/>
                  <a:pt x="0" y="1201984"/>
                  <a:pt x="0" y="1179177"/>
                </a:cubicBezTo>
                <a:lnTo>
                  <a:pt x="0" y="964206"/>
                </a:lnTo>
                <a:lnTo>
                  <a:pt x="0" y="835221"/>
                </a:lnTo>
                <a:lnTo>
                  <a:pt x="0" y="835221"/>
                </a:lnTo>
                <a:lnTo>
                  <a:pt x="0" y="835223"/>
                </a:lnTo>
                <a:close/>
              </a:path>
            </a:pathLst>
          </a:custGeom>
          <a:ln w="15875">
            <a:solidFill>
              <a:schemeClr val="bg1">
                <a:lumMod val="65000"/>
              </a:schemeClr>
            </a:solidFill>
            <a:headEnd/>
            <a:tailEnd/>
          </a:ln>
        </p:spPr>
        <p:style>
          <a:lnRef idx="2">
            <a:schemeClr val="accent5"/>
          </a:lnRef>
          <a:fillRef idx="1">
            <a:schemeClr val="lt1"/>
          </a:fillRef>
          <a:effectRef idx="0">
            <a:schemeClr val="accent5"/>
          </a:effectRef>
          <a:fontRef idx="minor">
            <a:schemeClr val="dk1"/>
          </a:fontRef>
        </p:style>
        <p:txBody>
          <a:bodyPr wrap="none" lIns="152318" tIns="76157" rIns="152318" bIns="76157" anchor="ctr"/>
          <a:lstStyle/>
          <a:p>
            <a:pPr algn="ctr" defTabSz="1462416">
              <a:defRPr/>
            </a:pPr>
            <a:endParaRPr lang="zh-CN" altLang="en-US" dirty="0">
              <a:solidFill>
                <a:srgbClr val="FFFFFF"/>
              </a:solidFill>
              <a:latin typeface="Arial" pitchFamily="34" charset="0"/>
              <a:cs typeface="Arial" pitchFamily="34" charset="0"/>
            </a:endParaRPr>
          </a:p>
        </p:txBody>
      </p:sp>
      <p:sp>
        <p:nvSpPr>
          <p:cNvPr id="22" name="圆角矩形标注 21"/>
          <p:cNvSpPr>
            <a:spLocks noChangeArrowheads="1"/>
          </p:cNvSpPr>
          <p:nvPr/>
        </p:nvSpPr>
        <p:spPr bwMode="auto">
          <a:xfrm>
            <a:off x="9488014" y="4136770"/>
            <a:ext cx="2306654" cy="846425"/>
          </a:xfrm>
          <a:prstGeom prst="wedgeRoundRectCallout">
            <a:avLst>
              <a:gd name="adj1" fmla="val -58389"/>
              <a:gd name="adj2" fmla="val -127204"/>
              <a:gd name="adj3" fmla="val 16667"/>
            </a:avLst>
          </a:prstGeom>
          <a:ln w="15875">
            <a:solidFill>
              <a:schemeClr val="bg1">
                <a:lumMod val="65000"/>
              </a:schemeClr>
            </a:solidFill>
            <a:headEnd/>
            <a:tailEnd/>
          </a:ln>
        </p:spPr>
        <p:style>
          <a:lnRef idx="2">
            <a:schemeClr val="accent5"/>
          </a:lnRef>
          <a:fillRef idx="1">
            <a:schemeClr val="lt1"/>
          </a:fillRef>
          <a:effectRef idx="0">
            <a:schemeClr val="accent5"/>
          </a:effectRef>
          <a:fontRef idx="minor">
            <a:schemeClr val="dk1"/>
          </a:fontRef>
        </p:style>
        <p:txBody>
          <a:bodyPr wrap="none" lIns="152318" tIns="76157" rIns="152318" bIns="76157" anchor="ctr"/>
          <a:lstStyle/>
          <a:p>
            <a:pPr algn="ctr" defTabSz="1462416">
              <a:defRPr/>
            </a:pPr>
            <a:endParaRPr lang="zh-CN" altLang="en-US" dirty="0">
              <a:solidFill>
                <a:srgbClr val="FFFFFF"/>
              </a:solidFill>
              <a:latin typeface="Arial" pitchFamily="34" charset="0"/>
              <a:cs typeface="Arial" pitchFamily="34" charset="0"/>
            </a:endParaRPr>
          </a:p>
        </p:txBody>
      </p:sp>
      <p:sp>
        <p:nvSpPr>
          <p:cNvPr id="233512" name="文本框 53"/>
          <p:cNvSpPr txBox="1">
            <a:spLocks noChangeArrowheads="1"/>
          </p:cNvSpPr>
          <p:nvPr/>
        </p:nvSpPr>
        <p:spPr bwMode="auto">
          <a:xfrm>
            <a:off x="9064930" y="3175411"/>
            <a:ext cx="1627042" cy="453262"/>
          </a:xfrm>
          <a:prstGeom prst="rect">
            <a:avLst/>
          </a:prstGeom>
          <a:noFill/>
          <a:ln w="9525">
            <a:noFill/>
            <a:miter lim="800000"/>
            <a:headEnd/>
            <a:tailEnd/>
          </a:ln>
        </p:spPr>
        <p:txBody>
          <a:bodyPr lIns="71984" tIns="71984" rIns="71984" bIns="71984">
            <a:spAutoFit/>
          </a:bodyPr>
          <a:lstStyle/>
          <a:p>
            <a:pPr algn="ctr" defTabSz="1946389"/>
            <a:r>
              <a:rPr kumimoji="1" lang="en-US" altLang="zh-CN" sz="2000" dirty="0">
                <a:solidFill>
                  <a:srgbClr val="000000"/>
                </a:solidFill>
                <a:latin typeface="Arial" pitchFamily="34" charset="0"/>
                <a:ea typeface="华文细黑" pitchFamily="2" charset="-122"/>
                <a:cs typeface="Arial" pitchFamily="34" charset="0"/>
              </a:rPr>
              <a:t>Munich</a:t>
            </a:r>
          </a:p>
        </p:txBody>
      </p:sp>
      <p:sp>
        <p:nvSpPr>
          <p:cNvPr id="233513" name="矩形 54"/>
          <p:cNvSpPr>
            <a:spLocks noChangeArrowheads="1"/>
          </p:cNvSpPr>
          <p:nvPr/>
        </p:nvSpPr>
        <p:spPr bwMode="auto">
          <a:xfrm>
            <a:off x="1498582" y="3969604"/>
            <a:ext cx="1866520" cy="453262"/>
          </a:xfrm>
          <a:prstGeom prst="rect">
            <a:avLst/>
          </a:prstGeom>
          <a:noFill/>
          <a:ln w="9525">
            <a:noFill/>
            <a:miter lim="800000"/>
            <a:headEnd/>
            <a:tailEnd/>
          </a:ln>
        </p:spPr>
        <p:txBody>
          <a:bodyPr lIns="71984" tIns="71984" rIns="71984" bIns="71984">
            <a:spAutoFit/>
          </a:bodyPr>
          <a:lstStyle/>
          <a:p>
            <a:pPr defTabSz="1943213"/>
            <a:r>
              <a:rPr kumimoji="1" lang="en-US" altLang="zh-CN" sz="2000" dirty="0">
                <a:solidFill>
                  <a:srgbClr val="000000"/>
                </a:solidFill>
                <a:latin typeface="Arial" pitchFamily="34" charset="0"/>
                <a:ea typeface="华文细黑" pitchFamily="2" charset="-122"/>
                <a:cs typeface="Arial" pitchFamily="34" charset="0"/>
              </a:rPr>
              <a:t>San Diego</a:t>
            </a:r>
          </a:p>
        </p:txBody>
      </p:sp>
      <p:sp>
        <p:nvSpPr>
          <p:cNvPr id="233514" name="矩形 56"/>
          <p:cNvSpPr>
            <a:spLocks noChangeArrowheads="1"/>
          </p:cNvSpPr>
          <p:nvPr/>
        </p:nvSpPr>
        <p:spPr bwMode="auto">
          <a:xfrm>
            <a:off x="1094431" y="3403945"/>
            <a:ext cx="2179952" cy="453262"/>
          </a:xfrm>
          <a:prstGeom prst="rect">
            <a:avLst/>
          </a:prstGeom>
          <a:noFill/>
          <a:ln w="9525">
            <a:noFill/>
            <a:miter lim="800000"/>
            <a:headEnd/>
            <a:tailEnd/>
          </a:ln>
        </p:spPr>
        <p:txBody>
          <a:bodyPr lIns="71984" tIns="71984" rIns="71984" bIns="71984">
            <a:spAutoFit/>
          </a:bodyPr>
          <a:lstStyle/>
          <a:p>
            <a:pPr defTabSz="1943213"/>
            <a:r>
              <a:rPr kumimoji="1" lang="en-US" altLang="zh-CN" sz="2000" dirty="0">
                <a:solidFill>
                  <a:srgbClr val="000000"/>
                </a:solidFill>
                <a:latin typeface="Arial" pitchFamily="34" charset="0"/>
                <a:ea typeface="华文细黑" pitchFamily="2" charset="-122"/>
                <a:cs typeface="Arial" pitchFamily="34" charset="0"/>
              </a:rPr>
              <a:t>Silicon Valley</a:t>
            </a:r>
          </a:p>
        </p:txBody>
      </p:sp>
      <p:sp>
        <p:nvSpPr>
          <p:cNvPr id="233515" name="矩形 57"/>
          <p:cNvSpPr>
            <a:spLocks noChangeArrowheads="1"/>
          </p:cNvSpPr>
          <p:nvPr/>
        </p:nvSpPr>
        <p:spPr bwMode="auto">
          <a:xfrm>
            <a:off x="4024906" y="4102219"/>
            <a:ext cx="1317129" cy="453262"/>
          </a:xfrm>
          <a:prstGeom prst="rect">
            <a:avLst/>
          </a:prstGeom>
          <a:noFill/>
          <a:ln w="9525">
            <a:noFill/>
            <a:miter lim="800000"/>
            <a:headEnd/>
            <a:tailEnd/>
          </a:ln>
        </p:spPr>
        <p:txBody>
          <a:bodyPr lIns="71984" tIns="71984" rIns="71984" bIns="71984">
            <a:spAutoFit/>
          </a:bodyPr>
          <a:lstStyle/>
          <a:p>
            <a:pPr defTabSz="1943213"/>
            <a:r>
              <a:rPr kumimoji="1" lang="en-US" altLang="zh-CN" sz="2000" dirty="0">
                <a:solidFill>
                  <a:srgbClr val="000000"/>
                </a:solidFill>
                <a:latin typeface="Arial" pitchFamily="34" charset="0"/>
                <a:ea typeface="华文细黑" pitchFamily="2" charset="-122"/>
                <a:cs typeface="Arial" pitchFamily="34" charset="0"/>
              </a:rPr>
              <a:t>Dallas</a:t>
            </a:r>
          </a:p>
        </p:txBody>
      </p:sp>
      <p:sp>
        <p:nvSpPr>
          <p:cNvPr id="233516" name="矩形 58"/>
          <p:cNvSpPr>
            <a:spLocks noChangeArrowheads="1"/>
          </p:cNvSpPr>
          <p:nvPr/>
        </p:nvSpPr>
        <p:spPr bwMode="auto">
          <a:xfrm>
            <a:off x="4131398" y="2874980"/>
            <a:ext cx="1351929" cy="453262"/>
          </a:xfrm>
          <a:prstGeom prst="rect">
            <a:avLst/>
          </a:prstGeom>
          <a:noFill/>
          <a:ln w="9525">
            <a:noFill/>
            <a:miter lim="800000"/>
            <a:headEnd/>
            <a:tailEnd/>
          </a:ln>
        </p:spPr>
        <p:txBody>
          <a:bodyPr lIns="71984" tIns="71984" rIns="71984" bIns="71984">
            <a:spAutoFit/>
          </a:bodyPr>
          <a:lstStyle/>
          <a:p>
            <a:pPr defTabSz="1943213"/>
            <a:r>
              <a:rPr kumimoji="1" lang="en-US" altLang="zh-CN" sz="2000" dirty="0">
                <a:solidFill>
                  <a:srgbClr val="000000"/>
                </a:solidFill>
                <a:latin typeface="Arial" pitchFamily="34" charset="0"/>
                <a:ea typeface="华文细黑" pitchFamily="2" charset="-122"/>
                <a:cs typeface="Arial" pitchFamily="34" charset="0"/>
              </a:rPr>
              <a:t>Ottawa</a:t>
            </a:r>
          </a:p>
        </p:txBody>
      </p:sp>
      <p:sp>
        <p:nvSpPr>
          <p:cNvPr id="233517" name="文本框 59"/>
          <p:cNvSpPr txBox="1">
            <a:spLocks noChangeArrowheads="1"/>
          </p:cNvSpPr>
          <p:nvPr/>
        </p:nvSpPr>
        <p:spPr bwMode="auto">
          <a:xfrm>
            <a:off x="7916852" y="2914472"/>
            <a:ext cx="1380520" cy="453262"/>
          </a:xfrm>
          <a:prstGeom prst="rect">
            <a:avLst/>
          </a:prstGeom>
          <a:noFill/>
          <a:ln w="9525">
            <a:noFill/>
            <a:miter lim="800000"/>
            <a:headEnd/>
            <a:tailEnd/>
          </a:ln>
        </p:spPr>
        <p:txBody>
          <a:bodyPr lIns="71984" tIns="71984" rIns="71984" bIns="71984">
            <a:spAutoFit/>
          </a:bodyPr>
          <a:lstStyle/>
          <a:p>
            <a:pPr algn="ctr" defTabSz="1946389"/>
            <a:r>
              <a:rPr kumimoji="1" lang="en-US" altLang="zh-CN" sz="2000" dirty="0">
                <a:solidFill>
                  <a:srgbClr val="000000"/>
                </a:solidFill>
                <a:latin typeface="Arial" pitchFamily="34" charset="0"/>
                <a:ea typeface="华文细黑" pitchFamily="2" charset="-122"/>
                <a:cs typeface="Arial" pitchFamily="34" charset="0"/>
              </a:rPr>
              <a:t>Paris</a:t>
            </a:r>
          </a:p>
        </p:txBody>
      </p:sp>
      <p:sp>
        <p:nvSpPr>
          <p:cNvPr id="233518" name="文本框 60"/>
          <p:cNvSpPr txBox="1">
            <a:spLocks noChangeArrowheads="1"/>
          </p:cNvSpPr>
          <p:nvPr/>
        </p:nvSpPr>
        <p:spPr bwMode="auto">
          <a:xfrm>
            <a:off x="9797450" y="2645093"/>
            <a:ext cx="1443911" cy="277083"/>
          </a:xfrm>
          <a:prstGeom prst="rect">
            <a:avLst/>
          </a:prstGeom>
          <a:noFill/>
          <a:ln w="9525">
            <a:noFill/>
            <a:miter lim="800000"/>
            <a:headEnd/>
            <a:tailEnd/>
          </a:ln>
        </p:spPr>
        <p:txBody>
          <a:bodyPr lIns="143989" tIns="0" rIns="143989" bIns="0">
            <a:spAutoFit/>
          </a:bodyPr>
          <a:lstStyle/>
          <a:p>
            <a:pPr algn="ctr" defTabSz="1946389">
              <a:lnSpc>
                <a:spcPct val="90000"/>
              </a:lnSpc>
            </a:pPr>
            <a:r>
              <a:rPr kumimoji="1" lang="en-US" altLang="zh-CN" sz="2000" dirty="0">
                <a:solidFill>
                  <a:srgbClr val="000000"/>
                </a:solidFill>
                <a:latin typeface="Arial" pitchFamily="34" charset="0"/>
                <a:ea typeface="华文细黑" pitchFamily="2" charset="-122"/>
                <a:cs typeface="Arial" pitchFamily="34" charset="0"/>
              </a:rPr>
              <a:t>Moscow</a:t>
            </a:r>
          </a:p>
        </p:txBody>
      </p:sp>
      <p:sp>
        <p:nvSpPr>
          <p:cNvPr id="233519" name="文本框 68"/>
          <p:cNvSpPr txBox="1">
            <a:spLocks noChangeArrowheads="1"/>
          </p:cNvSpPr>
          <p:nvPr/>
        </p:nvSpPr>
        <p:spPr bwMode="auto">
          <a:xfrm>
            <a:off x="14285841" y="4515908"/>
            <a:ext cx="2285607" cy="304792"/>
          </a:xfrm>
          <a:prstGeom prst="rect">
            <a:avLst/>
          </a:prstGeom>
          <a:noFill/>
          <a:ln w="9525">
            <a:noFill/>
            <a:miter lim="800000"/>
            <a:headEnd/>
            <a:tailEnd/>
          </a:ln>
        </p:spPr>
        <p:txBody>
          <a:bodyPr lIns="143989" tIns="0" rIns="143989" bIns="0">
            <a:spAutoFit/>
          </a:bodyPr>
          <a:lstStyle/>
          <a:p>
            <a:pPr algn="ctr" defTabSz="1946389">
              <a:lnSpc>
                <a:spcPct val="90000"/>
              </a:lnSpc>
            </a:pPr>
            <a:r>
              <a:rPr kumimoji="1" lang="en-US" altLang="zh-CN" sz="2200" b="1" dirty="0">
                <a:latin typeface="Arial" pitchFamily="34" charset="0"/>
                <a:ea typeface="华文细黑" pitchFamily="2" charset="-122"/>
                <a:cs typeface="Arial" pitchFamily="34" charset="0"/>
              </a:rPr>
              <a:t>Headquarters</a:t>
            </a:r>
          </a:p>
        </p:txBody>
      </p:sp>
      <p:sp>
        <p:nvSpPr>
          <p:cNvPr id="233565" name="直线 92"/>
          <p:cNvSpPr>
            <a:spLocks noChangeShapeType="1"/>
          </p:cNvSpPr>
          <p:nvPr/>
        </p:nvSpPr>
        <p:spPr bwMode="auto">
          <a:xfrm>
            <a:off x="14295371" y="4522553"/>
            <a:ext cx="2290862" cy="0"/>
          </a:xfrm>
          <a:prstGeom prst="line">
            <a:avLst/>
          </a:prstGeom>
          <a:noFill/>
          <a:ln w="12700">
            <a:solidFill>
              <a:schemeClr val="tx1"/>
            </a:solidFill>
            <a:round/>
            <a:headEnd/>
            <a:tailEnd/>
          </a:ln>
        </p:spPr>
        <p:txBody>
          <a:bodyPr lIns="182917" tIns="91458" rIns="182917" bIns="91458"/>
          <a:lstStyle/>
          <a:p>
            <a:endParaRPr lang="zh-CN" altLang="en-US">
              <a:latin typeface="Arial" pitchFamily="34" charset="0"/>
              <a:cs typeface="Arial" pitchFamily="34" charset="0"/>
            </a:endParaRPr>
          </a:p>
        </p:txBody>
      </p:sp>
      <p:sp>
        <p:nvSpPr>
          <p:cNvPr id="233521" name="文本框 59"/>
          <p:cNvSpPr txBox="1">
            <a:spLocks noChangeArrowheads="1"/>
          </p:cNvSpPr>
          <p:nvPr/>
        </p:nvSpPr>
        <p:spPr bwMode="auto">
          <a:xfrm>
            <a:off x="8427505" y="3582966"/>
            <a:ext cx="890999" cy="453262"/>
          </a:xfrm>
          <a:prstGeom prst="rect">
            <a:avLst/>
          </a:prstGeom>
          <a:noFill/>
          <a:ln w="9525">
            <a:noFill/>
            <a:miter lim="800000"/>
            <a:headEnd/>
            <a:tailEnd/>
          </a:ln>
        </p:spPr>
        <p:txBody>
          <a:bodyPr lIns="71984" tIns="71984" rIns="71984" bIns="71984">
            <a:spAutoFit/>
          </a:bodyPr>
          <a:lstStyle/>
          <a:p>
            <a:pPr algn="ctr" defTabSz="1946389"/>
            <a:r>
              <a:rPr kumimoji="1" lang="en-US" altLang="zh-CN" sz="2000" dirty="0">
                <a:solidFill>
                  <a:srgbClr val="000000"/>
                </a:solidFill>
                <a:latin typeface="Arial" pitchFamily="34" charset="0"/>
                <a:ea typeface="华文细黑" pitchFamily="2" charset="-122"/>
                <a:cs typeface="Arial" pitchFamily="34" charset="0"/>
              </a:rPr>
              <a:t>Milan</a:t>
            </a:r>
          </a:p>
        </p:txBody>
      </p:sp>
      <p:sp>
        <p:nvSpPr>
          <p:cNvPr id="233522" name="文本框 55"/>
          <p:cNvSpPr txBox="1">
            <a:spLocks noChangeArrowheads="1"/>
          </p:cNvSpPr>
          <p:nvPr/>
        </p:nvSpPr>
        <p:spPr bwMode="auto">
          <a:xfrm>
            <a:off x="8455666" y="2514463"/>
            <a:ext cx="1479129" cy="453262"/>
          </a:xfrm>
          <a:prstGeom prst="rect">
            <a:avLst/>
          </a:prstGeom>
          <a:noFill/>
          <a:ln w="9525">
            <a:noFill/>
            <a:miter lim="800000"/>
            <a:headEnd/>
            <a:tailEnd/>
          </a:ln>
        </p:spPr>
        <p:txBody>
          <a:bodyPr lIns="71984" tIns="71984" rIns="71984" bIns="71984">
            <a:spAutoFit/>
          </a:bodyPr>
          <a:lstStyle/>
          <a:p>
            <a:pPr algn="ctr" defTabSz="1946389"/>
            <a:r>
              <a:rPr kumimoji="1" lang="en-US" altLang="zh-CN" sz="2000" dirty="0">
                <a:solidFill>
                  <a:srgbClr val="000000"/>
                </a:solidFill>
                <a:latin typeface="Arial" pitchFamily="34" charset="0"/>
                <a:ea typeface="华文细黑" pitchFamily="2" charset="-122"/>
                <a:cs typeface="Arial" pitchFamily="34" charset="0"/>
              </a:rPr>
              <a:t>Sweden</a:t>
            </a:r>
          </a:p>
        </p:txBody>
      </p:sp>
      <p:sp>
        <p:nvSpPr>
          <p:cNvPr id="233523" name="文本框 61"/>
          <p:cNvSpPr txBox="1">
            <a:spLocks noChangeArrowheads="1"/>
          </p:cNvSpPr>
          <p:nvPr/>
        </p:nvSpPr>
        <p:spPr bwMode="auto">
          <a:xfrm>
            <a:off x="14506014" y="4258731"/>
            <a:ext cx="1693954" cy="277083"/>
          </a:xfrm>
          <a:prstGeom prst="rect">
            <a:avLst/>
          </a:prstGeom>
          <a:noFill/>
          <a:ln w="9525">
            <a:noFill/>
            <a:miter lim="800000"/>
            <a:headEnd/>
            <a:tailEnd/>
          </a:ln>
        </p:spPr>
        <p:txBody>
          <a:bodyPr lIns="0" tIns="0" rIns="0" bIns="0">
            <a:spAutoFit/>
          </a:bodyPr>
          <a:lstStyle/>
          <a:p>
            <a:pPr algn="ctr" defTabSz="1946389">
              <a:lnSpc>
                <a:spcPct val="90000"/>
              </a:lnSpc>
            </a:pPr>
            <a:r>
              <a:rPr kumimoji="1" lang="en-US" altLang="zh-CN" sz="2000" b="1" dirty="0">
                <a:solidFill>
                  <a:srgbClr val="000000"/>
                </a:solidFill>
                <a:latin typeface="Arial" pitchFamily="34" charset="0"/>
                <a:ea typeface="华文细黑" pitchFamily="2" charset="-122"/>
                <a:cs typeface="Arial" pitchFamily="34" charset="0"/>
              </a:rPr>
              <a:t>Shenzhen</a:t>
            </a:r>
          </a:p>
        </p:txBody>
      </p:sp>
      <p:sp>
        <p:nvSpPr>
          <p:cNvPr id="233524" name="文本框 63"/>
          <p:cNvSpPr txBox="1">
            <a:spLocks noChangeArrowheads="1"/>
          </p:cNvSpPr>
          <p:nvPr/>
        </p:nvSpPr>
        <p:spPr bwMode="auto">
          <a:xfrm>
            <a:off x="12998708" y="2861924"/>
            <a:ext cx="1722127" cy="277083"/>
          </a:xfrm>
          <a:prstGeom prst="rect">
            <a:avLst/>
          </a:prstGeom>
          <a:noFill/>
          <a:ln w="9525">
            <a:noFill/>
            <a:miter lim="800000"/>
            <a:headEnd/>
            <a:tailEnd/>
          </a:ln>
        </p:spPr>
        <p:txBody>
          <a:bodyPr lIns="143989" tIns="0" rIns="143989" bIns="0">
            <a:spAutoFit/>
          </a:bodyPr>
          <a:lstStyle/>
          <a:p>
            <a:pPr algn="ctr" defTabSz="1946389">
              <a:lnSpc>
                <a:spcPct val="90000"/>
              </a:lnSpc>
            </a:pPr>
            <a:r>
              <a:rPr kumimoji="1" lang="en-US" altLang="zh-CN" sz="2000" dirty="0">
                <a:solidFill>
                  <a:srgbClr val="000000"/>
                </a:solidFill>
                <a:latin typeface="Arial" pitchFamily="34" charset="0"/>
                <a:ea typeface="华文细黑" pitchFamily="2" charset="-122"/>
                <a:cs typeface="Arial" pitchFamily="34" charset="0"/>
              </a:rPr>
              <a:t>Beijing</a:t>
            </a:r>
          </a:p>
        </p:txBody>
      </p:sp>
      <p:sp>
        <p:nvSpPr>
          <p:cNvPr id="233525" name="文本框 64"/>
          <p:cNvSpPr txBox="1">
            <a:spLocks noChangeArrowheads="1"/>
          </p:cNvSpPr>
          <p:nvPr/>
        </p:nvSpPr>
        <p:spPr bwMode="auto">
          <a:xfrm>
            <a:off x="13924924" y="3752775"/>
            <a:ext cx="1535477" cy="277083"/>
          </a:xfrm>
          <a:prstGeom prst="rect">
            <a:avLst/>
          </a:prstGeom>
          <a:noFill/>
          <a:ln w="9525">
            <a:noFill/>
            <a:miter lim="800000"/>
            <a:headEnd/>
            <a:tailEnd/>
          </a:ln>
        </p:spPr>
        <p:txBody>
          <a:bodyPr lIns="143989" tIns="0" rIns="143989" bIns="0">
            <a:spAutoFit/>
          </a:bodyPr>
          <a:lstStyle/>
          <a:p>
            <a:pPr algn="ctr" defTabSz="1946389">
              <a:lnSpc>
                <a:spcPct val="90000"/>
              </a:lnSpc>
            </a:pPr>
            <a:r>
              <a:rPr kumimoji="1" lang="en-US" altLang="zh-CN" sz="2000" dirty="0">
                <a:solidFill>
                  <a:srgbClr val="000000"/>
                </a:solidFill>
                <a:latin typeface="Arial" pitchFamily="34" charset="0"/>
                <a:ea typeface="华文细黑" pitchFamily="2" charset="-122"/>
                <a:cs typeface="Arial" pitchFamily="34" charset="0"/>
              </a:rPr>
              <a:t>Shanghai</a:t>
            </a:r>
          </a:p>
        </p:txBody>
      </p:sp>
      <p:sp>
        <p:nvSpPr>
          <p:cNvPr id="233526" name="文本框 65"/>
          <p:cNvSpPr txBox="1">
            <a:spLocks noChangeArrowheads="1"/>
          </p:cNvSpPr>
          <p:nvPr/>
        </p:nvSpPr>
        <p:spPr bwMode="auto">
          <a:xfrm>
            <a:off x="11621734" y="3721423"/>
            <a:ext cx="1870043" cy="277083"/>
          </a:xfrm>
          <a:prstGeom prst="rect">
            <a:avLst/>
          </a:prstGeom>
          <a:noFill/>
          <a:ln w="9525">
            <a:noFill/>
            <a:miter lim="800000"/>
            <a:headEnd/>
            <a:tailEnd/>
          </a:ln>
        </p:spPr>
        <p:txBody>
          <a:bodyPr lIns="143989" tIns="0" rIns="143989" bIns="0">
            <a:spAutoFit/>
          </a:bodyPr>
          <a:lstStyle/>
          <a:p>
            <a:pPr algn="ctr" defTabSz="1825733">
              <a:lnSpc>
                <a:spcPct val="90000"/>
              </a:lnSpc>
            </a:pPr>
            <a:r>
              <a:rPr kumimoji="1" lang="en-US" altLang="zh-CN" sz="2000" dirty="0">
                <a:solidFill>
                  <a:srgbClr val="000000"/>
                </a:solidFill>
                <a:latin typeface="Arial" pitchFamily="34" charset="0"/>
                <a:ea typeface="华文细黑" pitchFamily="2" charset="-122"/>
                <a:cs typeface="Arial" pitchFamily="34" charset="0"/>
              </a:rPr>
              <a:t>Chengdu</a:t>
            </a:r>
          </a:p>
        </p:txBody>
      </p:sp>
      <p:sp>
        <p:nvSpPr>
          <p:cNvPr id="233527" name="文本框 66"/>
          <p:cNvSpPr txBox="1">
            <a:spLocks noChangeArrowheads="1"/>
          </p:cNvSpPr>
          <p:nvPr/>
        </p:nvSpPr>
        <p:spPr bwMode="auto">
          <a:xfrm>
            <a:off x="12178161" y="3316483"/>
            <a:ext cx="1031869" cy="277083"/>
          </a:xfrm>
          <a:prstGeom prst="rect">
            <a:avLst/>
          </a:prstGeom>
          <a:noFill/>
          <a:ln w="9525">
            <a:noFill/>
            <a:miter lim="800000"/>
            <a:headEnd/>
            <a:tailEnd/>
          </a:ln>
        </p:spPr>
        <p:txBody>
          <a:bodyPr lIns="143989" tIns="0" rIns="143989" bIns="0">
            <a:spAutoFit/>
          </a:bodyPr>
          <a:lstStyle/>
          <a:p>
            <a:pPr algn="ctr" defTabSz="1825733">
              <a:lnSpc>
                <a:spcPct val="90000"/>
              </a:lnSpc>
            </a:pPr>
            <a:r>
              <a:rPr kumimoji="1" lang="en-US" altLang="zh-CN" sz="2000" dirty="0">
                <a:solidFill>
                  <a:srgbClr val="000000"/>
                </a:solidFill>
                <a:latin typeface="Arial" pitchFamily="34" charset="0"/>
                <a:ea typeface="华文细黑" pitchFamily="2" charset="-122"/>
                <a:cs typeface="Arial" pitchFamily="34" charset="0"/>
              </a:rPr>
              <a:t>Xi An</a:t>
            </a:r>
          </a:p>
        </p:txBody>
      </p:sp>
      <p:sp>
        <p:nvSpPr>
          <p:cNvPr id="233528" name="文本框 67"/>
          <p:cNvSpPr txBox="1">
            <a:spLocks noChangeArrowheads="1"/>
          </p:cNvSpPr>
          <p:nvPr/>
        </p:nvSpPr>
        <p:spPr bwMode="auto">
          <a:xfrm>
            <a:off x="12893059" y="3543781"/>
            <a:ext cx="1686911" cy="277083"/>
          </a:xfrm>
          <a:prstGeom prst="rect">
            <a:avLst/>
          </a:prstGeom>
          <a:noFill/>
          <a:ln w="9525">
            <a:noFill/>
            <a:miter lim="800000"/>
            <a:headEnd/>
            <a:tailEnd/>
          </a:ln>
        </p:spPr>
        <p:txBody>
          <a:bodyPr lIns="143989" tIns="0" rIns="143989" bIns="0">
            <a:spAutoFit/>
          </a:bodyPr>
          <a:lstStyle/>
          <a:p>
            <a:pPr algn="ctr" defTabSz="1946389">
              <a:lnSpc>
                <a:spcPct val="90000"/>
              </a:lnSpc>
            </a:pPr>
            <a:r>
              <a:rPr kumimoji="1" lang="en-US" altLang="zh-CN" sz="2000" dirty="0">
                <a:solidFill>
                  <a:srgbClr val="000000"/>
                </a:solidFill>
                <a:latin typeface="Arial" pitchFamily="34" charset="0"/>
                <a:ea typeface="华文细黑" pitchFamily="2" charset="-122"/>
                <a:cs typeface="Arial" pitchFamily="34" charset="0"/>
              </a:rPr>
              <a:t>Nanjing</a:t>
            </a:r>
          </a:p>
        </p:txBody>
      </p:sp>
      <p:sp>
        <p:nvSpPr>
          <p:cNvPr id="233529" name="文本框 63"/>
          <p:cNvSpPr txBox="1">
            <a:spLocks noChangeArrowheads="1"/>
          </p:cNvSpPr>
          <p:nvPr/>
        </p:nvSpPr>
        <p:spPr bwMode="auto">
          <a:xfrm>
            <a:off x="11625249" y="4897016"/>
            <a:ext cx="1936954" cy="277083"/>
          </a:xfrm>
          <a:prstGeom prst="rect">
            <a:avLst/>
          </a:prstGeom>
          <a:noFill/>
          <a:ln w="9525">
            <a:noFill/>
            <a:miter lim="800000"/>
            <a:headEnd/>
            <a:tailEnd/>
          </a:ln>
        </p:spPr>
        <p:txBody>
          <a:bodyPr lIns="143989" tIns="0" rIns="143989" bIns="0">
            <a:spAutoFit/>
          </a:bodyPr>
          <a:lstStyle/>
          <a:p>
            <a:pPr algn="ctr" defTabSz="1946389">
              <a:lnSpc>
                <a:spcPct val="90000"/>
              </a:lnSpc>
            </a:pPr>
            <a:r>
              <a:rPr kumimoji="1" lang="en-US" altLang="zh-CN" sz="2000" dirty="0">
                <a:solidFill>
                  <a:srgbClr val="000000"/>
                </a:solidFill>
                <a:latin typeface="Arial" pitchFamily="34" charset="0"/>
                <a:ea typeface="华文细黑" pitchFamily="2" charset="-122"/>
                <a:cs typeface="Arial" pitchFamily="34" charset="0"/>
              </a:rPr>
              <a:t>Bangalore</a:t>
            </a:r>
          </a:p>
        </p:txBody>
      </p:sp>
      <p:sp>
        <p:nvSpPr>
          <p:cNvPr id="233530" name="文本框 64"/>
          <p:cNvSpPr txBox="1">
            <a:spLocks noChangeArrowheads="1"/>
          </p:cNvSpPr>
          <p:nvPr/>
        </p:nvSpPr>
        <p:spPr bwMode="auto">
          <a:xfrm>
            <a:off x="14259509" y="3993115"/>
            <a:ext cx="2183475" cy="277083"/>
          </a:xfrm>
          <a:prstGeom prst="rect">
            <a:avLst/>
          </a:prstGeom>
          <a:noFill/>
          <a:ln w="9525">
            <a:noFill/>
            <a:miter lim="800000"/>
            <a:headEnd/>
            <a:tailEnd/>
          </a:ln>
        </p:spPr>
        <p:txBody>
          <a:bodyPr lIns="143989" tIns="0" rIns="143989" bIns="0">
            <a:spAutoFit/>
          </a:bodyPr>
          <a:lstStyle/>
          <a:p>
            <a:pPr algn="ctr" defTabSz="1946389">
              <a:lnSpc>
                <a:spcPct val="90000"/>
              </a:lnSpc>
            </a:pPr>
            <a:r>
              <a:rPr kumimoji="1" lang="en-US" altLang="zh-CN" sz="2000" dirty="0">
                <a:solidFill>
                  <a:srgbClr val="000000"/>
                </a:solidFill>
                <a:latin typeface="Arial" pitchFamily="34" charset="0"/>
                <a:ea typeface="华文细黑" pitchFamily="2" charset="-122"/>
                <a:cs typeface="Arial" pitchFamily="34" charset="0"/>
              </a:rPr>
              <a:t>Hangzhou</a:t>
            </a:r>
          </a:p>
        </p:txBody>
      </p:sp>
      <p:sp>
        <p:nvSpPr>
          <p:cNvPr id="233531" name="文本框 65"/>
          <p:cNvSpPr txBox="1">
            <a:spLocks noChangeArrowheads="1"/>
          </p:cNvSpPr>
          <p:nvPr/>
        </p:nvSpPr>
        <p:spPr bwMode="auto">
          <a:xfrm>
            <a:off x="12667669" y="4155085"/>
            <a:ext cx="1380520" cy="277083"/>
          </a:xfrm>
          <a:prstGeom prst="rect">
            <a:avLst/>
          </a:prstGeom>
          <a:noFill/>
          <a:ln w="9525">
            <a:noFill/>
            <a:miter lim="800000"/>
            <a:headEnd/>
            <a:tailEnd/>
          </a:ln>
        </p:spPr>
        <p:txBody>
          <a:bodyPr lIns="143989" tIns="0" rIns="143989" bIns="0">
            <a:spAutoFit/>
          </a:bodyPr>
          <a:lstStyle/>
          <a:p>
            <a:pPr algn="ctr" defTabSz="1825733">
              <a:lnSpc>
                <a:spcPct val="90000"/>
              </a:lnSpc>
            </a:pPr>
            <a:r>
              <a:rPr kumimoji="1" lang="en-US" altLang="zh-CN" sz="2000" dirty="0">
                <a:solidFill>
                  <a:srgbClr val="000000"/>
                </a:solidFill>
                <a:latin typeface="Arial" pitchFamily="34" charset="0"/>
                <a:ea typeface="华文细黑" pitchFamily="2" charset="-122"/>
                <a:cs typeface="Arial" pitchFamily="34" charset="0"/>
              </a:rPr>
              <a:t>Wuhan</a:t>
            </a:r>
          </a:p>
        </p:txBody>
      </p:sp>
      <p:sp>
        <p:nvSpPr>
          <p:cNvPr id="233532" name="文本框 63"/>
          <p:cNvSpPr txBox="1">
            <a:spLocks noChangeArrowheads="1"/>
          </p:cNvSpPr>
          <p:nvPr/>
        </p:nvSpPr>
        <p:spPr bwMode="auto">
          <a:xfrm>
            <a:off x="10082710" y="3695301"/>
            <a:ext cx="1095258" cy="453262"/>
          </a:xfrm>
          <a:prstGeom prst="rect">
            <a:avLst/>
          </a:prstGeom>
          <a:noFill/>
          <a:ln w="9525">
            <a:noFill/>
            <a:miter lim="800000"/>
            <a:headEnd/>
            <a:tailEnd/>
          </a:ln>
        </p:spPr>
        <p:txBody>
          <a:bodyPr lIns="71984" tIns="71984" rIns="71984" bIns="71984">
            <a:spAutoFit/>
          </a:bodyPr>
          <a:lstStyle/>
          <a:p>
            <a:pPr defTabSz="1946389"/>
            <a:r>
              <a:rPr kumimoji="1" lang="en-US" altLang="zh-CN" sz="2000" dirty="0">
                <a:solidFill>
                  <a:srgbClr val="000000"/>
                </a:solidFill>
                <a:latin typeface="Arial" pitchFamily="34" charset="0"/>
                <a:ea typeface="华文细黑" pitchFamily="2" charset="-122"/>
                <a:cs typeface="Arial" pitchFamily="34" charset="0"/>
              </a:rPr>
              <a:t>Turkey</a:t>
            </a:r>
          </a:p>
        </p:txBody>
      </p:sp>
      <p:sp>
        <p:nvSpPr>
          <p:cNvPr id="233533" name="矩形 58"/>
          <p:cNvSpPr>
            <a:spLocks noChangeArrowheads="1"/>
          </p:cNvSpPr>
          <p:nvPr/>
        </p:nvSpPr>
        <p:spPr bwMode="auto">
          <a:xfrm>
            <a:off x="4793071" y="3825899"/>
            <a:ext cx="1787280" cy="453262"/>
          </a:xfrm>
          <a:prstGeom prst="rect">
            <a:avLst/>
          </a:prstGeom>
          <a:noFill/>
          <a:ln w="9525">
            <a:noFill/>
            <a:miter lim="800000"/>
            <a:headEnd/>
            <a:tailEnd/>
          </a:ln>
        </p:spPr>
        <p:txBody>
          <a:bodyPr lIns="71984" tIns="71984" rIns="71984" bIns="71984">
            <a:spAutoFit/>
          </a:bodyPr>
          <a:lstStyle/>
          <a:p>
            <a:pPr defTabSz="1943213"/>
            <a:r>
              <a:rPr kumimoji="1" lang="en-US" altLang="zh-CN" sz="2000" dirty="0">
                <a:solidFill>
                  <a:srgbClr val="000000"/>
                </a:solidFill>
                <a:latin typeface="Arial" pitchFamily="34" charset="0"/>
                <a:ea typeface="华文细黑" pitchFamily="2" charset="-122"/>
                <a:cs typeface="Arial" pitchFamily="34" charset="0"/>
              </a:rPr>
              <a:t>New Jersey</a:t>
            </a:r>
          </a:p>
        </p:txBody>
      </p:sp>
      <p:sp>
        <p:nvSpPr>
          <p:cNvPr id="233534" name="矩形 58"/>
          <p:cNvSpPr>
            <a:spLocks noChangeArrowheads="1"/>
          </p:cNvSpPr>
          <p:nvPr/>
        </p:nvSpPr>
        <p:spPr bwMode="auto">
          <a:xfrm>
            <a:off x="3521314" y="3398474"/>
            <a:ext cx="1612954" cy="453262"/>
          </a:xfrm>
          <a:prstGeom prst="rect">
            <a:avLst/>
          </a:prstGeom>
          <a:noFill/>
          <a:ln w="9525">
            <a:noFill/>
            <a:miter lim="800000"/>
            <a:headEnd/>
            <a:tailEnd/>
          </a:ln>
        </p:spPr>
        <p:txBody>
          <a:bodyPr lIns="71984" tIns="71984" rIns="71984" bIns="71984">
            <a:spAutoFit/>
          </a:bodyPr>
          <a:lstStyle/>
          <a:p>
            <a:pPr defTabSz="1943213"/>
            <a:r>
              <a:rPr kumimoji="1" lang="en-US" altLang="zh-CN" sz="2000" dirty="0">
                <a:solidFill>
                  <a:srgbClr val="000000"/>
                </a:solidFill>
                <a:latin typeface="Arial" pitchFamily="34" charset="0"/>
                <a:ea typeface="华文细黑" pitchFamily="2" charset="-122"/>
                <a:cs typeface="Arial" pitchFamily="34" charset="0"/>
              </a:rPr>
              <a:t>Chicago</a:t>
            </a:r>
          </a:p>
        </p:txBody>
      </p:sp>
      <p:sp>
        <p:nvSpPr>
          <p:cNvPr id="50" name="椭圆 49"/>
          <p:cNvSpPr/>
          <p:nvPr/>
        </p:nvSpPr>
        <p:spPr bwMode="auto">
          <a:xfrm>
            <a:off x="2687784" y="3737070"/>
            <a:ext cx="260599" cy="19593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51" name="椭圆 50"/>
          <p:cNvSpPr/>
          <p:nvPr/>
        </p:nvSpPr>
        <p:spPr bwMode="auto">
          <a:xfrm>
            <a:off x="2934300" y="4068845"/>
            <a:ext cx="264120"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52" name="椭圆 51"/>
          <p:cNvSpPr/>
          <p:nvPr/>
        </p:nvSpPr>
        <p:spPr bwMode="auto">
          <a:xfrm>
            <a:off x="4878228" y="3235482"/>
            <a:ext cx="264120"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53" name="椭圆 52"/>
          <p:cNvSpPr/>
          <p:nvPr/>
        </p:nvSpPr>
        <p:spPr bwMode="auto">
          <a:xfrm>
            <a:off x="4666933" y="3475830"/>
            <a:ext cx="260599" cy="19593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54" name="椭圆 53"/>
          <p:cNvSpPr/>
          <p:nvPr/>
        </p:nvSpPr>
        <p:spPr bwMode="auto">
          <a:xfrm>
            <a:off x="5219818" y="3697881"/>
            <a:ext cx="264122"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55" name="椭圆 54"/>
          <p:cNvSpPr/>
          <p:nvPr/>
        </p:nvSpPr>
        <p:spPr bwMode="auto">
          <a:xfrm>
            <a:off x="4321813" y="3922551"/>
            <a:ext cx="264120" cy="195932"/>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56" name="椭圆 55"/>
          <p:cNvSpPr/>
          <p:nvPr/>
        </p:nvSpPr>
        <p:spPr bwMode="auto">
          <a:xfrm>
            <a:off x="8459700" y="3230259"/>
            <a:ext cx="264122"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57" name="椭圆 56"/>
          <p:cNvSpPr/>
          <p:nvPr/>
        </p:nvSpPr>
        <p:spPr bwMode="auto">
          <a:xfrm>
            <a:off x="9086543" y="3253768"/>
            <a:ext cx="264122"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58" name="椭圆 57"/>
          <p:cNvSpPr/>
          <p:nvPr/>
        </p:nvSpPr>
        <p:spPr bwMode="auto">
          <a:xfrm>
            <a:off x="8755515" y="3423580"/>
            <a:ext cx="260599" cy="19593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59" name="椭圆 58"/>
          <p:cNvSpPr/>
          <p:nvPr/>
        </p:nvSpPr>
        <p:spPr bwMode="auto">
          <a:xfrm>
            <a:off x="9826082" y="3794546"/>
            <a:ext cx="264122" cy="19593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0" name="椭圆 59"/>
          <p:cNvSpPr/>
          <p:nvPr/>
        </p:nvSpPr>
        <p:spPr bwMode="auto">
          <a:xfrm>
            <a:off x="10389545" y="2937668"/>
            <a:ext cx="260599" cy="19593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1" name="椭圆 60"/>
          <p:cNvSpPr/>
          <p:nvPr/>
        </p:nvSpPr>
        <p:spPr bwMode="auto">
          <a:xfrm>
            <a:off x="9054857" y="2833168"/>
            <a:ext cx="264120"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2" name="椭圆 61"/>
          <p:cNvSpPr/>
          <p:nvPr/>
        </p:nvSpPr>
        <p:spPr bwMode="auto">
          <a:xfrm>
            <a:off x="12213734" y="4687990"/>
            <a:ext cx="264122"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3" name="椭圆 62"/>
          <p:cNvSpPr/>
          <p:nvPr/>
        </p:nvSpPr>
        <p:spPr bwMode="auto">
          <a:xfrm>
            <a:off x="13168095" y="3737069"/>
            <a:ext cx="264120"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4" name="椭圆 63"/>
          <p:cNvSpPr/>
          <p:nvPr/>
        </p:nvSpPr>
        <p:spPr bwMode="auto">
          <a:xfrm>
            <a:off x="13463912" y="3969573"/>
            <a:ext cx="264120" cy="195932"/>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5" name="椭圆 64"/>
          <p:cNvSpPr/>
          <p:nvPr/>
        </p:nvSpPr>
        <p:spPr bwMode="auto">
          <a:xfrm>
            <a:off x="13805500" y="3784091"/>
            <a:ext cx="264122"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6" name="椭圆 65"/>
          <p:cNvSpPr/>
          <p:nvPr/>
        </p:nvSpPr>
        <p:spPr bwMode="auto">
          <a:xfrm>
            <a:off x="14048498" y="3982637"/>
            <a:ext cx="260599"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7" name="椭圆 66"/>
          <p:cNvSpPr/>
          <p:nvPr/>
        </p:nvSpPr>
        <p:spPr bwMode="auto">
          <a:xfrm>
            <a:off x="13618861" y="3339980"/>
            <a:ext cx="260599"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8" name="椭圆 67"/>
          <p:cNvSpPr/>
          <p:nvPr/>
        </p:nvSpPr>
        <p:spPr bwMode="auto">
          <a:xfrm>
            <a:off x="13720984" y="3128373"/>
            <a:ext cx="264122"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69" name="椭圆 68"/>
          <p:cNvSpPr/>
          <p:nvPr/>
        </p:nvSpPr>
        <p:spPr bwMode="auto">
          <a:xfrm>
            <a:off x="13118792" y="3319081"/>
            <a:ext cx="260599" cy="19593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pic>
        <p:nvPicPr>
          <p:cNvPr id="233555" name="Picture 27" descr="Logo"/>
          <p:cNvPicPr>
            <a:picLocks noChangeAspect="1" noChangeArrowheads="1"/>
          </p:cNvPicPr>
          <p:nvPr/>
        </p:nvPicPr>
        <p:blipFill>
          <a:blip r:embed="rId4" cstate="print"/>
          <a:srcRect/>
          <a:stretch>
            <a:fillRect/>
          </a:stretch>
        </p:blipFill>
        <p:spPr bwMode="auto">
          <a:xfrm>
            <a:off x="13833366" y="4301356"/>
            <a:ext cx="457825" cy="318716"/>
          </a:xfrm>
          <a:prstGeom prst="rect">
            <a:avLst/>
          </a:prstGeom>
          <a:noFill/>
          <a:ln w="9525">
            <a:noFill/>
            <a:miter lim="800000"/>
            <a:headEnd/>
            <a:tailEnd/>
          </a:ln>
        </p:spPr>
      </p:pic>
      <p:sp>
        <p:nvSpPr>
          <p:cNvPr id="233556" name="文本框 87"/>
          <p:cNvSpPr txBox="1">
            <a:spLocks noChangeArrowheads="1"/>
          </p:cNvSpPr>
          <p:nvPr/>
        </p:nvSpPr>
        <p:spPr bwMode="auto">
          <a:xfrm>
            <a:off x="3349813" y="5197427"/>
            <a:ext cx="3930256" cy="615744"/>
          </a:xfrm>
          <a:prstGeom prst="rect">
            <a:avLst/>
          </a:prstGeom>
          <a:noFill/>
          <a:ln w="9525">
            <a:noFill/>
            <a:miter lim="800000"/>
            <a:headEnd/>
            <a:tailEnd/>
          </a:ln>
        </p:spPr>
        <p:txBody>
          <a:bodyPr lIns="143989" tIns="0" rIns="143989" bIns="0">
            <a:spAutoFit/>
          </a:bodyPr>
          <a:lstStyle/>
          <a:p>
            <a:pPr algn="ctr" defTabSz="1670148"/>
            <a:r>
              <a:rPr lang="en-US" altLang="zh-CN" sz="2000" dirty="0">
                <a:solidFill>
                  <a:schemeClr val="accent6">
                    <a:lumMod val="50000"/>
                  </a:schemeClr>
                </a:solidFill>
                <a:latin typeface="Arial" pitchFamily="34" charset="0"/>
                <a:ea typeface="ＭＳ Ｐゴシック" pitchFamily="34" charset="-128"/>
                <a:cs typeface="Arial" pitchFamily="34" charset="0"/>
              </a:rPr>
              <a:t>Next Generation Internet, Chips, and Software</a:t>
            </a:r>
          </a:p>
        </p:txBody>
      </p:sp>
      <p:sp>
        <p:nvSpPr>
          <p:cNvPr id="233557" name="文本框 86"/>
          <p:cNvSpPr txBox="1">
            <a:spLocks noChangeArrowheads="1"/>
          </p:cNvSpPr>
          <p:nvPr/>
        </p:nvSpPr>
        <p:spPr bwMode="auto">
          <a:xfrm>
            <a:off x="9653055" y="4319668"/>
            <a:ext cx="2042607" cy="615744"/>
          </a:xfrm>
          <a:prstGeom prst="rect">
            <a:avLst/>
          </a:prstGeom>
          <a:noFill/>
          <a:ln w="9525">
            <a:noFill/>
            <a:miter lim="800000"/>
            <a:headEnd/>
            <a:tailEnd/>
          </a:ln>
        </p:spPr>
        <p:txBody>
          <a:bodyPr lIns="143989" tIns="0" rIns="143989" bIns="0">
            <a:spAutoFit/>
          </a:bodyPr>
          <a:lstStyle/>
          <a:p>
            <a:pPr algn="ctr" defTabSz="1670148"/>
            <a:r>
              <a:rPr lang="en-US" altLang="zh-CN" sz="2000" dirty="0">
                <a:solidFill>
                  <a:schemeClr val="accent6">
                    <a:lumMod val="50000"/>
                  </a:schemeClr>
                </a:solidFill>
                <a:latin typeface="Arial" pitchFamily="34" charset="0"/>
                <a:ea typeface="ＭＳ Ｐゴシック" pitchFamily="34" charset="-128"/>
                <a:cs typeface="Arial" pitchFamily="34" charset="0"/>
              </a:rPr>
              <a:t>FMC, Fixed Network</a:t>
            </a:r>
          </a:p>
        </p:txBody>
      </p:sp>
      <p:sp>
        <p:nvSpPr>
          <p:cNvPr id="233558" name="文本框 86"/>
          <p:cNvSpPr txBox="1">
            <a:spLocks noChangeArrowheads="1"/>
          </p:cNvSpPr>
          <p:nvPr/>
        </p:nvSpPr>
        <p:spPr bwMode="auto">
          <a:xfrm>
            <a:off x="6526195" y="4229519"/>
            <a:ext cx="1880606" cy="307871"/>
          </a:xfrm>
          <a:prstGeom prst="rect">
            <a:avLst/>
          </a:prstGeom>
          <a:noFill/>
          <a:ln w="9525">
            <a:noFill/>
            <a:miter lim="800000"/>
            <a:headEnd/>
            <a:tailEnd/>
          </a:ln>
        </p:spPr>
        <p:txBody>
          <a:bodyPr lIns="143989" tIns="0" rIns="143989" bIns="0">
            <a:spAutoFit/>
          </a:bodyPr>
          <a:lstStyle/>
          <a:p>
            <a:pPr algn="ctr" defTabSz="1670148"/>
            <a:r>
              <a:rPr lang="en-US" altLang="zh-CN" sz="2000" dirty="0">
                <a:solidFill>
                  <a:schemeClr val="accent6">
                    <a:lumMod val="50000"/>
                  </a:schemeClr>
                </a:solidFill>
                <a:latin typeface="Arial" pitchFamily="34" charset="0"/>
                <a:ea typeface="ＭＳ Ｐゴシック" pitchFamily="34" charset="-128"/>
                <a:cs typeface="Arial" pitchFamily="34" charset="0"/>
              </a:rPr>
              <a:t>Microwave</a:t>
            </a:r>
          </a:p>
        </p:txBody>
      </p:sp>
      <p:sp>
        <p:nvSpPr>
          <p:cNvPr id="233559" name="文本框 86"/>
          <p:cNvSpPr txBox="1">
            <a:spLocks noChangeArrowheads="1"/>
          </p:cNvSpPr>
          <p:nvPr/>
        </p:nvSpPr>
        <p:spPr bwMode="auto">
          <a:xfrm>
            <a:off x="5927063" y="2997770"/>
            <a:ext cx="1880606" cy="615744"/>
          </a:xfrm>
          <a:prstGeom prst="rect">
            <a:avLst/>
          </a:prstGeom>
          <a:noFill/>
          <a:ln w="9525">
            <a:noFill/>
            <a:miter lim="800000"/>
            <a:headEnd/>
            <a:tailEnd/>
          </a:ln>
        </p:spPr>
        <p:txBody>
          <a:bodyPr lIns="143989" tIns="0" rIns="143989" bIns="0">
            <a:spAutoFit/>
          </a:bodyPr>
          <a:lstStyle/>
          <a:p>
            <a:pPr algn="ctr" defTabSz="1670148"/>
            <a:r>
              <a:rPr lang="en-US" altLang="zh-CN" sz="2000" dirty="0">
                <a:solidFill>
                  <a:schemeClr val="accent6">
                    <a:lumMod val="50000"/>
                  </a:schemeClr>
                </a:solidFill>
                <a:latin typeface="Arial" pitchFamily="34" charset="0"/>
                <a:ea typeface="ＭＳ Ｐゴシック" pitchFamily="34" charset="-128"/>
                <a:cs typeface="Arial" pitchFamily="34" charset="0"/>
              </a:rPr>
              <a:t>Wireless &amp; Network</a:t>
            </a:r>
          </a:p>
        </p:txBody>
      </p:sp>
      <p:sp>
        <p:nvSpPr>
          <p:cNvPr id="233560" name="文本框 86"/>
          <p:cNvSpPr txBox="1">
            <a:spLocks noChangeArrowheads="1"/>
          </p:cNvSpPr>
          <p:nvPr/>
        </p:nvSpPr>
        <p:spPr bwMode="auto">
          <a:xfrm>
            <a:off x="6001016" y="1879657"/>
            <a:ext cx="1732693" cy="615744"/>
          </a:xfrm>
          <a:prstGeom prst="rect">
            <a:avLst/>
          </a:prstGeom>
          <a:noFill/>
          <a:ln w="9525">
            <a:noFill/>
            <a:miter lim="800000"/>
            <a:headEnd/>
            <a:tailEnd/>
          </a:ln>
        </p:spPr>
        <p:txBody>
          <a:bodyPr lIns="143989" tIns="0" rIns="143989" bIns="0">
            <a:spAutoFit/>
          </a:bodyPr>
          <a:lstStyle/>
          <a:p>
            <a:pPr algn="ctr" defTabSz="1670148"/>
            <a:r>
              <a:rPr lang="en-US" altLang="zh-CN" sz="2000" dirty="0">
                <a:solidFill>
                  <a:schemeClr val="accent6">
                    <a:lumMod val="50000"/>
                  </a:schemeClr>
                </a:solidFill>
                <a:latin typeface="Arial" pitchFamily="34" charset="0"/>
                <a:ea typeface="ＭＳ Ｐゴシック" pitchFamily="34" charset="-128"/>
                <a:cs typeface="Arial" pitchFamily="34" charset="0"/>
              </a:rPr>
              <a:t>Wireless &amp; Device</a:t>
            </a:r>
          </a:p>
        </p:txBody>
      </p:sp>
      <p:sp>
        <p:nvSpPr>
          <p:cNvPr id="98" name="圆角矩形标注 97"/>
          <p:cNvSpPr>
            <a:spLocks noChangeArrowheads="1"/>
          </p:cNvSpPr>
          <p:nvPr/>
        </p:nvSpPr>
        <p:spPr bwMode="auto">
          <a:xfrm>
            <a:off x="14188931" y="1996566"/>
            <a:ext cx="1875494" cy="767365"/>
          </a:xfrm>
          <a:prstGeom prst="wedgeRoundRectCallout">
            <a:avLst>
              <a:gd name="adj1" fmla="val -43682"/>
              <a:gd name="adj2" fmla="val 174966"/>
              <a:gd name="adj3" fmla="val 16667"/>
            </a:avLst>
          </a:prstGeom>
          <a:ln w="15875">
            <a:solidFill>
              <a:schemeClr val="bg1">
                <a:lumMod val="65000"/>
              </a:schemeClr>
            </a:solidFill>
            <a:headEnd/>
            <a:tailEnd/>
          </a:ln>
        </p:spPr>
        <p:style>
          <a:lnRef idx="2">
            <a:schemeClr val="accent5"/>
          </a:lnRef>
          <a:fillRef idx="1">
            <a:schemeClr val="lt1"/>
          </a:fillRef>
          <a:effectRef idx="0">
            <a:schemeClr val="accent5"/>
          </a:effectRef>
          <a:fontRef idx="minor">
            <a:schemeClr val="dk1"/>
          </a:fontRef>
        </p:style>
        <p:txBody>
          <a:bodyPr wrap="none" lIns="152318" tIns="76157" rIns="152318" bIns="76157" anchor="ctr"/>
          <a:lstStyle/>
          <a:p>
            <a:pPr>
              <a:spcBef>
                <a:spcPts val="0"/>
              </a:spcBef>
              <a:spcAft>
                <a:spcPts val="0"/>
              </a:spcAft>
              <a:defRPr/>
            </a:pPr>
            <a:endParaRPr lang="en-US" altLang="zh-CN" dirty="0">
              <a:solidFill>
                <a:srgbClr val="000000"/>
              </a:solidFill>
              <a:latin typeface="Arial" pitchFamily="34" charset="0"/>
              <a:ea typeface="ＭＳ Ｐゴシック" pitchFamily="34" charset="-128"/>
              <a:cs typeface="Arial" pitchFamily="34" charset="0"/>
            </a:endParaRPr>
          </a:p>
        </p:txBody>
      </p:sp>
      <p:sp>
        <p:nvSpPr>
          <p:cNvPr id="233562" name="矩形 98"/>
          <p:cNvSpPr>
            <a:spLocks noChangeArrowheads="1"/>
          </p:cNvSpPr>
          <p:nvPr/>
        </p:nvSpPr>
        <p:spPr bwMode="auto">
          <a:xfrm>
            <a:off x="14045338" y="2035997"/>
            <a:ext cx="2138379" cy="615744"/>
          </a:xfrm>
          <a:prstGeom prst="rect">
            <a:avLst/>
          </a:prstGeom>
          <a:noFill/>
          <a:ln w="9525">
            <a:noFill/>
            <a:miter lim="800000"/>
            <a:headEnd/>
            <a:tailEnd/>
          </a:ln>
        </p:spPr>
        <p:txBody>
          <a:bodyPr wrap="square" lIns="143989" tIns="0" rIns="143989" bIns="0">
            <a:spAutoFit/>
          </a:bodyPr>
          <a:lstStyle/>
          <a:p>
            <a:pPr algn="ctr" defTabSz="1666973"/>
            <a:r>
              <a:rPr lang="en-US" altLang="zh-CN" sz="2000" dirty="0">
                <a:solidFill>
                  <a:schemeClr val="accent6">
                    <a:lumMod val="50000"/>
                  </a:schemeClr>
                </a:solidFill>
                <a:latin typeface="Arial" pitchFamily="34" charset="0"/>
                <a:ea typeface="ＭＳ Ｐゴシック" pitchFamily="34" charset="-128"/>
                <a:cs typeface="Arial" pitchFamily="34" charset="0"/>
              </a:rPr>
              <a:t>Advanced manufacturing</a:t>
            </a:r>
          </a:p>
        </p:txBody>
      </p:sp>
      <p:sp>
        <p:nvSpPr>
          <p:cNvPr id="100" name="圆角矩形标注 99"/>
          <p:cNvSpPr>
            <a:spLocks noChangeArrowheads="1"/>
          </p:cNvSpPr>
          <p:nvPr/>
        </p:nvSpPr>
        <p:spPr bwMode="auto">
          <a:xfrm>
            <a:off x="953413" y="1920678"/>
            <a:ext cx="2412303" cy="768815"/>
          </a:xfrm>
          <a:prstGeom prst="wedgeRoundRectCallout">
            <a:avLst>
              <a:gd name="adj1" fmla="val 104587"/>
              <a:gd name="adj2" fmla="val 163901"/>
              <a:gd name="adj3" fmla="val 16667"/>
            </a:avLst>
          </a:prstGeom>
          <a:ln w="15875">
            <a:solidFill>
              <a:schemeClr val="bg1">
                <a:lumMod val="65000"/>
              </a:schemeClr>
            </a:solidFill>
            <a:headEnd/>
            <a:tailEnd/>
          </a:ln>
        </p:spPr>
        <p:style>
          <a:lnRef idx="2">
            <a:schemeClr val="accent5"/>
          </a:lnRef>
          <a:fillRef idx="1">
            <a:schemeClr val="lt1"/>
          </a:fillRef>
          <a:effectRef idx="0">
            <a:schemeClr val="accent5"/>
          </a:effectRef>
          <a:fontRef idx="minor">
            <a:schemeClr val="dk1"/>
          </a:fontRef>
        </p:style>
        <p:txBody>
          <a:bodyPr wrap="none" lIns="152318" tIns="76157" rIns="152318" bIns="76157" anchor="ctr"/>
          <a:lstStyle/>
          <a:p>
            <a:pPr>
              <a:spcBef>
                <a:spcPts val="0"/>
              </a:spcBef>
              <a:spcAft>
                <a:spcPts val="0"/>
              </a:spcAft>
              <a:defRPr/>
            </a:pPr>
            <a:endParaRPr lang="en-US" altLang="zh-CN" dirty="0">
              <a:solidFill>
                <a:srgbClr val="000000"/>
              </a:solidFill>
              <a:latin typeface="Arial" pitchFamily="34" charset="0"/>
              <a:ea typeface="ＭＳ Ｐゴシック" pitchFamily="34" charset="-128"/>
              <a:cs typeface="Arial" pitchFamily="34" charset="0"/>
            </a:endParaRPr>
          </a:p>
        </p:txBody>
      </p:sp>
      <p:sp>
        <p:nvSpPr>
          <p:cNvPr id="233564" name="矩形 100"/>
          <p:cNvSpPr>
            <a:spLocks noChangeArrowheads="1"/>
          </p:cNvSpPr>
          <p:nvPr/>
        </p:nvSpPr>
        <p:spPr bwMode="auto">
          <a:xfrm>
            <a:off x="522666" y="1986012"/>
            <a:ext cx="3194873" cy="615553"/>
          </a:xfrm>
          <a:prstGeom prst="rect">
            <a:avLst/>
          </a:prstGeom>
          <a:noFill/>
          <a:ln w="9525">
            <a:noFill/>
            <a:miter lim="800000"/>
            <a:headEnd/>
            <a:tailEnd/>
          </a:ln>
        </p:spPr>
        <p:txBody>
          <a:bodyPr wrap="square" lIns="143989" tIns="0" rIns="143989" bIns="0">
            <a:spAutoFit/>
          </a:bodyPr>
          <a:lstStyle/>
          <a:p>
            <a:pPr algn="ctr" defTabSz="1666973"/>
            <a:r>
              <a:rPr lang="en-US" altLang="zh-CN" sz="2000" dirty="0">
                <a:solidFill>
                  <a:schemeClr val="accent6">
                    <a:lumMod val="50000"/>
                  </a:schemeClr>
                </a:solidFill>
                <a:latin typeface="Arial" pitchFamily="34" charset="0"/>
                <a:ea typeface="ＭＳ Ｐゴシック" pitchFamily="34" charset="-128"/>
                <a:cs typeface="Arial" pitchFamily="34" charset="0"/>
              </a:rPr>
              <a:t>Next Generation </a:t>
            </a:r>
          </a:p>
          <a:p>
            <a:pPr algn="ctr" defTabSz="1666973"/>
            <a:r>
              <a:rPr lang="en-US" altLang="zh-CN" sz="2000" dirty="0">
                <a:solidFill>
                  <a:schemeClr val="accent6">
                    <a:lumMod val="50000"/>
                  </a:schemeClr>
                </a:solidFill>
                <a:latin typeface="Arial" pitchFamily="34" charset="0"/>
                <a:ea typeface="ＭＳ Ｐゴシック" pitchFamily="34" charset="-128"/>
                <a:cs typeface="Arial" pitchFamily="34" charset="0"/>
              </a:rPr>
              <a:t>Wireless</a:t>
            </a:r>
            <a:endParaRPr lang="zh-CN" altLang="en-US" sz="2000" dirty="0">
              <a:solidFill>
                <a:schemeClr val="accent6">
                  <a:lumMod val="50000"/>
                </a:schemeClr>
              </a:solidFill>
              <a:latin typeface="Arial" pitchFamily="34" charset="0"/>
              <a:ea typeface="ＭＳ Ｐゴシック" pitchFamily="34" charset="-128"/>
              <a:cs typeface="Arial" pitchFamily="34" charset="0"/>
            </a:endParaRPr>
          </a:p>
        </p:txBody>
      </p:sp>
      <p:pic>
        <p:nvPicPr>
          <p:cNvPr id="103" name="Picture 17" descr="D:\2012\美化PPT\新增\分层\美化43\1.png"/>
          <p:cNvPicPr preferRelativeResize="0">
            <a:picLocks noChangeArrowheads="1"/>
          </p:cNvPicPr>
          <p:nvPr/>
        </p:nvPicPr>
        <p:blipFill>
          <a:blip r:embed="rId5" cstate="print"/>
          <a:srcRect/>
          <a:stretch>
            <a:fillRect/>
          </a:stretch>
        </p:blipFill>
        <p:spPr bwMode="auto">
          <a:xfrm>
            <a:off x="-500827" y="6575415"/>
            <a:ext cx="19083313" cy="2160667"/>
          </a:xfrm>
          <a:prstGeom prst="rect">
            <a:avLst/>
          </a:prstGeom>
          <a:noFill/>
          <a:ln w="9525">
            <a:noFill/>
            <a:miter lim="800000"/>
            <a:headEnd/>
            <a:tailEnd/>
          </a:ln>
        </p:spPr>
      </p:pic>
      <p:grpSp>
        <p:nvGrpSpPr>
          <p:cNvPr id="2" name="组合 102"/>
          <p:cNvGrpSpPr>
            <a:grpSpLocks/>
          </p:cNvGrpSpPr>
          <p:nvPr/>
        </p:nvGrpSpPr>
        <p:grpSpPr bwMode="auto">
          <a:xfrm>
            <a:off x="758178" y="6913118"/>
            <a:ext cx="16850925" cy="1749954"/>
            <a:chOff x="592550" y="3861046"/>
            <a:chExt cx="7795874" cy="1351685"/>
          </a:xfrm>
        </p:grpSpPr>
        <p:sp>
          <p:nvSpPr>
            <p:cNvPr id="9" name="圆角矩形 8"/>
            <p:cNvSpPr/>
            <p:nvPr/>
          </p:nvSpPr>
          <p:spPr bwMode="auto">
            <a:xfrm>
              <a:off x="593195" y="3861048"/>
              <a:ext cx="928800" cy="1335881"/>
            </a:xfrm>
            <a:prstGeom prst="roundRect">
              <a:avLst>
                <a:gd name="adj" fmla="val 7174"/>
              </a:avLst>
            </a:prstGeom>
            <a:solidFill>
              <a:schemeClr val="bg1"/>
            </a:solidFill>
            <a:ln w="12700" algn="ctr">
              <a:noFill/>
              <a:round/>
              <a:headEnd/>
              <a:tailEnd/>
            </a:ln>
            <a:effectLst>
              <a:outerShdw blurRad="63500" sx="101000" sy="101000" algn="ctr" rotWithShape="0">
                <a:prstClr val="black">
                  <a:alpha val="20000"/>
                </a:prstClr>
              </a:outerShdw>
              <a:reflection blurRad="6350" stA="50000" endA="300" endPos="38500" dist="50800" dir="5400000" sy="-100000" algn="bl" rotWithShape="0"/>
            </a:effectLst>
            <a:extLst/>
          </p:spPr>
          <p:txBody>
            <a:bodyPr wrap="none" lIns="91399" tIns="45700" rIns="91399" bIns="45700" anchor="ctr"/>
            <a:lstStyle/>
            <a:p>
              <a:pPr eaLnBrk="0" hangingPunct="0">
                <a:buClr>
                  <a:srgbClr val="990000"/>
                </a:buClr>
                <a:buSzPct val="60000"/>
                <a:buFont typeface="Wingdings" pitchFamily="2" charset="2"/>
                <a:buNone/>
                <a:defRPr/>
              </a:pPr>
              <a:endParaRPr lang="zh-CN" altLang="en-US" sz="3200" dirty="0">
                <a:solidFill>
                  <a:srgbClr val="000000"/>
                </a:solidFill>
                <a:latin typeface="Arial" pitchFamily="34" charset="0"/>
                <a:ea typeface="MS PGothic" pitchFamily="34" charset="-128"/>
                <a:cs typeface="Arial" pitchFamily="34" charset="0"/>
              </a:endParaRPr>
            </a:p>
          </p:txBody>
        </p:sp>
        <p:sp>
          <p:nvSpPr>
            <p:cNvPr id="10" name="圆角矩形 9"/>
            <p:cNvSpPr/>
            <p:nvPr/>
          </p:nvSpPr>
          <p:spPr bwMode="auto">
            <a:xfrm>
              <a:off x="1547664" y="3861046"/>
              <a:ext cx="928800" cy="1335880"/>
            </a:xfrm>
            <a:prstGeom prst="roundRect">
              <a:avLst>
                <a:gd name="adj" fmla="val 7174"/>
              </a:avLst>
            </a:prstGeom>
            <a:solidFill>
              <a:schemeClr val="bg1"/>
            </a:solidFill>
            <a:ln w="12700" algn="ctr">
              <a:noFill/>
              <a:round/>
              <a:headEnd/>
              <a:tailEnd/>
            </a:ln>
            <a:effectLst>
              <a:outerShdw blurRad="63500" sx="101000" sy="101000" algn="ctr" rotWithShape="0">
                <a:prstClr val="black">
                  <a:alpha val="20000"/>
                </a:prstClr>
              </a:outerShdw>
              <a:reflection blurRad="6350" stA="50000" endA="300" endPos="38500" dist="50800" dir="5400000" sy="-100000" algn="bl" rotWithShape="0"/>
            </a:effectLst>
            <a:extLst/>
          </p:spPr>
          <p:txBody>
            <a:bodyPr wrap="none" lIns="91399" tIns="45700" rIns="91399" bIns="45700" anchor="ctr"/>
            <a:lstStyle/>
            <a:p>
              <a:pPr eaLnBrk="0" hangingPunct="0">
                <a:buClr>
                  <a:srgbClr val="990000"/>
                </a:buClr>
                <a:buSzPct val="60000"/>
                <a:buFont typeface="Wingdings" pitchFamily="2" charset="2"/>
                <a:buNone/>
                <a:defRPr/>
              </a:pPr>
              <a:endParaRPr lang="zh-CN" altLang="en-US" sz="3200" dirty="0">
                <a:solidFill>
                  <a:srgbClr val="000000"/>
                </a:solidFill>
                <a:latin typeface="Arial" pitchFamily="34" charset="0"/>
                <a:ea typeface="MS PGothic" pitchFamily="34" charset="-128"/>
                <a:cs typeface="Arial" pitchFamily="34" charset="0"/>
              </a:endParaRPr>
            </a:p>
          </p:txBody>
        </p:sp>
        <p:sp>
          <p:nvSpPr>
            <p:cNvPr id="11" name="圆角矩形 10"/>
            <p:cNvSpPr/>
            <p:nvPr/>
          </p:nvSpPr>
          <p:spPr bwMode="auto">
            <a:xfrm>
              <a:off x="2555029" y="3861048"/>
              <a:ext cx="928800" cy="1335881"/>
            </a:xfrm>
            <a:prstGeom prst="roundRect">
              <a:avLst>
                <a:gd name="adj" fmla="val 7174"/>
              </a:avLst>
            </a:prstGeom>
            <a:solidFill>
              <a:schemeClr val="bg1"/>
            </a:solidFill>
            <a:ln w="12700" algn="ctr">
              <a:noFill/>
              <a:round/>
              <a:headEnd/>
              <a:tailEnd/>
            </a:ln>
            <a:effectLst>
              <a:outerShdw blurRad="63500" sx="101000" sy="101000" algn="ctr" rotWithShape="0">
                <a:prstClr val="black">
                  <a:alpha val="20000"/>
                </a:prstClr>
              </a:outerShdw>
              <a:reflection blurRad="6350" stA="50000" endA="300" endPos="38500" dist="50800" dir="5400000" sy="-100000" algn="bl" rotWithShape="0"/>
            </a:effectLst>
            <a:extLst/>
          </p:spPr>
          <p:txBody>
            <a:bodyPr wrap="none" lIns="91399" tIns="45700" rIns="91399" bIns="45700" anchor="ctr"/>
            <a:lstStyle/>
            <a:p>
              <a:pPr eaLnBrk="0" hangingPunct="0">
                <a:buClr>
                  <a:srgbClr val="990000"/>
                </a:buClr>
                <a:buSzPct val="60000"/>
                <a:buFont typeface="Wingdings" pitchFamily="2" charset="2"/>
                <a:buNone/>
                <a:defRPr/>
              </a:pPr>
              <a:endParaRPr lang="zh-CN" altLang="en-US" sz="3200" dirty="0">
                <a:solidFill>
                  <a:srgbClr val="000000"/>
                </a:solidFill>
                <a:latin typeface="Arial" pitchFamily="34" charset="0"/>
                <a:ea typeface="MS PGothic" pitchFamily="34" charset="-128"/>
                <a:cs typeface="Arial" pitchFamily="34" charset="0"/>
              </a:endParaRPr>
            </a:p>
          </p:txBody>
        </p:sp>
        <p:sp>
          <p:nvSpPr>
            <p:cNvPr id="13" name="圆角矩形 12"/>
            <p:cNvSpPr/>
            <p:nvPr/>
          </p:nvSpPr>
          <p:spPr bwMode="auto">
            <a:xfrm>
              <a:off x="3535950" y="3861048"/>
              <a:ext cx="928800" cy="1335881"/>
            </a:xfrm>
            <a:prstGeom prst="roundRect">
              <a:avLst>
                <a:gd name="adj" fmla="val 7174"/>
              </a:avLst>
            </a:prstGeom>
            <a:solidFill>
              <a:schemeClr val="bg1"/>
            </a:solidFill>
            <a:ln w="12700" algn="ctr">
              <a:noFill/>
              <a:round/>
              <a:headEnd/>
              <a:tailEnd/>
            </a:ln>
            <a:effectLst>
              <a:outerShdw blurRad="63500" sx="101000" sy="101000" algn="ctr" rotWithShape="0">
                <a:prstClr val="black">
                  <a:alpha val="20000"/>
                </a:prstClr>
              </a:outerShdw>
              <a:reflection blurRad="6350" stA="50000" endA="300" endPos="38500" dist="50800" dir="5400000" sy="-100000" algn="bl" rotWithShape="0"/>
            </a:effectLst>
            <a:extLst/>
          </p:spPr>
          <p:txBody>
            <a:bodyPr wrap="none" lIns="91399" tIns="45700" rIns="91399" bIns="45700" anchor="ctr"/>
            <a:lstStyle/>
            <a:p>
              <a:pPr eaLnBrk="0" hangingPunct="0">
                <a:buClr>
                  <a:srgbClr val="990000"/>
                </a:buClr>
                <a:buSzPct val="60000"/>
                <a:buFont typeface="Wingdings" pitchFamily="2" charset="2"/>
                <a:buNone/>
                <a:defRPr/>
              </a:pPr>
              <a:endParaRPr lang="zh-CN" altLang="en-US" sz="3200" dirty="0">
                <a:solidFill>
                  <a:srgbClr val="000000"/>
                </a:solidFill>
                <a:latin typeface="Arial" pitchFamily="34" charset="0"/>
                <a:ea typeface="MS PGothic" pitchFamily="34" charset="-128"/>
                <a:cs typeface="Arial" pitchFamily="34" charset="0"/>
              </a:endParaRPr>
            </a:p>
          </p:txBody>
        </p:sp>
        <p:sp>
          <p:nvSpPr>
            <p:cNvPr id="14" name="圆角矩形 13"/>
            <p:cNvSpPr/>
            <p:nvPr/>
          </p:nvSpPr>
          <p:spPr bwMode="auto">
            <a:xfrm>
              <a:off x="4516868" y="3861048"/>
              <a:ext cx="928800" cy="1335881"/>
            </a:xfrm>
            <a:prstGeom prst="roundRect">
              <a:avLst>
                <a:gd name="adj" fmla="val 7174"/>
              </a:avLst>
            </a:prstGeom>
            <a:solidFill>
              <a:schemeClr val="bg1"/>
            </a:solidFill>
            <a:ln w="12700" algn="ctr">
              <a:noFill/>
              <a:round/>
              <a:headEnd/>
              <a:tailEnd/>
            </a:ln>
            <a:effectLst>
              <a:outerShdw blurRad="63500" sx="101000" sy="101000" algn="ctr" rotWithShape="0">
                <a:prstClr val="black">
                  <a:alpha val="20000"/>
                </a:prstClr>
              </a:outerShdw>
              <a:reflection blurRad="6350" stA="50000" endA="300" endPos="38500" dist="50800" dir="5400000" sy="-100000" algn="bl" rotWithShape="0"/>
            </a:effectLst>
            <a:extLst/>
          </p:spPr>
          <p:txBody>
            <a:bodyPr wrap="none" lIns="91399" tIns="45700" rIns="91399" bIns="45700" anchor="ctr"/>
            <a:lstStyle/>
            <a:p>
              <a:pPr eaLnBrk="0" hangingPunct="0">
                <a:buClr>
                  <a:srgbClr val="990000"/>
                </a:buClr>
                <a:buSzPct val="60000"/>
                <a:buFont typeface="Wingdings" pitchFamily="2" charset="2"/>
                <a:buNone/>
                <a:defRPr/>
              </a:pPr>
              <a:endParaRPr lang="zh-CN" altLang="en-US" sz="3200" dirty="0">
                <a:solidFill>
                  <a:srgbClr val="000000"/>
                </a:solidFill>
                <a:latin typeface="Arial" pitchFamily="34" charset="0"/>
                <a:ea typeface="MS PGothic" pitchFamily="34" charset="-128"/>
                <a:cs typeface="Arial" pitchFamily="34" charset="0"/>
              </a:endParaRPr>
            </a:p>
          </p:txBody>
        </p:sp>
        <p:sp>
          <p:nvSpPr>
            <p:cNvPr id="15" name="圆角矩形 14"/>
            <p:cNvSpPr/>
            <p:nvPr/>
          </p:nvSpPr>
          <p:spPr bwMode="auto">
            <a:xfrm>
              <a:off x="5497788" y="3861048"/>
              <a:ext cx="928800" cy="1335881"/>
            </a:xfrm>
            <a:prstGeom prst="roundRect">
              <a:avLst>
                <a:gd name="adj" fmla="val 7174"/>
              </a:avLst>
            </a:prstGeom>
            <a:solidFill>
              <a:schemeClr val="bg1"/>
            </a:solidFill>
            <a:ln w="12700" algn="ctr">
              <a:noFill/>
              <a:round/>
              <a:headEnd/>
              <a:tailEnd/>
            </a:ln>
            <a:effectLst>
              <a:outerShdw blurRad="63500" sx="101000" sy="101000" algn="ctr" rotWithShape="0">
                <a:prstClr val="black">
                  <a:alpha val="20000"/>
                </a:prstClr>
              </a:outerShdw>
              <a:reflection blurRad="6350" stA="50000" endA="300" endPos="38500" dist="50800" dir="5400000" sy="-100000" algn="bl" rotWithShape="0"/>
            </a:effectLst>
            <a:extLst/>
          </p:spPr>
          <p:txBody>
            <a:bodyPr wrap="none" lIns="91399" tIns="45700" rIns="91399" bIns="45700" anchor="ctr"/>
            <a:lstStyle/>
            <a:p>
              <a:pPr eaLnBrk="0" hangingPunct="0">
                <a:buClr>
                  <a:srgbClr val="990000"/>
                </a:buClr>
                <a:buSzPct val="60000"/>
                <a:buFont typeface="Wingdings" pitchFamily="2" charset="2"/>
                <a:buNone/>
                <a:defRPr/>
              </a:pPr>
              <a:endParaRPr lang="zh-CN" altLang="en-US" sz="3200" dirty="0">
                <a:solidFill>
                  <a:srgbClr val="000000"/>
                </a:solidFill>
                <a:latin typeface="Arial" pitchFamily="34" charset="0"/>
                <a:ea typeface="MS PGothic" pitchFamily="34" charset="-128"/>
                <a:cs typeface="Arial" pitchFamily="34" charset="0"/>
              </a:endParaRPr>
            </a:p>
          </p:txBody>
        </p:sp>
        <p:sp>
          <p:nvSpPr>
            <p:cNvPr id="16" name="圆角矩形 15"/>
            <p:cNvSpPr/>
            <p:nvPr/>
          </p:nvSpPr>
          <p:spPr bwMode="auto">
            <a:xfrm>
              <a:off x="6478707" y="3861048"/>
              <a:ext cx="928800" cy="1335881"/>
            </a:xfrm>
            <a:prstGeom prst="roundRect">
              <a:avLst>
                <a:gd name="adj" fmla="val 7174"/>
              </a:avLst>
            </a:prstGeom>
            <a:solidFill>
              <a:schemeClr val="bg1"/>
            </a:solidFill>
            <a:ln w="12700" algn="ctr">
              <a:noFill/>
              <a:round/>
              <a:headEnd/>
              <a:tailEnd/>
            </a:ln>
            <a:effectLst>
              <a:outerShdw blurRad="63500" sx="101000" sy="101000" algn="ctr" rotWithShape="0">
                <a:prstClr val="black">
                  <a:alpha val="20000"/>
                </a:prstClr>
              </a:outerShdw>
              <a:reflection blurRad="6350" stA="50000" endA="300" endPos="38500" dist="50800" dir="5400000" sy="-100000" algn="bl" rotWithShape="0"/>
            </a:effectLst>
            <a:extLst/>
          </p:spPr>
          <p:txBody>
            <a:bodyPr wrap="none" lIns="91399" tIns="45700" rIns="91399" bIns="45700" anchor="ctr"/>
            <a:lstStyle/>
            <a:p>
              <a:pPr eaLnBrk="0" hangingPunct="0">
                <a:buClr>
                  <a:srgbClr val="990000"/>
                </a:buClr>
                <a:buSzPct val="60000"/>
                <a:buFont typeface="Wingdings" pitchFamily="2" charset="2"/>
                <a:buNone/>
                <a:defRPr/>
              </a:pPr>
              <a:endParaRPr lang="zh-CN" altLang="en-US" sz="3200" dirty="0">
                <a:solidFill>
                  <a:srgbClr val="000000"/>
                </a:solidFill>
                <a:latin typeface="Arial" pitchFamily="34" charset="0"/>
                <a:ea typeface="MS PGothic" pitchFamily="34" charset="-128"/>
                <a:cs typeface="Arial" pitchFamily="34" charset="0"/>
              </a:endParaRPr>
            </a:p>
          </p:txBody>
        </p:sp>
        <p:sp>
          <p:nvSpPr>
            <p:cNvPr id="17" name="圆角矩形 16"/>
            <p:cNvSpPr/>
            <p:nvPr/>
          </p:nvSpPr>
          <p:spPr bwMode="auto">
            <a:xfrm>
              <a:off x="7459624" y="3861048"/>
              <a:ext cx="928800" cy="1335881"/>
            </a:xfrm>
            <a:prstGeom prst="roundRect">
              <a:avLst>
                <a:gd name="adj" fmla="val 7174"/>
              </a:avLst>
            </a:prstGeom>
            <a:solidFill>
              <a:schemeClr val="bg1"/>
            </a:solidFill>
            <a:ln w="12700" algn="ctr">
              <a:noFill/>
              <a:round/>
              <a:headEnd/>
              <a:tailEnd/>
            </a:ln>
            <a:effectLst>
              <a:outerShdw blurRad="63500" sx="101000" sy="101000" algn="ctr" rotWithShape="0">
                <a:prstClr val="black">
                  <a:alpha val="20000"/>
                </a:prstClr>
              </a:outerShdw>
              <a:reflection blurRad="6350" stA="50000" endA="300" endPos="38500" dist="50800" dir="5400000" sy="-100000" algn="bl" rotWithShape="0"/>
            </a:effectLst>
            <a:extLst/>
          </p:spPr>
          <p:txBody>
            <a:bodyPr wrap="none" lIns="91399" tIns="45700" rIns="91399" bIns="45700" anchor="ctr"/>
            <a:lstStyle/>
            <a:p>
              <a:pPr eaLnBrk="0" hangingPunct="0">
                <a:buClr>
                  <a:srgbClr val="990000"/>
                </a:buClr>
                <a:buSzPct val="60000"/>
                <a:buFont typeface="Wingdings" pitchFamily="2" charset="2"/>
                <a:buNone/>
                <a:defRPr/>
              </a:pPr>
              <a:endParaRPr lang="zh-CN" altLang="en-US" sz="3200" dirty="0">
                <a:solidFill>
                  <a:srgbClr val="000000"/>
                </a:solidFill>
                <a:latin typeface="Arial" pitchFamily="34" charset="0"/>
                <a:ea typeface="MS PGothic" pitchFamily="34" charset="-128"/>
                <a:cs typeface="Arial" pitchFamily="34" charset="0"/>
              </a:endParaRPr>
            </a:p>
          </p:txBody>
        </p:sp>
        <p:pic>
          <p:nvPicPr>
            <p:cNvPr id="233490" name="Picture 26"/>
            <p:cNvPicPr>
              <a:picLocks noChangeAspect="1" noChangeArrowheads="1"/>
            </p:cNvPicPr>
            <p:nvPr/>
          </p:nvPicPr>
          <p:blipFill>
            <a:blip r:embed="rId6" cstate="print"/>
            <a:srcRect/>
            <a:stretch>
              <a:fillRect/>
            </a:stretch>
          </p:blipFill>
          <p:spPr bwMode="auto">
            <a:xfrm>
              <a:off x="640079" y="4004294"/>
              <a:ext cx="835025" cy="603250"/>
            </a:xfrm>
            <a:prstGeom prst="rect">
              <a:avLst/>
            </a:prstGeom>
            <a:noFill/>
            <a:ln w="9525">
              <a:noFill/>
              <a:miter lim="800000"/>
              <a:headEnd/>
              <a:tailEnd/>
            </a:ln>
          </p:spPr>
        </p:pic>
        <p:pic>
          <p:nvPicPr>
            <p:cNvPr id="233491" name="Picture 115" descr="buildingsign2"/>
            <p:cNvPicPr>
              <a:picLocks noChangeAspect="1" noChangeArrowheads="1"/>
            </p:cNvPicPr>
            <p:nvPr/>
          </p:nvPicPr>
          <p:blipFill>
            <a:blip r:embed="rId7" cstate="print"/>
            <a:srcRect/>
            <a:stretch>
              <a:fillRect/>
            </a:stretch>
          </p:blipFill>
          <p:spPr bwMode="auto">
            <a:xfrm>
              <a:off x="1594457" y="3991604"/>
              <a:ext cx="847725" cy="615950"/>
            </a:xfrm>
            <a:prstGeom prst="rect">
              <a:avLst/>
            </a:prstGeom>
            <a:noFill/>
            <a:ln w="9525">
              <a:noFill/>
              <a:miter lim="800000"/>
              <a:headEnd/>
              <a:tailEnd/>
            </a:ln>
          </p:spPr>
        </p:pic>
        <p:pic>
          <p:nvPicPr>
            <p:cNvPr id="233492" name="Picture 117" descr="莫斯科代表处1_3"/>
            <p:cNvPicPr>
              <a:picLocks noChangeAspect="1" noChangeArrowheads="1"/>
            </p:cNvPicPr>
            <p:nvPr/>
          </p:nvPicPr>
          <p:blipFill>
            <a:blip r:embed="rId8" cstate="print"/>
            <a:srcRect/>
            <a:stretch>
              <a:fillRect/>
            </a:stretch>
          </p:blipFill>
          <p:spPr bwMode="auto">
            <a:xfrm>
              <a:off x="2590016" y="3991605"/>
              <a:ext cx="858838" cy="615950"/>
            </a:xfrm>
            <a:prstGeom prst="rect">
              <a:avLst/>
            </a:prstGeom>
            <a:noFill/>
            <a:ln w="9525">
              <a:noFill/>
              <a:miter lim="800000"/>
              <a:headEnd/>
              <a:tailEnd/>
            </a:ln>
          </p:spPr>
        </p:pic>
        <p:pic>
          <p:nvPicPr>
            <p:cNvPr id="233493" name="Picture 119" descr="印度研究所_3"/>
            <p:cNvPicPr>
              <a:picLocks noChangeAspect="1" noChangeArrowheads="1"/>
            </p:cNvPicPr>
            <p:nvPr/>
          </p:nvPicPr>
          <p:blipFill>
            <a:blip r:embed="rId9" cstate="print"/>
            <a:srcRect/>
            <a:stretch>
              <a:fillRect/>
            </a:stretch>
          </p:blipFill>
          <p:spPr bwMode="auto">
            <a:xfrm>
              <a:off x="3562731" y="4004293"/>
              <a:ext cx="868062" cy="621604"/>
            </a:xfrm>
            <a:prstGeom prst="rect">
              <a:avLst/>
            </a:prstGeom>
            <a:noFill/>
            <a:ln w="9525">
              <a:noFill/>
              <a:miter lim="800000"/>
              <a:headEnd/>
              <a:tailEnd/>
            </a:ln>
          </p:spPr>
        </p:pic>
        <p:sp>
          <p:nvSpPr>
            <p:cNvPr id="233494" name="Text Box 38"/>
            <p:cNvSpPr txBox="1">
              <a:spLocks noChangeArrowheads="1"/>
            </p:cNvSpPr>
            <p:nvPr/>
          </p:nvSpPr>
          <p:spPr bwMode="auto">
            <a:xfrm>
              <a:off x="592550" y="4677869"/>
              <a:ext cx="914935" cy="427914"/>
            </a:xfrm>
            <a:prstGeom prst="rect">
              <a:avLst/>
            </a:prstGeom>
            <a:noFill/>
            <a:ln w="9525">
              <a:noFill/>
              <a:miter lim="800000"/>
              <a:headEnd/>
              <a:tailEnd/>
            </a:ln>
          </p:spPr>
          <p:txBody>
            <a:bodyPr wrap="square" lIns="71980" tIns="0" rIns="71980" bIns="0">
              <a:spAutoFit/>
            </a:bodyPr>
            <a:lstStyle/>
            <a:p>
              <a:pPr algn="ctr" defTabSz="1670148">
                <a:buSzPct val="80000"/>
              </a:pPr>
              <a:r>
                <a:rPr lang="en-US" altLang="en-US" dirty="0">
                  <a:latin typeface="Arial" pitchFamily="34" charset="0"/>
                  <a:ea typeface="ＭＳ Ｐゴシック" pitchFamily="34" charset="-128"/>
                  <a:cs typeface="Arial" pitchFamily="34" charset="0"/>
                </a:rPr>
                <a:t>San </a:t>
              </a:r>
            </a:p>
            <a:p>
              <a:pPr algn="ctr" defTabSz="1670148">
                <a:buSzPct val="80000"/>
              </a:pPr>
              <a:r>
                <a:rPr lang="en-US" altLang="en-US" dirty="0">
                  <a:latin typeface="Arial" pitchFamily="34" charset="0"/>
                  <a:ea typeface="ＭＳ Ｐゴシック" pitchFamily="34" charset="-128"/>
                  <a:cs typeface="Arial" pitchFamily="34" charset="0"/>
                </a:rPr>
                <a:t>Diego, USA</a:t>
              </a:r>
            </a:p>
          </p:txBody>
        </p:sp>
        <p:sp>
          <p:nvSpPr>
            <p:cNvPr id="233495" name="Text Box 38"/>
            <p:cNvSpPr txBox="1">
              <a:spLocks noChangeArrowheads="1"/>
            </p:cNvSpPr>
            <p:nvPr/>
          </p:nvSpPr>
          <p:spPr bwMode="auto">
            <a:xfrm>
              <a:off x="1528727" y="4677868"/>
              <a:ext cx="959510" cy="213957"/>
            </a:xfrm>
            <a:prstGeom prst="rect">
              <a:avLst/>
            </a:prstGeom>
            <a:noFill/>
            <a:ln w="9525">
              <a:noFill/>
              <a:miter lim="800000"/>
              <a:headEnd/>
              <a:tailEnd/>
            </a:ln>
          </p:spPr>
          <p:txBody>
            <a:bodyPr wrap="square" lIns="71980" tIns="0" rIns="71980" bIns="0">
              <a:spAutoFit/>
            </a:bodyPr>
            <a:lstStyle/>
            <a:p>
              <a:pPr algn="ctr" defTabSz="1670148">
                <a:buSzPct val="80000"/>
              </a:pPr>
              <a:r>
                <a:rPr lang="en-US" altLang="zh-CN" dirty="0">
                  <a:latin typeface="Arial" pitchFamily="34" charset="0"/>
                  <a:ea typeface="ＭＳ Ｐゴシック" pitchFamily="34" charset="-128"/>
                  <a:cs typeface="Arial" pitchFamily="34" charset="0"/>
                </a:rPr>
                <a:t>Dallas Texas, USA</a:t>
              </a:r>
              <a:endParaRPr lang="zh-CN" altLang="en-US" dirty="0">
                <a:latin typeface="Arial" pitchFamily="34" charset="0"/>
                <a:ea typeface="ＭＳ Ｐゴシック" pitchFamily="34" charset="-128"/>
                <a:cs typeface="Arial" pitchFamily="34" charset="0"/>
              </a:endParaRPr>
            </a:p>
          </p:txBody>
        </p:sp>
        <p:sp>
          <p:nvSpPr>
            <p:cNvPr id="233496" name="Text Box 38"/>
            <p:cNvSpPr txBox="1">
              <a:spLocks noChangeArrowheads="1"/>
            </p:cNvSpPr>
            <p:nvPr/>
          </p:nvSpPr>
          <p:spPr bwMode="auto">
            <a:xfrm>
              <a:off x="2674949" y="4677869"/>
              <a:ext cx="715963" cy="428047"/>
            </a:xfrm>
            <a:prstGeom prst="rect">
              <a:avLst/>
            </a:prstGeom>
            <a:noFill/>
            <a:ln w="9525">
              <a:noFill/>
              <a:miter lim="800000"/>
              <a:headEnd/>
              <a:tailEnd/>
            </a:ln>
          </p:spPr>
          <p:txBody>
            <a:bodyPr lIns="71980" tIns="0" rIns="71980" bIns="0">
              <a:spAutoFit/>
            </a:bodyPr>
            <a:lstStyle/>
            <a:p>
              <a:pPr algn="ctr" defTabSz="1670148">
                <a:buSzPct val="80000"/>
              </a:pPr>
              <a:r>
                <a:rPr lang="en-US" altLang="zh-CN" dirty="0">
                  <a:latin typeface="Arial" pitchFamily="34" charset="0"/>
                  <a:ea typeface="ＭＳ Ｐゴシック" pitchFamily="34" charset="-128"/>
                  <a:cs typeface="Arial" pitchFamily="34" charset="0"/>
                </a:rPr>
                <a:t>Moscow, Russia</a:t>
              </a:r>
              <a:endParaRPr lang="zh-CN" altLang="en-US" dirty="0">
                <a:latin typeface="Arial" pitchFamily="34" charset="0"/>
                <a:ea typeface="ＭＳ Ｐゴシック" pitchFamily="34" charset="-128"/>
                <a:cs typeface="Arial" pitchFamily="34" charset="0"/>
              </a:endParaRPr>
            </a:p>
          </p:txBody>
        </p:sp>
        <p:sp>
          <p:nvSpPr>
            <p:cNvPr id="233497" name="Text Box 38"/>
            <p:cNvSpPr txBox="1">
              <a:spLocks noChangeArrowheads="1"/>
            </p:cNvSpPr>
            <p:nvPr/>
          </p:nvSpPr>
          <p:spPr bwMode="auto">
            <a:xfrm>
              <a:off x="3548069" y="4677869"/>
              <a:ext cx="828675" cy="428047"/>
            </a:xfrm>
            <a:prstGeom prst="rect">
              <a:avLst/>
            </a:prstGeom>
            <a:noFill/>
            <a:ln w="9525">
              <a:noFill/>
              <a:miter lim="800000"/>
              <a:headEnd/>
              <a:tailEnd/>
            </a:ln>
          </p:spPr>
          <p:txBody>
            <a:bodyPr lIns="71980" tIns="0" rIns="71980" bIns="0">
              <a:spAutoFit/>
            </a:bodyPr>
            <a:lstStyle/>
            <a:p>
              <a:pPr algn="ctr" defTabSz="1670148">
                <a:buSzPct val="80000"/>
              </a:pPr>
              <a:r>
                <a:rPr lang="en-US" altLang="en-US" dirty="0">
                  <a:latin typeface="Arial" pitchFamily="34" charset="0"/>
                  <a:ea typeface="ＭＳ Ｐゴシック" pitchFamily="34" charset="-128"/>
                  <a:cs typeface="Arial" pitchFamily="34" charset="0"/>
                </a:rPr>
                <a:t>Bangalore, India</a:t>
              </a:r>
            </a:p>
          </p:txBody>
        </p:sp>
        <p:pic>
          <p:nvPicPr>
            <p:cNvPr id="233498" name="Rounded Rectangle 25"/>
            <p:cNvPicPr>
              <a:picLocks noChangeArrowheads="1"/>
            </p:cNvPicPr>
            <p:nvPr/>
          </p:nvPicPr>
          <p:blipFill>
            <a:blip r:embed="rId10" cstate="print"/>
            <a:srcRect/>
            <a:stretch>
              <a:fillRect/>
            </a:stretch>
          </p:blipFill>
          <p:spPr bwMode="auto">
            <a:xfrm>
              <a:off x="5526419" y="4004294"/>
              <a:ext cx="871537" cy="603250"/>
            </a:xfrm>
            <a:prstGeom prst="rect">
              <a:avLst/>
            </a:prstGeom>
            <a:noFill/>
            <a:ln w="9525">
              <a:noFill/>
              <a:miter lim="800000"/>
              <a:headEnd/>
              <a:tailEnd/>
            </a:ln>
          </p:spPr>
        </p:pic>
        <p:pic>
          <p:nvPicPr>
            <p:cNvPr id="233499" name="Rounded Rectangle 26"/>
            <p:cNvPicPr>
              <a:picLocks noChangeArrowheads="1"/>
            </p:cNvPicPr>
            <p:nvPr/>
          </p:nvPicPr>
          <p:blipFill>
            <a:blip r:embed="rId11" cstate="print"/>
            <a:srcRect/>
            <a:stretch>
              <a:fillRect/>
            </a:stretch>
          </p:blipFill>
          <p:spPr bwMode="auto">
            <a:xfrm>
              <a:off x="6501787" y="4004294"/>
              <a:ext cx="882650" cy="603250"/>
            </a:xfrm>
            <a:prstGeom prst="rect">
              <a:avLst/>
            </a:prstGeom>
            <a:noFill/>
            <a:ln w="9525">
              <a:noFill/>
              <a:miter lim="800000"/>
              <a:headEnd/>
              <a:tailEnd/>
            </a:ln>
          </p:spPr>
        </p:pic>
        <p:pic>
          <p:nvPicPr>
            <p:cNvPr id="233500" name="Picture 16"/>
            <p:cNvPicPr>
              <a:picLocks noChangeArrowheads="1"/>
            </p:cNvPicPr>
            <p:nvPr/>
          </p:nvPicPr>
          <p:blipFill>
            <a:blip r:embed="rId12" cstate="print"/>
            <a:srcRect/>
            <a:stretch>
              <a:fillRect/>
            </a:stretch>
          </p:blipFill>
          <p:spPr bwMode="auto">
            <a:xfrm>
              <a:off x="7506511" y="4004294"/>
              <a:ext cx="835025" cy="603250"/>
            </a:xfrm>
            <a:prstGeom prst="rect">
              <a:avLst/>
            </a:prstGeom>
            <a:noFill/>
            <a:ln w="9525">
              <a:noFill/>
              <a:miter lim="800000"/>
              <a:headEnd/>
              <a:tailEnd/>
            </a:ln>
          </p:spPr>
        </p:pic>
        <p:pic>
          <p:nvPicPr>
            <p:cNvPr id="233501" name="Rounded Rectangle 27"/>
            <p:cNvPicPr>
              <a:picLocks noChangeArrowheads="1"/>
            </p:cNvPicPr>
            <p:nvPr/>
          </p:nvPicPr>
          <p:blipFill>
            <a:blip r:embed="rId13" cstate="print"/>
            <a:srcRect/>
            <a:stretch>
              <a:fillRect/>
            </a:stretch>
          </p:blipFill>
          <p:spPr bwMode="auto">
            <a:xfrm>
              <a:off x="4554235" y="4004294"/>
              <a:ext cx="854075" cy="603250"/>
            </a:xfrm>
            <a:prstGeom prst="rect">
              <a:avLst/>
            </a:prstGeom>
            <a:noFill/>
            <a:ln w="9525">
              <a:noFill/>
              <a:miter lim="800000"/>
              <a:headEnd/>
              <a:tailEnd/>
            </a:ln>
          </p:spPr>
        </p:pic>
        <p:sp>
          <p:nvSpPr>
            <p:cNvPr id="233502" name="Text Box 26"/>
            <p:cNvSpPr txBox="1">
              <a:spLocks noChangeArrowheads="1"/>
            </p:cNvSpPr>
            <p:nvPr/>
          </p:nvSpPr>
          <p:spPr bwMode="auto">
            <a:xfrm>
              <a:off x="5507040" y="4677869"/>
              <a:ext cx="912813" cy="213957"/>
            </a:xfrm>
            <a:prstGeom prst="rect">
              <a:avLst/>
            </a:prstGeom>
            <a:noFill/>
            <a:ln w="9525">
              <a:noFill/>
              <a:miter lim="800000"/>
              <a:headEnd/>
              <a:tailEnd/>
            </a:ln>
          </p:spPr>
          <p:txBody>
            <a:bodyPr lIns="71980" tIns="0" rIns="71980" bIns="0">
              <a:spAutoFit/>
            </a:bodyPr>
            <a:lstStyle/>
            <a:p>
              <a:pPr algn="ctr" defTabSz="1670148">
                <a:buSzPct val="80000"/>
              </a:pPr>
              <a:r>
                <a:rPr lang="en-US" altLang="zh-CN" dirty="0">
                  <a:latin typeface="Arial" pitchFamily="34" charset="0"/>
                  <a:ea typeface="ＭＳ Ｐゴシック" pitchFamily="34" charset="-128"/>
                  <a:cs typeface="Arial" pitchFamily="34" charset="0"/>
                </a:rPr>
                <a:t>Munich, Germany</a:t>
              </a:r>
            </a:p>
          </p:txBody>
        </p:sp>
        <p:sp>
          <p:nvSpPr>
            <p:cNvPr id="233503" name="Text Box 27"/>
            <p:cNvSpPr txBox="1">
              <a:spLocks noChangeArrowheads="1"/>
            </p:cNvSpPr>
            <p:nvPr/>
          </p:nvSpPr>
          <p:spPr bwMode="auto">
            <a:xfrm>
              <a:off x="4481283" y="4570859"/>
              <a:ext cx="931753" cy="641872"/>
            </a:xfrm>
            <a:prstGeom prst="rect">
              <a:avLst/>
            </a:prstGeom>
            <a:noFill/>
            <a:ln w="9525">
              <a:noFill/>
              <a:miter lim="800000"/>
              <a:headEnd/>
              <a:tailEnd/>
            </a:ln>
          </p:spPr>
          <p:txBody>
            <a:bodyPr wrap="square" lIns="71980" tIns="0" rIns="71980" bIns="0">
              <a:spAutoFit/>
            </a:bodyPr>
            <a:lstStyle/>
            <a:p>
              <a:pPr algn="ctr" defTabSz="1670148">
                <a:buSzPct val="80000"/>
              </a:pPr>
              <a:r>
                <a:rPr lang="en-US" altLang="zh-CN" dirty="0">
                  <a:latin typeface="Arial" pitchFamily="34" charset="0"/>
                  <a:ea typeface="ＭＳ Ｐゴシック" pitchFamily="34" charset="-128"/>
                  <a:cs typeface="Arial" pitchFamily="34" charset="0"/>
                </a:rPr>
                <a:t>Stockholm/</a:t>
              </a:r>
            </a:p>
            <a:p>
              <a:pPr algn="ctr" defTabSz="1670148">
                <a:buSzPct val="80000"/>
              </a:pPr>
              <a:r>
                <a:rPr lang="en-US" altLang="zh-CN" dirty="0">
                  <a:latin typeface="Arial" pitchFamily="34" charset="0"/>
                  <a:ea typeface="ＭＳ Ｐゴシック" pitchFamily="34" charset="-128"/>
                  <a:cs typeface="Arial" pitchFamily="34" charset="0"/>
                </a:rPr>
                <a:t>Gothenburg, Sweden</a:t>
              </a:r>
            </a:p>
          </p:txBody>
        </p:sp>
        <p:sp>
          <p:nvSpPr>
            <p:cNvPr id="233504" name="Text Box 26"/>
            <p:cNvSpPr txBox="1">
              <a:spLocks noChangeArrowheads="1"/>
            </p:cNvSpPr>
            <p:nvPr/>
          </p:nvSpPr>
          <p:spPr bwMode="auto">
            <a:xfrm>
              <a:off x="6586540" y="4677866"/>
              <a:ext cx="709613" cy="213957"/>
            </a:xfrm>
            <a:prstGeom prst="rect">
              <a:avLst/>
            </a:prstGeom>
            <a:noFill/>
            <a:ln w="9525">
              <a:noFill/>
              <a:miter lim="800000"/>
              <a:headEnd/>
              <a:tailEnd/>
            </a:ln>
          </p:spPr>
          <p:txBody>
            <a:bodyPr lIns="71980" tIns="0" rIns="71980" bIns="0">
              <a:spAutoFit/>
            </a:bodyPr>
            <a:lstStyle/>
            <a:p>
              <a:pPr algn="ctr" defTabSz="1670148">
                <a:buSzPct val="80000"/>
              </a:pPr>
              <a:r>
                <a:rPr lang="en-US" altLang="zh-CN" dirty="0">
                  <a:latin typeface="Arial" pitchFamily="34" charset="0"/>
                  <a:ea typeface="ＭＳ Ｐゴシック" pitchFamily="34" charset="-128"/>
                  <a:cs typeface="Arial" pitchFamily="34" charset="0"/>
                </a:rPr>
                <a:t>Paris, France</a:t>
              </a:r>
            </a:p>
          </p:txBody>
        </p:sp>
        <p:sp>
          <p:nvSpPr>
            <p:cNvPr id="233505" name="Text Box 26"/>
            <p:cNvSpPr txBox="1">
              <a:spLocks noChangeArrowheads="1"/>
            </p:cNvSpPr>
            <p:nvPr/>
          </p:nvSpPr>
          <p:spPr bwMode="auto">
            <a:xfrm>
              <a:off x="7576100" y="4667123"/>
              <a:ext cx="703262" cy="427915"/>
            </a:xfrm>
            <a:prstGeom prst="rect">
              <a:avLst/>
            </a:prstGeom>
            <a:noFill/>
            <a:ln w="9525">
              <a:noFill/>
              <a:miter lim="800000"/>
              <a:headEnd/>
              <a:tailEnd/>
            </a:ln>
          </p:spPr>
          <p:txBody>
            <a:bodyPr lIns="71980" tIns="0" rIns="71980" bIns="0">
              <a:spAutoFit/>
            </a:bodyPr>
            <a:lstStyle/>
            <a:p>
              <a:pPr algn="ctr" defTabSz="1670148">
                <a:buSzPct val="80000"/>
              </a:pPr>
              <a:r>
                <a:rPr lang="en-US" altLang="zh-CN" dirty="0">
                  <a:latin typeface="Arial" pitchFamily="34" charset="0"/>
                  <a:ea typeface="ＭＳ Ｐゴシック" pitchFamily="34" charset="-128"/>
                  <a:cs typeface="Arial" pitchFamily="34" charset="0"/>
                </a:rPr>
                <a:t>Milan, </a:t>
              </a:r>
              <a:endParaRPr lang="en-US" altLang="zh-CN" dirty="0" smtClean="0">
                <a:latin typeface="Arial" pitchFamily="34" charset="0"/>
                <a:ea typeface="ＭＳ Ｐゴシック" pitchFamily="34" charset="-128"/>
                <a:cs typeface="Arial" pitchFamily="34" charset="0"/>
              </a:endParaRPr>
            </a:p>
            <a:p>
              <a:pPr algn="ctr" defTabSz="1670148">
                <a:buSzPct val="80000"/>
              </a:pPr>
              <a:r>
                <a:rPr lang="en-US" altLang="zh-CN" dirty="0" smtClean="0">
                  <a:latin typeface="Arial" pitchFamily="34" charset="0"/>
                  <a:ea typeface="ＭＳ Ｐゴシック" pitchFamily="34" charset="-128"/>
                  <a:cs typeface="Arial" pitchFamily="34" charset="0"/>
                </a:rPr>
                <a:t>Italy</a:t>
              </a:r>
              <a:endParaRPr lang="en-US" altLang="zh-CN" dirty="0">
                <a:latin typeface="Arial" pitchFamily="34" charset="0"/>
                <a:ea typeface="ＭＳ Ｐゴシック" pitchFamily="34" charset="-128"/>
                <a:cs typeface="Arial" pitchFamily="34" charset="0"/>
              </a:endParaRPr>
            </a:p>
          </p:txBody>
        </p:sp>
      </p:grpSp>
      <p:sp>
        <p:nvSpPr>
          <p:cNvPr id="97" name="标题 96"/>
          <p:cNvSpPr>
            <a:spLocks noGrp="1"/>
          </p:cNvSpPr>
          <p:nvPr>
            <p:ph type="title"/>
          </p:nvPr>
        </p:nvSpPr>
        <p:spPr>
          <a:xfrm>
            <a:off x="593481" y="548401"/>
            <a:ext cx="15268050" cy="1119021"/>
          </a:xfrm>
        </p:spPr>
        <p:txBody>
          <a:bodyPr/>
          <a:lstStyle/>
          <a:p>
            <a:pPr defTabSz="1601256">
              <a:defRPr/>
            </a:pPr>
            <a:r>
              <a:rPr lang="en-US" altLang="zh-CN" sz="4800" kern="1200" dirty="0" err="1" smtClean="0">
                <a:latin typeface="Arial" pitchFamily="34" charset="0"/>
                <a:ea typeface="黑体" pitchFamily="2" charset="-122"/>
                <a:cs typeface="Arial" pitchFamily="34" charset="0"/>
              </a:rPr>
              <a:t>Huawei</a:t>
            </a:r>
            <a:r>
              <a:rPr lang="en-US" altLang="zh-CN" sz="4800" kern="1200" dirty="0" smtClean="0">
                <a:latin typeface="Arial" pitchFamily="34" charset="0"/>
                <a:ea typeface="黑体" pitchFamily="2" charset="-122"/>
                <a:cs typeface="Arial" pitchFamily="34" charset="0"/>
              </a:rPr>
              <a:t> R&amp;D Centers Worldwide</a:t>
            </a:r>
          </a:p>
        </p:txBody>
      </p:sp>
      <p:pic>
        <p:nvPicPr>
          <p:cNvPr id="99" name="Picture 91"/>
          <p:cNvPicPr>
            <a:picLocks noChangeAspect="1" noChangeArrowheads="1"/>
          </p:cNvPicPr>
          <p:nvPr/>
        </p:nvPicPr>
        <p:blipFill>
          <a:blip r:embed="rId14" cstate="print">
            <a:lum/>
          </a:blip>
          <a:srcRect/>
          <a:stretch>
            <a:fillRect/>
          </a:stretch>
        </p:blipFill>
        <p:spPr bwMode="auto">
          <a:xfrm>
            <a:off x="5088752" y="7085233"/>
            <a:ext cx="1814517" cy="787241"/>
          </a:xfrm>
          <a:prstGeom prst="rect">
            <a:avLst/>
          </a:prstGeom>
          <a:ln w="25400">
            <a:solidFill>
              <a:schemeClr val="bg1"/>
            </a:solidFill>
          </a:ln>
          <a:effectLst/>
        </p:spPr>
      </p:pic>
      <p:sp>
        <p:nvSpPr>
          <p:cNvPr id="90" name="圆角矩形标注 89"/>
          <p:cNvSpPr/>
          <p:nvPr/>
        </p:nvSpPr>
        <p:spPr bwMode="auto">
          <a:xfrm>
            <a:off x="9359814" y="1704813"/>
            <a:ext cx="1680238" cy="638151"/>
          </a:xfrm>
          <a:prstGeom prst="wedgeRoundRectCallou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891" tIns="91446" rIns="182891" bIns="91446" numCol="1" rtlCol="0" anchor="t" anchorCtr="0" compatLnSpc="1">
            <a:prstTxWarp prst="textNoShape">
              <a:avLst/>
            </a:prstTxWarp>
          </a:bodyPr>
          <a:lstStyle/>
          <a:p>
            <a:pPr defTabSz="1828906">
              <a:buClr>
                <a:srgbClr val="CC9900"/>
              </a:buClr>
              <a:buFont typeface="Wingdings" pitchFamily="2" charset="2"/>
              <a:buChar char="n"/>
            </a:pPr>
            <a:endParaRPr lang="zh-CN" altLang="en-US" dirty="0" smtClean="0">
              <a:latin typeface="Arial" pitchFamily="34" charset="0"/>
              <a:ea typeface="宋体" charset="-122"/>
              <a:cs typeface="Arial" pitchFamily="34" charset="0"/>
            </a:endParaRPr>
          </a:p>
        </p:txBody>
      </p:sp>
      <p:sp>
        <p:nvSpPr>
          <p:cNvPr id="94" name="圆角矩形标注 93"/>
          <p:cNvSpPr>
            <a:spLocks noChangeArrowheads="1"/>
          </p:cNvSpPr>
          <p:nvPr/>
        </p:nvSpPr>
        <p:spPr bwMode="auto">
          <a:xfrm>
            <a:off x="11347463" y="1660663"/>
            <a:ext cx="2412301" cy="731480"/>
          </a:xfrm>
          <a:prstGeom prst="wedgeRoundRectCallout">
            <a:avLst>
              <a:gd name="adj1" fmla="val -61908"/>
              <a:gd name="adj2" fmla="val 86042"/>
              <a:gd name="adj3" fmla="val 16667"/>
            </a:avLst>
          </a:prstGeom>
          <a:ln w="15875">
            <a:solidFill>
              <a:schemeClr val="bg1">
                <a:lumMod val="65000"/>
              </a:schemeClr>
            </a:solidFill>
            <a:headEnd/>
            <a:tailEnd/>
          </a:ln>
        </p:spPr>
        <p:style>
          <a:lnRef idx="2">
            <a:schemeClr val="accent5"/>
          </a:lnRef>
          <a:fillRef idx="1">
            <a:schemeClr val="lt1"/>
          </a:fillRef>
          <a:effectRef idx="0">
            <a:schemeClr val="accent5"/>
          </a:effectRef>
          <a:fontRef idx="minor">
            <a:schemeClr val="dk1"/>
          </a:fontRef>
        </p:style>
        <p:txBody>
          <a:bodyPr wrap="none" lIns="152318" tIns="76157" rIns="152318" bIns="76157" anchor="ctr"/>
          <a:lstStyle/>
          <a:p>
            <a:pPr>
              <a:spcBef>
                <a:spcPts val="0"/>
              </a:spcBef>
              <a:spcAft>
                <a:spcPts val="0"/>
              </a:spcAft>
              <a:defRPr/>
            </a:pPr>
            <a:endParaRPr lang="en-US" altLang="zh-CN" dirty="0">
              <a:solidFill>
                <a:srgbClr val="000000"/>
              </a:solidFill>
              <a:latin typeface="Arial" pitchFamily="34" charset="0"/>
              <a:ea typeface="ＭＳ Ｐゴシック" pitchFamily="34" charset="-128"/>
              <a:cs typeface="Arial" pitchFamily="34" charset="0"/>
            </a:endParaRPr>
          </a:p>
        </p:txBody>
      </p:sp>
      <p:sp>
        <p:nvSpPr>
          <p:cNvPr id="91" name="矩形标注 90"/>
          <p:cNvSpPr/>
          <p:nvPr/>
        </p:nvSpPr>
        <p:spPr bwMode="auto">
          <a:xfrm>
            <a:off x="11098666" y="1623609"/>
            <a:ext cx="2892560" cy="787051"/>
          </a:xfrm>
          <a:prstGeom prst="wedgeRectCallout">
            <a:avLst>
              <a:gd name="adj1" fmla="val -61156"/>
              <a:gd name="adj2" fmla="val 38362"/>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txBody>
          <a:bodyPr vert="horz" wrap="square" lIns="182891" tIns="91446" rIns="182891" bIns="91446" numCol="1" rtlCol="0" anchor="t" anchorCtr="0" compatLnSpc="1">
            <a:prstTxWarp prst="textNoShape">
              <a:avLst/>
            </a:prstTxWarp>
          </a:bodyPr>
          <a:lstStyle/>
          <a:p>
            <a:pPr algn="ctr" defTabSz="1670148">
              <a:buClr>
                <a:srgbClr val="CC9900"/>
              </a:buClr>
            </a:pPr>
            <a:r>
              <a:rPr lang="en-US" altLang="zh-CN" sz="2000" dirty="0" smtClean="0">
                <a:solidFill>
                  <a:schemeClr val="accent6">
                    <a:lumMod val="50000"/>
                  </a:schemeClr>
                </a:solidFill>
                <a:latin typeface="Arial" pitchFamily="34" charset="0"/>
                <a:ea typeface="ＭＳ Ｐゴシック" pitchFamily="34" charset="-128"/>
                <a:cs typeface="Arial" pitchFamily="34" charset="0"/>
              </a:rPr>
              <a:t>Mathematical Modeling</a:t>
            </a:r>
            <a:endParaRPr lang="zh-CN" altLang="en-US" sz="2000" dirty="0" smtClean="0">
              <a:solidFill>
                <a:schemeClr val="accent6">
                  <a:lumMod val="50000"/>
                </a:schemeClr>
              </a:solidFill>
              <a:latin typeface="Arial" pitchFamily="34" charset="0"/>
              <a:ea typeface="ＭＳ Ｐゴシック" pitchFamily="34" charset="-128"/>
              <a:cs typeface="Arial" pitchFamily="34" charset="0"/>
            </a:endParaRPr>
          </a:p>
        </p:txBody>
      </p:sp>
      <p:sp>
        <p:nvSpPr>
          <p:cNvPr id="96" name="椭圆 95"/>
          <p:cNvSpPr/>
          <p:nvPr/>
        </p:nvSpPr>
        <p:spPr bwMode="auto">
          <a:xfrm>
            <a:off x="15064677" y="3611762"/>
            <a:ext cx="264122" cy="193320"/>
          </a:xfrm>
          <a:prstGeom prst="ellipse">
            <a:avLst/>
          </a:prstGeom>
          <a:solidFill>
            <a:srgbClr val="FF9900"/>
          </a:solidFill>
          <a:ln>
            <a:solidFill>
              <a:schemeClr val="bg1"/>
            </a:solidFill>
          </a:ln>
          <a:effectLst>
            <a:outerShdw blurRad="63500" sx="101000" sy="101000" algn="ctr" rotWithShape="0">
              <a:srgbClr val="000000">
                <a:alpha val="40000"/>
              </a:srgbClr>
            </a:outerShdw>
          </a:effectLst>
          <a:extLst/>
        </p:spPr>
        <p:txBody>
          <a:bodyPr lIns="71984" tIns="79184" rIns="71984" bIns="79184"/>
          <a:lstStyle/>
          <a:p>
            <a:pPr defTabSz="1601988" eaLnBrk="0" hangingPunct="0">
              <a:spcBef>
                <a:spcPct val="20000"/>
              </a:spcBef>
              <a:buClr>
                <a:srgbClr val="990000"/>
              </a:buClr>
              <a:buSzPct val="60000"/>
              <a:defRPr/>
            </a:pPr>
            <a:endParaRPr lang="zh-CN" altLang="en-US" dirty="0">
              <a:latin typeface="Arial" pitchFamily="34" charset="0"/>
              <a:ea typeface="黑体" pitchFamily="49" charset="-122"/>
              <a:cs typeface="Arial" pitchFamily="34" charset="0"/>
            </a:endParaRPr>
          </a:p>
        </p:txBody>
      </p:sp>
      <p:sp>
        <p:nvSpPr>
          <p:cNvPr id="101" name="圆角矩形标注 100"/>
          <p:cNvSpPr>
            <a:spLocks noChangeArrowheads="1"/>
          </p:cNvSpPr>
          <p:nvPr/>
        </p:nvSpPr>
        <p:spPr bwMode="auto">
          <a:xfrm>
            <a:off x="15507741" y="2977531"/>
            <a:ext cx="1988171" cy="792244"/>
          </a:xfrm>
          <a:prstGeom prst="wedgeRoundRectCallout">
            <a:avLst>
              <a:gd name="adj1" fmla="val -62750"/>
              <a:gd name="adj2" fmla="val 40221"/>
              <a:gd name="adj3" fmla="val 16667"/>
            </a:avLst>
          </a:prstGeom>
          <a:ln w="15875">
            <a:solidFill>
              <a:schemeClr val="bg1">
                <a:lumMod val="65000"/>
              </a:schemeClr>
            </a:solidFill>
            <a:headEnd/>
            <a:tailEnd/>
          </a:ln>
        </p:spPr>
        <p:style>
          <a:lnRef idx="2">
            <a:schemeClr val="accent5"/>
          </a:lnRef>
          <a:fillRef idx="1">
            <a:schemeClr val="lt1"/>
          </a:fillRef>
          <a:effectRef idx="0">
            <a:schemeClr val="accent5"/>
          </a:effectRef>
          <a:fontRef idx="minor">
            <a:schemeClr val="dk1"/>
          </a:fontRef>
        </p:style>
        <p:txBody>
          <a:bodyPr wrap="none" lIns="152318" tIns="76157" rIns="152318" bIns="76157" anchor="ctr"/>
          <a:lstStyle/>
          <a:p>
            <a:pPr>
              <a:spcBef>
                <a:spcPts val="0"/>
              </a:spcBef>
              <a:spcAft>
                <a:spcPts val="0"/>
              </a:spcAft>
              <a:defRPr/>
            </a:pPr>
            <a:endParaRPr lang="en-US" altLang="zh-CN" dirty="0">
              <a:solidFill>
                <a:srgbClr val="000000"/>
              </a:solidFill>
              <a:latin typeface="Arial" pitchFamily="34" charset="0"/>
              <a:ea typeface="ＭＳ Ｐゴシック" pitchFamily="34" charset="-128"/>
              <a:cs typeface="Arial" pitchFamily="34" charset="0"/>
            </a:endParaRPr>
          </a:p>
        </p:txBody>
      </p:sp>
      <p:sp>
        <p:nvSpPr>
          <p:cNvPr id="102" name="矩形 98"/>
          <p:cNvSpPr>
            <a:spLocks noChangeArrowheads="1"/>
          </p:cNvSpPr>
          <p:nvPr/>
        </p:nvSpPr>
        <p:spPr bwMode="auto">
          <a:xfrm>
            <a:off x="15503332" y="3076612"/>
            <a:ext cx="1992580" cy="615744"/>
          </a:xfrm>
          <a:prstGeom prst="rect">
            <a:avLst/>
          </a:prstGeom>
          <a:noFill/>
          <a:ln w="9525">
            <a:noFill/>
            <a:miter lim="800000"/>
            <a:headEnd/>
            <a:tailEnd/>
          </a:ln>
        </p:spPr>
        <p:txBody>
          <a:bodyPr wrap="square" lIns="143989" tIns="0" rIns="143989" bIns="0">
            <a:spAutoFit/>
          </a:bodyPr>
          <a:lstStyle/>
          <a:p>
            <a:pPr algn="ctr" defTabSz="1666973"/>
            <a:r>
              <a:rPr lang="en-US" altLang="zh-CN" sz="2000" dirty="0" smtClean="0">
                <a:solidFill>
                  <a:schemeClr val="accent6">
                    <a:lumMod val="50000"/>
                  </a:schemeClr>
                </a:solidFill>
                <a:latin typeface="Arial" pitchFamily="34" charset="0"/>
                <a:ea typeface="ＭＳ Ｐゴシック" pitchFamily="34" charset="-128"/>
                <a:cs typeface="Arial" pitchFamily="34" charset="0"/>
              </a:rPr>
              <a:t>Component Sourcing</a:t>
            </a:r>
            <a:endParaRPr lang="en-US" altLang="zh-CN" sz="2000" dirty="0">
              <a:solidFill>
                <a:schemeClr val="accent6">
                  <a:lumMod val="50000"/>
                </a:schemeClr>
              </a:solidFill>
              <a:latin typeface="Arial" pitchFamily="34" charset="0"/>
              <a:ea typeface="ＭＳ Ｐゴシック" pitchFamily="34" charset="-128"/>
              <a:cs typeface="Arial" pitchFamily="34" charset="0"/>
            </a:endParaRPr>
          </a:p>
        </p:txBody>
      </p:sp>
      <p:sp>
        <p:nvSpPr>
          <p:cNvPr id="104" name="文本框 63"/>
          <p:cNvSpPr txBox="1">
            <a:spLocks noChangeArrowheads="1"/>
          </p:cNvSpPr>
          <p:nvPr/>
        </p:nvSpPr>
        <p:spPr bwMode="auto">
          <a:xfrm>
            <a:off x="14198241" y="3286123"/>
            <a:ext cx="1722127" cy="277083"/>
          </a:xfrm>
          <a:prstGeom prst="rect">
            <a:avLst/>
          </a:prstGeom>
          <a:noFill/>
          <a:ln w="9525">
            <a:noFill/>
            <a:miter lim="800000"/>
            <a:headEnd/>
            <a:tailEnd/>
          </a:ln>
        </p:spPr>
        <p:txBody>
          <a:bodyPr lIns="143989" tIns="0" rIns="143989" bIns="0">
            <a:spAutoFit/>
          </a:bodyPr>
          <a:lstStyle/>
          <a:p>
            <a:pPr algn="ctr" defTabSz="1946389">
              <a:lnSpc>
                <a:spcPct val="90000"/>
              </a:lnSpc>
            </a:pPr>
            <a:r>
              <a:rPr kumimoji="1" lang="en-US" altLang="zh-CN" sz="2000" dirty="0" smtClean="0">
                <a:solidFill>
                  <a:srgbClr val="000000"/>
                </a:solidFill>
                <a:latin typeface="Arial" pitchFamily="34" charset="0"/>
                <a:ea typeface="华文细黑" pitchFamily="2" charset="-122"/>
                <a:cs typeface="Arial" pitchFamily="34" charset="0"/>
              </a:rPr>
              <a:t>Tokyo</a:t>
            </a:r>
            <a:endParaRPr kumimoji="1" lang="en-US" altLang="zh-CN" sz="2000" dirty="0">
              <a:solidFill>
                <a:srgbClr val="000000"/>
              </a:solidFill>
              <a:latin typeface="Arial" pitchFamily="34" charset="0"/>
              <a:ea typeface="华文细黑" pitchFamily="2" charset="-122"/>
              <a:cs typeface="Arial" pitchFamily="34" charset="0"/>
            </a:endParaRPr>
          </a:p>
        </p:txBody>
      </p:sp>
    </p:spTree>
  </p:cSld>
  <p:clrMapOvr>
    <a:masterClrMapping/>
  </p:clrMapOvr>
  <p:transition>
    <p:fad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225"/>
          <p:cNvGrpSpPr/>
          <p:nvPr/>
        </p:nvGrpSpPr>
        <p:grpSpPr>
          <a:xfrm>
            <a:off x="943394" y="1719172"/>
            <a:ext cx="16071654" cy="1802910"/>
            <a:chOff x="471612" y="891217"/>
            <a:chExt cx="8172658" cy="901177"/>
          </a:xfrm>
        </p:grpSpPr>
        <p:sp>
          <p:nvSpPr>
            <p:cNvPr id="201" name="AutoShape 4"/>
            <p:cNvSpPr>
              <a:spLocks noChangeArrowheads="1"/>
            </p:cNvSpPr>
            <p:nvPr/>
          </p:nvSpPr>
          <p:spPr bwMode="gray">
            <a:xfrm>
              <a:off x="471612" y="891217"/>
              <a:ext cx="8172658" cy="900000"/>
            </a:xfrm>
            <a:prstGeom prst="roundRect">
              <a:avLst>
                <a:gd name="adj" fmla="val 5929"/>
              </a:avLst>
            </a:prstGeom>
            <a:solidFill>
              <a:schemeClr val="bg1">
                <a:lumMod val="95000"/>
              </a:schemeClr>
            </a:solidFill>
            <a:ln w="3175">
              <a:solidFill>
                <a:schemeClr val="bg1">
                  <a:lumMod val="65000"/>
                </a:schemeClr>
              </a:solidFill>
            </a:ln>
            <a:effectLst>
              <a:outerShdw blurRad="50800" dist="38100" dir="2700000" algn="tl" rotWithShape="0">
                <a:prstClr val="black">
                  <a:alpha val="40000"/>
                </a:prstClr>
              </a:outerShdw>
            </a:effectLst>
          </p:spPr>
          <p:style>
            <a:lnRef idx="3">
              <a:schemeClr val="lt1"/>
            </a:lnRef>
            <a:fillRef idx="1">
              <a:schemeClr val="accent3"/>
            </a:fillRef>
            <a:effectRef idx="1">
              <a:schemeClr val="accent3"/>
            </a:effectRef>
            <a:fontRef idx="minor">
              <a:schemeClr val="lt1"/>
            </a:fontRef>
          </p:style>
          <p:txBody>
            <a:bodyPr wrap="none" lIns="121805" tIns="60905" rIns="121805" bIns="60905" anchor="ctr">
              <a:noAutofit/>
            </a:bodyPr>
            <a:lstStyle/>
            <a:p>
              <a:pPr fontAlgn="ctr">
                <a:buClr>
                  <a:srgbClr val="990000"/>
                </a:buClr>
                <a:buSzPct val="60000"/>
                <a:buFont typeface="Wingdings" pitchFamily="2" charset="2"/>
                <a:buChar char="n"/>
              </a:pPr>
              <a:endParaRPr lang="en-US" altLang="zh-CN" sz="2200" dirty="0">
                <a:solidFill>
                  <a:srgbClr val="FFFFFF"/>
                </a:solidFill>
                <a:latin typeface="Arial" pitchFamily="34" charset="0"/>
                <a:ea typeface="华文细黑" pitchFamily="2" charset="-122"/>
                <a:cs typeface="Arial" pitchFamily="34" charset="0"/>
              </a:endParaRPr>
            </a:p>
          </p:txBody>
        </p:sp>
        <p:sp>
          <p:nvSpPr>
            <p:cNvPr id="202" name="AutoShape 5"/>
            <p:cNvSpPr>
              <a:spLocks noChangeArrowheads="1"/>
            </p:cNvSpPr>
            <p:nvPr/>
          </p:nvSpPr>
          <p:spPr bwMode="gray">
            <a:xfrm>
              <a:off x="475278" y="892394"/>
              <a:ext cx="1268459" cy="900000"/>
            </a:xfrm>
            <a:prstGeom prst="roundRect">
              <a:avLst>
                <a:gd name="adj" fmla="val 9979"/>
              </a:avLst>
            </a:prstGeom>
            <a:solidFill>
              <a:srgbClr val="C00000"/>
            </a:solidFill>
            <a:ln/>
            <a:effectLst/>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21805" tIns="60905" rIns="121805" bIns="60905" anchor="ctr">
              <a:noAutofit/>
            </a:bodyPr>
            <a:lstStyle/>
            <a:p>
              <a:pPr algn="ctr" fontAlgn="ctr">
                <a:buClr>
                  <a:srgbClr val="990000"/>
                </a:buClr>
                <a:buSzPct val="60000"/>
                <a:defRPr/>
              </a:pPr>
              <a:r>
                <a:rPr lang="en-US" altLang="zh-CN" sz="2400" b="1" dirty="0" smtClean="0">
                  <a:solidFill>
                    <a:schemeClr val="bg1"/>
                  </a:solidFill>
                  <a:latin typeface="Arial" pitchFamily="34" charset="0"/>
                  <a:ea typeface="微软雅黑" pitchFamily="34" charset="-122"/>
                  <a:cs typeface="Arial" pitchFamily="34" charset="0"/>
                </a:rPr>
                <a:t>Enterprise</a:t>
              </a:r>
            </a:p>
            <a:p>
              <a:pPr algn="ctr" fontAlgn="ctr">
                <a:buClr>
                  <a:srgbClr val="990000"/>
                </a:buClr>
                <a:buSzPct val="60000"/>
                <a:defRPr/>
              </a:pPr>
              <a:r>
                <a:rPr lang="en-US" altLang="zh-CN" sz="2400" b="1" dirty="0" smtClean="0">
                  <a:solidFill>
                    <a:schemeClr val="bg1"/>
                  </a:solidFill>
                  <a:latin typeface="Arial" pitchFamily="34" charset="0"/>
                  <a:ea typeface="微软雅黑" pitchFamily="34" charset="-122"/>
                  <a:cs typeface="Arial" pitchFamily="34" charset="0"/>
                </a:rPr>
                <a:t>Networking</a:t>
              </a:r>
            </a:p>
          </p:txBody>
        </p:sp>
      </p:grpSp>
      <p:grpSp>
        <p:nvGrpSpPr>
          <p:cNvPr id="3" name="组合 224"/>
          <p:cNvGrpSpPr/>
          <p:nvPr/>
        </p:nvGrpSpPr>
        <p:grpSpPr>
          <a:xfrm>
            <a:off x="943395" y="3640700"/>
            <a:ext cx="16050384" cy="1802910"/>
            <a:chOff x="464523" y="1989915"/>
            <a:chExt cx="8172658" cy="901177"/>
          </a:xfrm>
        </p:grpSpPr>
        <p:sp>
          <p:nvSpPr>
            <p:cNvPr id="212" name="AutoShape 4"/>
            <p:cNvSpPr>
              <a:spLocks noChangeArrowheads="1"/>
            </p:cNvSpPr>
            <p:nvPr/>
          </p:nvSpPr>
          <p:spPr bwMode="gray">
            <a:xfrm>
              <a:off x="464523" y="1989915"/>
              <a:ext cx="8172658" cy="900000"/>
            </a:xfrm>
            <a:prstGeom prst="roundRect">
              <a:avLst>
                <a:gd name="adj" fmla="val 5929"/>
              </a:avLst>
            </a:prstGeom>
            <a:solidFill>
              <a:schemeClr val="bg1">
                <a:lumMod val="95000"/>
              </a:schemeClr>
            </a:solidFill>
            <a:ln w="3175">
              <a:solidFill>
                <a:schemeClr val="bg1">
                  <a:lumMod val="65000"/>
                </a:schemeClr>
              </a:solidFill>
            </a:ln>
            <a:effectLst>
              <a:outerShdw blurRad="50800" dist="38100" dir="2700000" algn="tl" rotWithShape="0">
                <a:prstClr val="black">
                  <a:alpha val="40000"/>
                </a:prstClr>
              </a:outerShdw>
            </a:effectLst>
          </p:spPr>
          <p:style>
            <a:lnRef idx="3">
              <a:schemeClr val="lt1"/>
            </a:lnRef>
            <a:fillRef idx="1">
              <a:schemeClr val="accent3"/>
            </a:fillRef>
            <a:effectRef idx="1">
              <a:schemeClr val="accent3"/>
            </a:effectRef>
            <a:fontRef idx="minor">
              <a:schemeClr val="lt1"/>
            </a:fontRef>
          </p:style>
          <p:txBody>
            <a:bodyPr wrap="none" lIns="121805" tIns="60905" rIns="121805" bIns="60905" anchor="ctr">
              <a:noAutofit/>
            </a:bodyPr>
            <a:lstStyle/>
            <a:p>
              <a:pPr fontAlgn="ctr">
                <a:buClr>
                  <a:srgbClr val="990000"/>
                </a:buClr>
                <a:buSzPct val="60000"/>
                <a:buFont typeface="Wingdings" pitchFamily="2" charset="2"/>
                <a:buChar char="n"/>
              </a:pPr>
              <a:endParaRPr lang="en-US" altLang="zh-CN" sz="2200" dirty="0">
                <a:solidFill>
                  <a:srgbClr val="FFFFFF"/>
                </a:solidFill>
                <a:latin typeface="Arial" pitchFamily="34" charset="0"/>
                <a:ea typeface="华文细黑" pitchFamily="2" charset="-122"/>
                <a:cs typeface="Arial" pitchFamily="34" charset="0"/>
              </a:endParaRPr>
            </a:p>
          </p:txBody>
        </p:sp>
        <p:sp>
          <p:nvSpPr>
            <p:cNvPr id="213" name="AutoShape 5"/>
            <p:cNvSpPr>
              <a:spLocks noChangeArrowheads="1"/>
            </p:cNvSpPr>
            <p:nvPr/>
          </p:nvSpPr>
          <p:spPr bwMode="gray">
            <a:xfrm>
              <a:off x="468190" y="1991092"/>
              <a:ext cx="1279090" cy="900000"/>
            </a:xfrm>
            <a:prstGeom prst="roundRect">
              <a:avLst>
                <a:gd name="adj" fmla="val 9979"/>
              </a:avLst>
            </a:prstGeom>
            <a:solidFill>
              <a:srgbClr val="C00000"/>
            </a:solidFill>
            <a:ln/>
            <a:effectLst/>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21805" tIns="60905" rIns="121805" bIns="60905" anchor="ctr">
              <a:noAutofit/>
            </a:bodyPr>
            <a:lstStyle/>
            <a:p>
              <a:pPr algn="ctr" fontAlgn="ctr">
                <a:buClr>
                  <a:srgbClr val="990000"/>
                </a:buClr>
                <a:buSzPct val="60000"/>
                <a:defRPr/>
              </a:pPr>
              <a:r>
                <a:rPr lang="en-US" altLang="zh-CN" sz="2400" b="1" dirty="0" smtClean="0">
                  <a:solidFill>
                    <a:schemeClr val="bg1"/>
                  </a:solidFill>
                  <a:latin typeface="Arial" pitchFamily="34" charset="0"/>
                  <a:ea typeface="微软雅黑" pitchFamily="34" charset="-122"/>
                  <a:cs typeface="Arial" pitchFamily="34" charset="0"/>
                </a:rPr>
                <a:t>Wireless</a:t>
              </a:r>
            </a:p>
          </p:txBody>
        </p:sp>
      </p:grpSp>
      <p:grpSp>
        <p:nvGrpSpPr>
          <p:cNvPr id="4" name="组合 221"/>
          <p:cNvGrpSpPr/>
          <p:nvPr/>
        </p:nvGrpSpPr>
        <p:grpSpPr>
          <a:xfrm>
            <a:off x="943399" y="5562233"/>
            <a:ext cx="16071652" cy="1802910"/>
            <a:chOff x="436170" y="3120510"/>
            <a:chExt cx="8172658" cy="901177"/>
          </a:xfrm>
        </p:grpSpPr>
        <p:sp>
          <p:nvSpPr>
            <p:cNvPr id="217" name="AutoShape 4"/>
            <p:cNvSpPr>
              <a:spLocks noChangeArrowheads="1"/>
            </p:cNvSpPr>
            <p:nvPr/>
          </p:nvSpPr>
          <p:spPr bwMode="gray">
            <a:xfrm>
              <a:off x="436170" y="3120510"/>
              <a:ext cx="8172658" cy="900000"/>
            </a:xfrm>
            <a:prstGeom prst="roundRect">
              <a:avLst>
                <a:gd name="adj" fmla="val 5929"/>
              </a:avLst>
            </a:prstGeom>
            <a:solidFill>
              <a:schemeClr val="bg1">
                <a:lumMod val="95000"/>
              </a:schemeClr>
            </a:solidFill>
            <a:ln w="3175">
              <a:solidFill>
                <a:schemeClr val="bg1">
                  <a:lumMod val="65000"/>
                </a:schemeClr>
              </a:solidFill>
            </a:ln>
            <a:effectLst>
              <a:outerShdw blurRad="50800" dist="38100" dir="2700000" algn="tl" rotWithShape="0">
                <a:prstClr val="black">
                  <a:alpha val="40000"/>
                </a:prstClr>
              </a:outerShdw>
            </a:effectLst>
          </p:spPr>
          <p:style>
            <a:lnRef idx="3">
              <a:schemeClr val="lt1"/>
            </a:lnRef>
            <a:fillRef idx="1">
              <a:schemeClr val="accent3"/>
            </a:fillRef>
            <a:effectRef idx="1">
              <a:schemeClr val="accent3"/>
            </a:effectRef>
            <a:fontRef idx="minor">
              <a:schemeClr val="lt1"/>
            </a:fontRef>
          </p:style>
          <p:txBody>
            <a:bodyPr wrap="none" lIns="121805" tIns="60905" rIns="121805" bIns="60905" anchor="ctr">
              <a:noAutofit/>
            </a:bodyPr>
            <a:lstStyle/>
            <a:p>
              <a:pPr fontAlgn="ctr">
                <a:buClr>
                  <a:srgbClr val="990000"/>
                </a:buClr>
                <a:buSzPct val="60000"/>
                <a:buFont typeface="Wingdings" pitchFamily="2" charset="2"/>
                <a:buChar char="n"/>
              </a:pPr>
              <a:endParaRPr lang="en-US" altLang="zh-CN" sz="2200" dirty="0">
                <a:solidFill>
                  <a:srgbClr val="FFFFFF"/>
                </a:solidFill>
                <a:latin typeface="Arial" pitchFamily="34" charset="0"/>
                <a:ea typeface="华文细黑" pitchFamily="2" charset="-122"/>
                <a:cs typeface="Arial" pitchFamily="34" charset="0"/>
              </a:endParaRPr>
            </a:p>
          </p:txBody>
        </p:sp>
        <p:sp>
          <p:nvSpPr>
            <p:cNvPr id="218" name="AutoShape 5"/>
            <p:cNvSpPr>
              <a:spLocks noChangeArrowheads="1"/>
            </p:cNvSpPr>
            <p:nvPr/>
          </p:nvSpPr>
          <p:spPr bwMode="gray">
            <a:xfrm>
              <a:off x="439836" y="3121687"/>
              <a:ext cx="1289724" cy="900000"/>
            </a:xfrm>
            <a:prstGeom prst="roundRect">
              <a:avLst>
                <a:gd name="adj" fmla="val 9979"/>
              </a:avLst>
            </a:prstGeom>
            <a:solidFill>
              <a:srgbClr val="C00000"/>
            </a:solidFill>
            <a:ln/>
            <a:effectLst/>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121805" tIns="60905" rIns="121805" bIns="60905" anchor="ctr">
              <a:noAutofit/>
            </a:bodyPr>
            <a:lstStyle/>
            <a:p>
              <a:pPr algn="ctr" fontAlgn="ctr">
                <a:buClr>
                  <a:srgbClr val="990000"/>
                </a:buClr>
                <a:buSzPct val="60000"/>
                <a:defRPr/>
              </a:pPr>
              <a:r>
                <a:rPr lang="en-US" altLang="zh-CN" sz="2400" b="1" dirty="0" smtClean="0">
                  <a:solidFill>
                    <a:schemeClr val="bg1"/>
                  </a:solidFill>
                  <a:latin typeface="Arial" pitchFamily="34" charset="0"/>
                  <a:ea typeface="微软雅黑" pitchFamily="34" charset="-122"/>
                  <a:cs typeface="Arial" pitchFamily="34" charset="0"/>
                </a:rPr>
                <a:t>Data Center &amp;</a:t>
              </a:r>
            </a:p>
            <a:p>
              <a:pPr algn="ctr" fontAlgn="ctr">
                <a:buClr>
                  <a:srgbClr val="990000"/>
                </a:buClr>
                <a:buSzPct val="60000"/>
                <a:defRPr/>
              </a:pPr>
              <a:r>
                <a:rPr lang="en-US" altLang="zh-CN" sz="2400" b="1" dirty="0" smtClean="0">
                  <a:solidFill>
                    <a:schemeClr val="bg1"/>
                  </a:solidFill>
                  <a:latin typeface="Arial" pitchFamily="34" charset="0"/>
                  <a:ea typeface="微软雅黑" pitchFamily="34" charset="-122"/>
                  <a:cs typeface="Arial" pitchFamily="34" charset="0"/>
                </a:rPr>
                <a:t>Cloud</a:t>
              </a:r>
            </a:p>
          </p:txBody>
        </p:sp>
      </p:grpSp>
      <p:grpSp>
        <p:nvGrpSpPr>
          <p:cNvPr id="5" name="组合 220"/>
          <p:cNvGrpSpPr/>
          <p:nvPr/>
        </p:nvGrpSpPr>
        <p:grpSpPr>
          <a:xfrm>
            <a:off x="943399" y="7483766"/>
            <a:ext cx="16071652" cy="1802910"/>
            <a:chOff x="386551" y="4102250"/>
            <a:chExt cx="8172658" cy="901177"/>
          </a:xfrm>
        </p:grpSpPr>
        <p:sp>
          <p:nvSpPr>
            <p:cNvPr id="219" name="AutoShape 4"/>
            <p:cNvSpPr>
              <a:spLocks noChangeArrowheads="1"/>
            </p:cNvSpPr>
            <p:nvPr/>
          </p:nvSpPr>
          <p:spPr bwMode="gray">
            <a:xfrm>
              <a:off x="386551" y="4102250"/>
              <a:ext cx="8172658" cy="900000"/>
            </a:xfrm>
            <a:prstGeom prst="roundRect">
              <a:avLst>
                <a:gd name="adj" fmla="val 5929"/>
              </a:avLst>
            </a:prstGeom>
            <a:solidFill>
              <a:schemeClr val="bg1">
                <a:lumMod val="95000"/>
              </a:schemeClr>
            </a:solidFill>
            <a:ln w="3175">
              <a:solidFill>
                <a:schemeClr val="bg1">
                  <a:lumMod val="65000"/>
                </a:schemeClr>
              </a:solidFill>
            </a:ln>
            <a:effectLst>
              <a:outerShdw blurRad="50800" dist="38100" dir="2700000" algn="tl" rotWithShape="0">
                <a:prstClr val="black">
                  <a:alpha val="40000"/>
                </a:prstClr>
              </a:outerShdw>
            </a:effectLst>
          </p:spPr>
          <p:style>
            <a:lnRef idx="3">
              <a:schemeClr val="lt1"/>
            </a:lnRef>
            <a:fillRef idx="1">
              <a:schemeClr val="accent3"/>
            </a:fillRef>
            <a:effectRef idx="1">
              <a:schemeClr val="accent3"/>
            </a:effectRef>
            <a:fontRef idx="minor">
              <a:schemeClr val="lt1"/>
            </a:fontRef>
          </p:style>
          <p:txBody>
            <a:bodyPr wrap="none" lIns="121805" tIns="60905" rIns="121805" bIns="60905" anchor="ctr">
              <a:noAutofit/>
            </a:bodyPr>
            <a:lstStyle/>
            <a:p>
              <a:pPr fontAlgn="ctr">
                <a:buClr>
                  <a:srgbClr val="990000"/>
                </a:buClr>
                <a:buSzPct val="60000"/>
                <a:buFont typeface="Wingdings" pitchFamily="2" charset="2"/>
                <a:buChar char="n"/>
              </a:pPr>
              <a:endParaRPr lang="en-US" altLang="zh-CN" sz="1000" dirty="0">
                <a:solidFill>
                  <a:srgbClr val="FFFFFF"/>
                </a:solidFill>
                <a:latin typeface="Arial" pitchFamily="34" charset="0"/>
                <a:ea typeface="华文细黑" pitchFamily="2" charset="-122"/>
                <a:cs typeface="Arial" pitchFamily="34" charset="0"/>
              </a:endParaRPr>
            </a:p>
          </p:txBody>
        </p:sp>
        <p:sp>
          <p:nvSpPr>
            <p:cNvPr id="220" name="AutoShape 5"/>
            <p:cNvSpPr>
              <a:spLocks noChangeArrowheads="1"/>
            </p:cNvSpPr>
            <p:nvPr/>
          </p:nvSpPr>
          <p:spPr bwMode="gray">
            <a:xfrm>
              <a:off x="390216" y="4103427"/>
              <a:ext cx="1289725" cy="900000"/>
            </a:xfrm>
            <a:prstGeom prst="roundRect">
              <a:avLst>
                <a:gd name="adj" fmla="val 9979"/>
              </a:avLst>
            </a:prstGeom>
            <a:solidFill>
              <a:srgbClr val="C00000"/>
            </a:solidFill>
            <a:ln/>
            <a:effectLst/>
            <a:scene3d>
              <a:camera prst="orthographicFront">
                <a:rot lat="0" lon="0" rev="0"/>
              </a:camera>
              <a:lightRig rig="threePt" dir="t">
                <a:rot lat="0" lon="0" rev="1200000"/>
              </a:lightRig>
            </a:scene3d>
            <a:sp3d/>
          </p:spPr>
          <p:style>
            <a:lnRef idx="0">
              <a:schemeClr val="accent1"/>
            </a:lnRef>
            <a:fillRef idx="3">
              <a:schemeClr val="accent1"/>
            </a:fillRef>
            <a:effectRef idx="3">
              <a:schemeClr val="accent1"/>
            </a:effectRef>
            <a:fontRef idx="minor">
              <a:schemeClr val="lt1"/>
            </a:fontRef>
          </p:style>
          <p:txBody>
            <a:bodyPr wrap="square" lIns="0" tIns="60905" rIns="0" bIns="60905" anchor="ctr">
              <a:noAutofit/>
            </a:bodyPr>
            <a:lstStyle/>
            <a:p>
              <a:pPr algn="ctr" fontAlgn="ctr">
                <a:buClr>
                  <a:srgbClr val="990000"/>
                </a:buClr>
                <a:buSzPct val="60000"/>
                <a:defRPr/>
              </a:pPr>
              <a:r>
                <a:rPr lang="en-US" altLang="zh-CN" sz="2400" b="1" dirty="0" smtClean="0">
                  <a:solidFill>
                    <a:schemeClr val="bg1"/>
                  </a:solidFill>
                  <a:latin typeface="Arial" pitchFamily="34" charset="0"/>
                  <a:ea typeface="微软雅黑" pitchFamily="34" charset="-122"/>
                  <a:cs typeface="Arial" pitchFamily="34" charset="0"/>
                </a:rPr>
                <a:t>Unified Communication &amp;</a:t>
              </a:r>
            </a:p>
            <a:p>
              <a:pPr algn="ctr" fontAlgn="ctr">
                <a:buClr>
                  <a:srgbClr val="990000"/>
                </a:buClr>
                <a:buSzPct val="60000"/>
                <a:defRPr/>
              </a:pPr>
              <a:r>
                <a:rPr lang="en-US" altLang="zh-CN" sz="2400" b="1" dirty="0" smtClean="0">
                  <a:solidFill>
                    <a:schemeClr val="bg1"/>
                  </a:solidFill>
                  <a:latin typeface="Arial" pitchFamily="34" charset="0"/>
                  <a:ea typeface="微软雅黑" pitchFamily="34" charset="-122"/>
                  <a:cs typeface="Arial" pitchFamily="34" charset="0"/>
                </a:rPr>
                <a:t>Collaboration</a:t>
              </a:r>
            </a:p>
          </p:txBody>
        </p:sp>
      </p:grpSp>
      <p:sp>
        <p:nvSpPr>
          <p:cNvPr id="6146" name="DtsShapeName" descr="EUR03B6251125B8@@92@3ED383ECBCD80;06A;;0=;=F11041632!!!BIHO@]f110416321@0C99@@110B325D7E703101电担览粹)釜士烹亨(!W0/6过衙/qqu!!!!!!!!!!!!!!!!!!!!!!!!!!!!!!!!!!!!!!!!!!!!!!!!!!!!!!!!!!!!!!!!!!!!!!!!!!!!!!!!!!!!!!!!!!!!!!!!!!!!!!!!!!!!!!!!!!!!!!!!!!!!!!!!!!!!!!!!!!!!!!!!!!!!!!!!!!!!!!!!!!!!!!!!!!!!!!!!!!!!!!!!!!!!!!!!!!!!!!!!!!!!!!!!!!!!!!!!!!!!!!!!!!!!!!!!!!!!!!!!!!!!!!!!!!!!!!!!!!!!!!!!!!!!!!!!!!!!!!!!!!!!!!!!!!!!!!!!!!!!!!!!!!!!!!!!!!!!!!!!!!!!!!!!!!!!!!!!!!!!!!!!!!!!!!!!!!!!!!!!!!!!!!!!!!!!!!!!!!!!!!!!!!!!!!!!!!!!!!!!!!!!!!!!!!!!!!!!!!!!!!!!!!!!!!!!!!!!!!!!!!!!!!!!!!!!!!!!!!!!!!!!!!!!!!!!!!!!!!!!!!!!!!!!!!!!!!!!!!!!!!!!!!!!!!!!!!!!!!!!!!!!!!!!!!!!!!!!!!!!!!!!!!!!!!!!!!!!!!!!!!!!!!!!!!!!!!!!!!!!!!!!!!!!!!!!!!!!!!!!!!!!!!!!!!!!!!!!!!!!!!!!!!!!!!!!!!!!!!!!!!!!!!!!!!!!!!!!!!!!!!!!!!!!!!!!!!!!!!!!!!!!!!!!!!!!!!!!!!!!!!!!!!!!!!!!!!!!!!!!!!!!!!!!!!!!!!!!!!!!!!!!!!!!!!!!!!!!!!!!!!!!!!!!!!!!!!!!!!!!!!!!!!!!!!!!!!!!!!!!!!!!!!!!!!!!!!!!!!!!!!!!!!!!!!!!!!!!!!!!!!!!!!!!!!!!!!!!!!!!!!!!!!!!!!!!!!!!!!!!!!!!!!!!!!!!!!!!!!!!!!!!!!!!!!!!!!!!!!!!!!!!!!!!!!!!!!!!!!!!!!!!!!!!!!!!!!!!!!!!!!!!!!!!!!!!!!!!!!!!!!!!!!!!!!!!!!!!!!!!!!!!!!!!!!!!!!!!!!!!!!!!!!!!!!!!!!!!!!!!!!!!!!!!!!!!!!!!!!!!!!!!!!!!!!!!!!!!!!!!!!!!!!!!!!!!!!!!!!!!!!!!!!!!!!!!!!!!!!!!!!!!!!!!!!!!!!!!!!!!!!!!!!!!!!!!!!!!!!!!!!!!!!!!!!!!!!!!!!!!!!!!!!!!!!!!!!!!!!!!!!!!!!!!!!!!!!!!!!!!!!!!!!!!!!!!!!!!!!!!!!!!!!!!!!!!!!!!!!!!!!!!!!!!!!!!!!!!!!!!!!!!!!!!!!!!!!!!!!!!!!!!!!!!!!!!!!!!!!!!!!!!!!!!!!!!!!!!!!!!!!!!!!!!!!!!!!!!!!!!!!!!!!!!!!!!!!!!!!!!!!!!!!!!!!!!!!!!!!!!!!!!!!!!!!!!!!!!!!!!!!!!!!!!!!!!!!!!!!!!!!!!!!!!!!!!!!!!!!!!!!!!!!!!!!!!!!!!!!!!!!!!!!!!!!!!!!!!!!!!!!!!!!!!!!!!!!!!!!!!!!!!!!!!!!!!!!!!!!!!!!!!!!!!!!!!!!!!!!!!!!!!!!!!!!!!!!!!!!!!!!!!!!!!!!!!!!!!!!!!!!!!!!!!!!!!!!!!!!!!!!!!!!!!!!!!!!!!!!!!!!!!!!!!!!!!!!!!!!!!!!!!!!!!!!!!!!!!!!!!!!!!!!!!!!!!!!!!!!!!!!!!!!!!!!!!!!!!!!!!!!!!!!!!!!!!!!!!!!!!!!!!!!!!!!!!!!!!!!!!!!!!!!!!!!!!!!!!!!!!!!!!!!!!!!!!!!!!!!!!!!!!!!!!!!!!!!!!!!!!!!!!!!!!!!!!!!!!!!!!!!!!!!!!!!!!!!!!!!!!!!!!!!!!!!!!!!!!!!!!!!!!!!!!!!!!!!!!!!!!!!!!!!!!!!!!!!!!!!!!!!!!!!!!!!!!!!!!!!!!!!!!!!!!!!!!!!!!!!!!!!!!!!!!!!!!!!!!!!!!!!!!!!!!!!!!!!!!!!!!!!!!!!!!!!!!!!!!!!!!!!!!!!!!!!!!!!!!!!!!!!!!!!!!!!!!!!!!!!!!!!!!!!!!!!!!!!!!!!!!!!!!!!!!!!!!!!!!!!!!!!!!!!!!!!!!!!!!!!!!!!!!!!!!!!!!!!!!!!!!!!!!!!!!!!!!!!!!!!!!!!!!!!!!!!!!!!!!!!!!!!!!!!!!!!!!!!!!!!!!!!!!!!!!!!!!!!!!!!!!!!!!!!!!!!!!!!!!!!!!!!!!!!!!!!!!!!!!!!!!!!!!!!!!!!!!!!!!!!!!!!!!!!!!!!!!!!!!!!!!!!!!!!!!!!!!!!!!!!!!!!!!!!!!1!1" hidden="1"/>
          <p:cNvSpPr>
            <a:spLocks noChangeArrowheads="1"/>
          </p:cNvSpPr>
          <p:nvPr/>
        </p:nvSpPr>
        <p:spPr bwMode="auto">
          <a:xfrm>
            <a:off x="0" y="17"/>
            <a:ext cx="3177" cy="2383"/>
          </a:xfrm>
          <a:custGeom>
            <a:avLst/>
            <a:gdLst>
              <a:gd name="T0" fmla="*/ 0 w 21600"/>
              <a:gd name="T1" fmla="*/ 0 h 21600"/>
              <a:gd name="T2" fmla="*/ 0 w 21600"/>
              <a:gd name="T3" fmla="*/ 0 h 21600"/>
              <a:gd name="T4" fmla="*/ 0 w 21600"/>
              <a:gd name="T5" fmla="*/ 0 h 21600"/>
              <a:gd name="T6" fmla="*/ 0 w 21600"/>
              <a:gd name="T7" fmla="*/ 0 h 21600"/>
              <a:gd name="T8" fmla="*/ 17694720 60000 65536"/>
              <a:gd name="T9" fmla="*/ 11796480 60000 65536"/>
              <a:gd name="T10" fmla="*/ 5898240 60000 65536"/>
              <a:gd name="T11" fmla="*/ 0 60000 65536"/>
              <a:gd name="T12" fmla="*/ 5033 w 21600"/>
              <a:gd name="T13" fmla="*/ 2272 h 21600"/>
              <a:gd name="T14" fmla="*/ 16554 w 21600"/>
              <a:gd name="T15" fmla="*/ 13684 h 21600"/>
            </a:gdLst>
            <a:ahLst/>
            <a:cxnLst>
              <a:cxn ang="T8">
                <a:pos x="T0" y="T1"/>
              </a:cxn>
              <a:cxn ang="T9">
                <a:pos x="T2" y="T3"/>
              </a:cxn>
              <a:cxn ang="T10">
                <a:pos x="T4" y="T5"/>
              </a:cxn>
              <a:cxn ang="T11">
                <a:pos x="T6" y="T7"/>
              </a:cxn>
            </a:cxnLst>
            <a:rect l="T12" t="T13" r="T14" b="T15"/>
            <a:pathLst>
              <a:path w="21600" h="21600">
                <a:moveTo>
                  <a:pt x="10860" y="2187"/>
                </a:moveTo>
                <a:cubicBezTo>
                  <a:pt x="10451" y="1746"/>
                  <a:pt x="9529" y="1018"/>
                  <a:pt x="9015" y="730"/>
                </a:cubicBezTo>
                <a:cubicBezTo>
                  <a:pt x="7865" y="152"/>
                  <a:pt x="6685" y="0"/>
                  <a:pt x="5415" y="0"/>
                </a:cubicBezTo>
                <a:cubicBezTo>
                  <a:pt x="4175" y="152"/>
                  <a:pt x="2995" y="575"/>
                  <a:pt x="1967" y="1305"/>
                </a:cubicBezTo>
                <a:cubicBezTo>
                  <a:pt x="1150" y="2187"/>
                  <a:pt x="575" y="3222"/>
                  <a:pt x="242" y="4220"/>
                </a:cubicBezTo>
                <a:cubicBezTo>
                  <a:pt x="0" y="5410"/>
                  <a:pt x="242" y="6560"/>
                  <a:pt x="575" y="7597"/>
                </a:cubicBezTo>
                <a:lnTo>
                  <a:pt x="10860" y="21600"/>
                </a:lnTo>
                <a:lnTo>
                  <a:pt x="20995" y="7597"/>
                </a:lnTo>
                <a:cubicBezTo>
                  <a:pt x="21480" y="6560"/>
                  <a:pt x="21600" y="5410"/>
                  <a:pt x="21480" y="4220"/>
                </a:cubicBezTo>
                <a:cubicBezTo>
                  <a:pt x="21115" y="3222"/>
                  <a:pt x="20420" y="2187"/>
                  <a:pt x="19632" y="1305"/>
                </a:cubicBezTo>
                <a:cubicBezTo>
                  <a:pt x="18575" y="575"/>
                  <a:pt x="17425" y="152"/>
                  <a:pt x="16275" y="0"/>
                </a:cubicBezTo>
                <a:cubicBezTo>
                  <a:pt x="15005" y="0"/>
                  <a:pt x="13735" y="152"/>
                  <a:pt x="12705" y="730"/>
                </a:cubicBezTo>
                <a:cubicBezTo>
                  <a:pt x="12176" y="1018"/>
                  <a:pt x="11254" y="1746"/>
                  <a:pt x="10860" y="2187"/>
                </a:cubicBezTo>
                <a:close/>
              </a:path>
            </a:pathLst>
          </a:custGeom>
          <a:solidFill>
            <a:schemeClr val="accent1"/>
          </a:solidFill>
          <a:ln w="9525">
            <a:solidFill>
              <a:schemeClr val="tx1"/>
            </a:solidFill>
            <a:miter lim="800000"/>
            <a:headEnd/>
            <a:tailEnd/>
          </a:ln>
        </p:spPr>
        <p:txBody>
          <a:bodyPr wrap="none" lIns="137075" tIns="68538" rIns="137075" bIns="68538" anchor="ctr"/>
          <a:lstStyle/>
          <a:p>
            <a:endParaRPr lang="zh-CN" altLang="en-US">
              <a:solidFill>
                <a:srgbClr val="000000"/>
              </a:solidFill>
            </a:endParaRPr>
          </a:p>
        </p:txBody>
      </p:sp>
      <p:sp>
        <p:nvSpPr>
          <p:cNvPr id="103" name="Title 2"/>
          <p:cNvSpPr txBox="1">
            <a:spLocks/>
          </p:cNvSpPr>
          <p:nvPr/>
        </p:nvSpPr>
        <p:spPr>
          <a:xfrm>
            <a:off x="758200" y="582905"/>
            <a:ext cx="17222449" cy="942845"/>
          </a:xfrm>
          <a:prstGeom prst="rect">
            <a:avLst/>
          </a:prstGeom>
        </p:spPr>
        <p:txBody>
          <a:bodyPr lIns="182845" tIns="91422" rIns="182845" bIns="91422"/>
          <a:lstStyle/>
          <a:p>
            <a:pPr eaLnBrk="0" hangingPunct="0">
              <a:defRPr/>
            </a:pPr>
            <a:r>
              <a:rPr lang="en-US" altLang="zh-CN" sz="4800" b="1" dirty="0" smtClean="0">
                <a:solidFill>
                  <a:srgbClr val="990000"/>
                </a:solidFill>
                <a:latin typeface="Arial" pitchFamily="34" charset="0"/>
                <a:ea typeface="黑体" pitchFamily="2" charset="-122"/>
                <a:cs typeface="Arial" pitchFamily="34" charset="0"/>
              </a:rPr>
              <a:t>Progressing as Planned By Technology Segments</a:t>
            </a:r>
          </a:p>
        </p:txBody>
      </p:sp>
      <p:grpSp>
        <p:nvGrpSpPr>
          <p:cNvPr id="6" name="组合 244"/>
          <p:cNvGrpSpPr/>
          <p:nvPr/>
        </p:nvGrpSpPr>
        <p:grpSpPr>
          <a:xfrm>
            <a:off x="12763390" y="5745754"/>
            <a:ext cx="4248685" cy="1112017"/>
            <a:chOff x="6486917" y="3040923"/>
            <a:chExt cx="2123974" cy="555837"/>
          </a:xfrm>
        </p:grpSpPr>
        <p:sp>
          <p:nvSpPr>
            <p:cNvPr id="696" name="Content Placeholder 3"/>
            <p:cNvSpPr txBox="1">
              <a:spLocks/>
            </p:cNvSpPr>
            <p:nvPr/>
          </p:nvSpPr>
          <p:spPr>
            <a:xfrm>
              <a:off x="7008839" y="3040923"/>
              <a:ext cx="1602052" cy="555837"/>
            </a:xfrm>
            <a:prstGeom prst="rect">
              <a:avLst/>
            </a:prstGeom>
          </p:spPr>
          <p:txBody>
            <a:bodyPr lIns="68544" tIns="34272" rIns="68544" bIns="34272"/>
            <a:lstStyle/>
            <a:p>
              <a:pPr eaLnBrk="0" hangingPunct="0">
                <a:spcAft>
                  <a:spcPts val="400"/>
                </a:spcAft>
                <a:buClr>
                  <a:srgbClr val="777777"/>
                </a:buClr>
                <a:buSzPct val="60000"/>
                <a:defRPr/>
              </a:pPr>
              <a:r>
                <a:rPr lang="en-US" altLang="zh-CN" b="1" kern="0" dirty="0" smtClean="0">
                  <a:latin typeface="Arial" pitchFamily="34" charset="0"/>
                  <a:ea typeface="微软雅黑" pitchFamily="34" charset="-122"/>
                  <a:cs typeface="Arial" pitchFamily="34" charset="0"/>
                </a:rPr>
                <a:t>Data center:</a:t>
              </a:r>
            </a:p>
            <a:p>
              <a:pPr eaLnBrk="0" hangingPunct="0">
                <a:spcAft>
                  <a:spcPts val="400"/>
                </a:spcAft>
                <a:buClr>
                  <a:srgbClr val="777777"/>
                </a:buClr>
                <a:buSzPct val="60000"/>
                <a:defRPr/>
              </a:pPr>
              <a:r>
                <a:rPr lang="en-US" altLang="zh-CN" kern="0" dirty="0" smtClean="0">
                  <a:solidFill>
                    <a:srgbClr val="FF0000"/>
                  </a:solidFill>
                  <a:latin typeface="Arial" pitchFamily="34" charset="0"/>
                  <a:ea typeface="微软雅黑" pitchFamily="34" charset="-122"/>
                  <a:cs typeface="Arial" pitchFamily="34" charset="0"/>
                </a:rPr>
                <a:t>400+ </a:t>
              </a:r>
              <a:r>
                <a:rPr lang="en-US" altLang="zh-CN" kern="0" dirty="0" smtClean="0">
                  <a:solidFill>
                    <a:srgbClr val="000000">
                      <a:lumMod val="75000"/>
                      <a:lumOff val="25000"/>
                    </a:srgbClr>
                  </a:solidFill>
                  <a:latin typeface="Arial" pitchFamily="34" charset="0"/>
                  <a:ea typeface="微软雅黑" pitchFamily="34" charset="-122"/>
                  <a:cs typeface="Arial" pitchFamily="34" charset="0"/>
                </a:rPr>
                <a:t>DC</a:t>
              </a:r>
            </a:p>
            <a:p>
              <a:pPr eaLnBrk="0" hangingPunct="0">
                <a:spcAft>
                  <a:spcPts val="400"/>
                </a:spcAft>
                <a:buClr>
                  <a:srgbClr val="777777"/>
                </a:buClr>
                <a:buSzPct val="60000"/>
                <a:defRPr/>
              </a:pPr>
              <a:r>
                <a:rPr lang="en-US" altLang="zh-CN" kern="0" dirty="0" smtClean="0">
                  <a:solidFill>
                    <a:srgbClr val="000000">
                      <a:lumMod val="75000"/>
                      <a:lumOff val="25000"/>
                    </a:srgbClr>
                  </a:solidFill>
                  <a:latin typeface="Arial" pitchFamily="34" charset="0"/>
                  <a:ea typeface="微软雅黑" pitchFamily="34" charset="-122"/>
                  <a:cs typeface="Arial" pitchFamily="34" charset="0"/>
                </a:rPr>
                <a:t>(</a:t>
              </a:r>
              <a:r>
                <a:rPr lang="en-US" altLang="zh-CN" kern="0" dirty="0" smtClean="0">
                  <a:solidFill>
                    <a:srgbClr val="C00000"/>
                  </a:solidFill>
                  <a:latin typeface="Arial" pitchFamily="34" charset="0"/>
                  <a:ea typeface="微软雅黑" pitchFamily="34" charset="-122"/>
                  <a:cs typeface="Arial" pitchFamily="34" charset="0"/>
                </a:rPr>
                <a:t>120</a:t>
              </a:r>
              <a:r>
                <a:rPr lang="en-US" altLang="zh-CN" kern="0" dirty="0" smtClean="0">
                  <a:solidFill>
                    <a:srgbClr val="000000">
                      <a:lumMod val="75000"/>
                      <a:lumOff val="25000"/>
                    </a:srgbClr>
                  </a:solidFill>
                  <a:latin typeface="Arial" pitchFamily="34" charset="0"/>
                  <a:ea typeface="微软雅黑" pitchFamily="34" charset="-122"/>
                  <a:cs typeface="Arial" pitchFamily="34" charset="0"/>
                </a:rPr>
                <a:t>cloud DC) </a:t>
              </a:r>
            </a:p>
            <a:p>
              <a:pPr defTabSz="1828434"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p:txBody>
        </p:sp>
        <p:grpSp>
          <p:nvGrpSpPr>
            <p:cNvPr id="7" name="组合 1193"/>
            <p:cNvGrpSpPr/>
            <p:nvPr/>
          </p:nvGrpSpPr>
          <p:grpSpPr>
            <a:xfrm>
              <a:off x="6486917" y="3073325"/>
              <a:ext cx="500968" cy="491035"/>
              <a:chOff x="9500281" y="2975740"/>
              <a:chExt cx="500968" cy="491035"/>
            </a:xfrm>
          </p:grpSpPr>
          <p:sp>
            <p:nvSpPr>
              <p:cNvPr id="1063" name="圆角矩形 1062"/>
              <p:cNvSpPr/>
              <p:nvPr/>
            </p:nvSpPr>
            <p:spPr bwMode="auto">
              <a:xfrm>
                <a:off x="9500281" y="2975740"/>
                <a:ext cx="500968" cy="491035"/>
              </a:xfrm>
              <a:prstGeom prst="roundRect">
                <a:avLst/>
              </a:prstGeom>
              <a:solidFill>
                <a:schemeClr val="bg1">
                  <a:lumMod val="50000"/>
                </a:schemeClr>
              </a:solidFill>
              <a:ln w="12700">
                <a:noFill/>
              </a:ln>
              <a:effectLst/>
            </p:spPr>
            <p:txBody>
              <a:bodyPr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sp>
            <p:nvSpPr>
              <p:cNvPr id="1062" name="Freeform 20"/>
              <p:cNvSpPr>
                <a:spLocks noEditPoints="1"/>
              </p:cNvSpPr>
              <p:nvPr/>
            </p:nvSpPr>
            <p:spPr bwMode="auto">
              <a:xfrm>
                <a:off x="9569096" y="3058785"/>
                <a:ext cx="383852" cy="326209"/>
              </a:xfrm>
              <a:custGeom>
                <a:avLst/>
                <a:gdLst/>
                <a:ahLst/>
                <a:cxnLst>
                  <a:cxn ang="0">
                    <a:pos x="302" y="2"/>
                  </a:cxn>
                  <a:cxn ang="0">
                    <a:pos x="376" y="32"/>
                  </a:cxn>
                  <a:cxn ang="0">
                    <a:pos x="428" y="88"/>
                  </a:cxn>
                  <a:cxn ang="0">
                    <a:pos x="448" y="112"/>
                  </a:cxn>
                  <a:cxn ang="0">
                    <a:pos x="476" y="114"/>
                  </a:cxn>
                  <a:cxn ang="0">
                    <a:pos x="514" y="128"/>
                  </a:cxn>
                  <a:cxn ang="0">
                    <a:pos x="546" y="152"/>
                  </a:cxn>
                  <a:cxn ang="0">
                    <a:pos x="570" y="186"/>
                  </a:cxn>
                  <a:cxn ang="0">
                    <a:pos x="584" y="224"/>
                  </a:cxn>
                  <a:cxn ang="0">
                    <a:pos x="586" y="252"/>
                  </a:cxn>
                  <a:cxn ang="0">
                    <a:pos x="580" y="294"/>
                  </a:cxn>
                  <a:cxn ang="0">
                    <a:pos x="562" y="330"/>
                  </a:cxn>
                  <a:cxn ang="0">
                    <a:pos x="536" y="360"/>
                  </a:cxn>
                  <a:cxn ang="0">
                    <a:pos x="502" y="380"/>
                  </a:cxn>
                  <a:cxn ang="0">
                    <a:pos x="462" y="390"/>
                  </a:cxn>
                  <a:cxn ang="0">
                    <a:pos x="442" y="158"/>
                  </a:cxn>
                  <a:cxn ang="0">
                    <a:pos x="116" y="392"/>
                  </a:cxn>
                  <a:cxn ang="0">
                    <a:pos x="92" y="388"/>
                  </a:cxn>
                  <a:cxn ang="0">
                    <a:pos x="34" y="358"/>
                  </a:cxn>
                  <a:cxn ang="0">
                    <a:pos x="2" y="298"/>
                  </a:cxn>
                  <a:cxn ang="0">
                    <a:pos x="0" y="274"/>
                  </a:cxn>
                  <a:cxn ang="0">
                    <a:pos x="16" y="216"/>
                  </a:cxn>
                  <a:cxn ang="0">
                    <a:pos x="58" y="174"/>
                  </a:cxn>
                  <a:cxn ang="0">
                    <a:pos x="98" y="160"/>
                  </a:cxn>
                  <a:cxn ang="0">
                    <a:pos x="110" y="112"/>
                  </a:cxn>
                  <a:cxn ang="0">
                    <a:pos x="134" y="70"/>
                  </a:cxn>
                  <a:cxn ang="0">
                    <a:pos x="168" y="36"/>
                  </a:cxn>
                  <a:cxn ang="0">
                    <a:pos x="210" y="14"/>
                  </a:cxn>
                  <a:cxn ang="0">
                    <a:pos x="258" y="2"/>
                  </a:cxn>
                  <a:cxn ang="0">
                    <a:pos x="180" y="262"/>
                  </a:cxn>
                  <a:cxn ang="0">
                    <a:pos x="180" y="284"/>
                  </a:cxn>
                  <a:cxn ang="0">
                    <a:pos x="180" y="226"/>
                  </a:cxn>
                  <a:cxn ang="0">
                    <a:pos x="180" y="248"/>
                  </a:cxn>
                  <a:cxn ang="0">
                    <a:pos x="180" y="190"/>
                  </a:cxn>
                  <a:cxn ang="0">
                    <a:pos x="180" y="210"/>
                  </a:cxn>
                  <a:cxn ang="0">
                    <a:pos x="160" y="172"/>
                  </a:cxn>
                  <a:cxn ang="0">
                    <a:pos x="160" y="424"/>
                  </a:cxn>
                  <a:cxn ang="0">
                    <a:pos x="448" y="488"/>
                  </a:cxn>
                  <a:cxn ang="0">
                    <a:pos x="448" y="470"/>
                  </a:cxn>
                  <a:cxn ang="0">
                    <a:pos x="194" y="488"/>
                  </a:cxn>
                  <a:cxn ang="0">
                    <a:pos x="194" y="470"/>
                  </a:cxn>
                  <a:cxn ang="0">
                    <a:pos x="336" y="488"/>
                  </a:cxn>
                  <a:cxn ang="0">
                    <a:pos x="336" y="470"/>
                  </a:cxn>
                  <a:cxn ang="0">
                    <a:pos x="374" y="462"/>
                  </a:cxn>
                  <a:cxn ang="0">
                    <a:pos x="342" y="498"/>
                  </a:cxn>
                  <a:cxn ang="0">
                    <a:pos x="354" y="434"/>
                  </a:cxn>
                  <a:cxn ang="0">
                    <a:pos x="374" y="462"/>
                  </a:cxn>
                  <a:cxn ang="0">
                    <a:pos x="244" y="498"/>
                  </a:cxn>
                  <a:cxn ang="0">
                    <a:pos x="214" y="462"/>
                  </a:cxn>
                  <a:cxn ang="0">
                    <a:pos x="232" y="462"/>
                  </a:cxn>
                  <a:cxn ang="0">
                    <a:pos x="408" y="262"/>
                  </a:cxn>
                  <a:cxn ang="0">
                    <a:pos x="320" y="262"/>
                  </a:cxn>
                  <a:cxn ang="0">
                    <a:pos x="408" y="226"/>
                  </a:cxn>
                  <a:cxn ang="0">
                    <a:pos x="320" y="226"/>
                  </a:cxn>
                  <a:cxn ang="0">
                    <a:pos x="408" y="190"/>
                  </a:cxn>
                  <a:cxn ang="0">
                    <a:pos x="320" y="190"/>
                  </a:cxn>
                  <a:cxn ang="0">
                    <a:pos x="426" y="172"/>
                  </a:cxn>
                  <a:cxn ang="0">
                    <a:pos x="302" y="172"/>
                  </a:cxn>
                </a:cxnLst>
                <a:rect l="0" t="0" r="r" b="b"/>
                <a:pathLst>
                  <a:path w="586" h="498">
                    <a:moveTo>
                      <a:pt x="274" y="0"/>
                    </a:moveTo>
                    <a:lnTo>
                      <a:pt x="274" y="0"/>
                    </a:lnTo>
                    <a:lnTo>
                      <a:pt x="302" y="2"/>
                    </a:lnTo>
                    <a:lnTo>
                      <a:pt x="328" y="10"/>
                    </a:lnTo>
                    <a:lnTo>
                      <a:pt x="354" y="18"/>
                    </a:lnTo>
                    <a:lnTo>
                      <a:pt x="376" y="32"/>
                    </a:lnTo>
                    <a:lnTo>
                      <a:pt x="396" y="48"/>
                    </a:lnTo>
                    <a:lnTo>
                      <a:pt x="414" y="68"/>
                    </a:lnTo>
                    <a:lnTo>
                      <a:pt x="428" y="88"/>
                    </a:lnTo>
                    <a:lnTo>
                      <a:pt x="440" y="112"/>
                    </a:lnTo>
                    <a:lnTo>
                      <a:pt x="440" y="112"/>
                    </a:lnTo>
                    <a:lnTo>
                      <a:pt x="448" y="112"/>
                    </a:lnTo>
                    <a:lnTo>
                      <a:pt x="448" y="112"/>
                    </a:lnTo>
                    <a:lnTo>
                      <a:pt x="462" y="112"/>
                    </a:lnTo>
                    <a:lnTo>
                      <a:pt x="476" y="114"/>
                    </a:lnTo>
                    <a:lnTo>
                      <a:pt x="488" y="118"/>
                    </a:lnTo>
                    <a:lnTo>
                      <a:pt x="502" y="124"/>
                    </a:lnTo>
                    <a:lnTo>
                      <a:pt x="514" y="128"/>
                    </a:lnTo>
                    <a:lnTo>
                      <a:pt x="526" y="136"/>
                    </a:lnTo>
                    <a:lnTo>
                      <a:pt x="536" y="144"/>
                    </a:lnTo>
                    <a:lnTo>
                      <a:pt x="546" y="152"/>
                    </a:lnTo>
                    <a:lnTo>
                      <a:pt x="554" y="162"/>
                    </a:lnTo>
                    <a:lnTo>
                      <a:pt x="562" y="174"/>
                    </a:lnTo>
                    <a:lnTo>
                      <a:pt x="570" y="186"/>
                    </a:lnTo>
                    <a:lnTo>
                      <a:pt x="576" y="198"/>
                    </a:lnTo>
                    <a:lnTo>
                      <a:pt x="580" y="210"/>
                    </a:lnTo>
                    <a:lnTo>
                      <a:pt x="584" y="224"/>
                    </a:lnTo>
                    <a:lnTo>
                      <a:pt x="586" y="238"/>
                    </a:lnTo>
                    <a:lnTo>
                      <a:pt x="586" y="252"/>
                    </a:lnTo>
                    <a:lnTo>
                      <a:pt x="586" y="252"/>
                    </a:lnTo>
                    <a:lnTo>
                      <a:pt x="586" y="266"/>
                    </a:lnTo>
                    <a:lnTo>
                      <a:pt x="584" y="280"/>
                    </a:lnTo>
                    <a:lnTo>
                      <a:pt x="580" y="294"/>
                    </a:lnTo>
                    <a:lnTo>
                      <a:pt x="576" y="306"/>
                    </a:lnTo>
                    <a:lnTo>
                      <a:pt x="570" y="318"/>
                    </a:lnTo>
                    <a:lnTo>
                      <a:pt x="562" y="330"/>
                    </a:lnTo>
                    <a:lnTo>
                      <a:pt x="554" y="340"/>
                    </a:lnTo>
                    <a:lnTo>
                      <a:pt x="546" y="350"/>
                    </a:lnTo>
                    <a:lnTo>
                      <a:pt x="536" y="360"/>
                    </a:lnTo>
                    <a:lnTo>
                      <a:pt x="526" y="368"/>
                    </a:lnTo>
                    <a:lnTo>
                      <a:pt x="514" y="374"/>
                    </a:lnTo>
                    <a:lnTo>
                      <a:pt x="502" y="380"/>
                    </a:lnTo>
                    <a:lnTo>
                      <a:pt x="488" y="384"/>
                    </a:lnTo>
                    <a:lnTo>
                      <a:pt x="476" y="388"/>
                    </a:lnTo>
                    <a:lnTo>
                      <a:pt x="462" y="390"/>
                    </a:lnTo>
                    <a:lnTo>
                      <a:pt x="448" y="392"/>
                    </a:lnTo>
                    <a:lnTo>
                      <a:pt x="442" y="392"/>
                    </a:lnTo>
                    <a:lnTo>
                      <a:pt x="442" y="158"/>
                    </a:lnTo>
                    <a:lnTo>
                      <a:pt x="146" y="158"/>
                    </a:lnTo>
                    <a:lnTo>
                      <a:pt x="146" y="392"/>
                    </a:lnTo>
                    <a:lnTo>
                      <a:pt x="116" y="392"/>
                    </a:lnTo>
                    <a:lnTo>
                      <a:pt x="116" y="392"/>
                    </a:lnTo>
                    <a:lnTo>
                      <a:pt x="104" y="390"/>
                    </a:lnTo>
                    <a:lnTo>
                      <a:pt x="92" y="388"/>
                    </a:lnTo>
                    <a:lnTo>
                      <a:pt x="70" y="382"/>
                    </a:lnTo>
                    <a:lnTo>
                      <a:pt x="52" y="372"/>
                    </a:lnTo>
                    <a:lnTo>
                      <a:pt x="34" y="358"/>
                    </a:lnTo>
                    <a:lnTo>
                      <a:pt x="20" y="340"/>
                    </a:lnTo>
                    <a:lnTo>
                      <a:pt x="10" y="320"/>
                    </a:lnTo>
                    <a:lnTo>
                      <a:pt x="2" y="298"/>
                    </a:lnTo>
                    <a:lnTo>
                      <a:pt x="0" y="286"/>
                    </a:lnTo>
                    <a:lnTo>
                      <a:pt x="0" y="274"/>
                    </a:lnTo>
                    <a:lnTo>
                      <a:pt x="0" y="274"/>
                    </a:lnTo>
                    <a:lnTo>
                      <a:pt x="2" y="254"/>
                    </a:lnTo>
                    <a:lnTo>
                      <a:pt x="8" y="234"/>
                    </a:lnTo>
                    <a:lnTo>
                      <a:pt x="16" y="216"/>
                    </a:lnTo>
                    <a:lnTo>
                      <a:pt x="28" y="200"/>
                    </a:lnTo>
                    <a:lnTo>
                      <a:pt x="42" y="186"/>
                    </a:lnTo>
                    <a:lnTo>
                      <a:pt x="58" y="174"/>
                    </a:lnTo>
                    <a:lnTo>
                      <a:pt x="78" y="166"/>
                    </a:lnTo>
                    <a:lnTo>
                      <a:pt x="98" y="160"/>
                    </a:lnTo>
                    <a:lnTo>
                      <a:pt x="98" y="160"/>
                    </a:lnTo>
                    <a:lnTo>
                      <a:pt x="100" y="144"/>
                    </a:lnTo>
                    <a:lnTo>
                      <a:pt x="104" y="128"/>
                    </a:lnTo>
                    <a:lnTo>
                      <a:pt x="110" y="112"/>
                    </a:lnTo>
                    <a:lnTo>
                      <a:pt x="116" y="98"/>
                    </a:lnTo>
                    <a:lnTo>
                      <a:pt x="124" y="84"/>
                    </a:lnTo>
                    <a:lnTo>
                      <a:pt x="134" y="70"/>
                    </a:lnTo>
                    <a:lnTo>
                      <a:pt x="144" y="58"/>
                    </a:lnTo>
                    <a:lnTo>
                      <a:pt x="154" y="46"/>
                    </a:lnTo>
                    <a:lnTo>
                      <a:pt x="168" y="36"/>
                    </a:lnTo>
                    <a:lnTo>
                      <a:pt x="180" y="28"/>
                    </a:lnTo>
                    <a:lnTo>
                      <a:pt x="194" y="20"/>
                    </a:lnTo>
                    <a:lnTo>
                      <a:pt x="210" y="14"/>
                    </a:lnTo>
                    <a:lnTo>
                      <a:pt x="224" y="8"/>
                    </a:lnTo>
                    <a:lnTo>
                      <a:pt x="242" y="4"/>
                    </a:lnTo>
                    <a:lnTo>
                      <a:pt x="258" y="2"/>
                    </a:lnTo>
                    <a:lnTo>
                      <a:pt x="274" y="0"/>
                    </a:lnTo>
                    <a:lnTo>
                      <a:pt x="274" y="0"/>
                    </a:lnTo>
                    <a:close/>
                    <a:moveTo>
                      <a:pt x="180" y="262"/>
                    </a:moveTo>
                    <a:lnTo>
                      <a:pt x="266" y="262"/>
                    </a:lnTo>
                    <a:lnTo>
                      <a:pt x="266" y="284"/>
                    </a:lnTo>
                    <a:lnTo>
                      <a:pt x="180" y="284"/>
                    </a:lnTo>
                    <a:lnTo>
                      <a:pt x="180" y="262"/>
                    </a:lnTo>
                    <a:lnTo>
                      <a:pt x="180" y="262"/>
                    </a:lnTo>
                    <a:close/>
                    <a:moveTo>
                      <a:pt x="180" y="226"/>
                    </a:moveTo>
                    <a:lnTo>
                      <a:pt x="266" y="226"/>
                    </a:lnTo>
                    <a:lnTo>
                      <a:pt x="266" y="248"/>
                    </a:lnTo>
                    <a:lnTo>
                      <a:pt x="180" y="248"/>
                    </a:lnTo>
                    <a:lnTo>
                      <a:pt x="180" y="226"/>
                    </a:lnTo>
                    <a:lnTo>
                      <a:pt x="180" y="226"/>
                    </a:lnTo>
                    <a:close/>
                    <a:moveTo>
                      <a:pt x="180" y="190"/>
                    </a:moveTo>
                    <a:lnTo>
                      <a:pt x="266" y="190"/>
                    </a:lnTo>
                    <a:lnTo>
                      <a:pt x="266" y="210"/>
                    </a:lnTo>
                    <a:lnTo>
                      <a:pt x="180" y="210"/>
                    </a:lnTo>
                    <a:lnTo>
                      <a:pt x="180" y="190"/>
                    </a:lnTo>
                    <a:lnTo>
                      <a:pt x="180" y="190"/>
                    </a:lnTo>
                    <a:close/>
                    <a:moveTo>
                      <a:pt x="160" y="172"/>
                    </a:moveTo>
                    <a:lnTo>
                      <a:pt x="284" y="172"/>
                    </a:lnTo>
                    <a:lnTo>
                      <a:pt x="284" y="424"/>
                    </a:lnTo>
                    <a:lnTo>
                      <a:pt x="160" y="424"/>
                    </a:lnTo>
                    <a:lnTo>
                      <a:pt x="160" y="172"/>
                    </a:lnTo>
                    <a:lnTo>
                      <a:pt x="160" y="172"/>
                    </a:lnTo>
                    <a:close/>
                    <a:moveTo>
                      <a:pt x="448" y="488"/>
                    </a:moveTo>
                    <a:lnTo>
                      <a:pt x="392" y="488"/>
                    </a:lnTo>
                    <a:lnTo>
                      <a:pt x="392" y="470"/>
                    </a:lnTo>
                    <a:lnTo>
                      <a:pt x="448" y="470"/>
                    </a:lnTo>
                    <a:lnTo>
                      <a:pt x="448" y="488"/>
                    </a:lnTo>
                    <a:lnTo>
                      <a:pt x="448" y="488"/>
                    </a:lnTo>
                    <a:close/>
                    <a:moveTo>
                      <a:pt x="194" y="488"/>
                    </a:moveTo>
                    <a:lnTo>
                      <a:pt x="138" y="488"/>
                    </a:lnTo>
                    <a:lnTo>
                      <a:pt x="138" y="470"/>
                    </a:lnTo>
                    <a:lnTo>
                      <a:pt x="194" y="470"/>
                    </a:lnTo>
                    <a:lnTo>
                      <a:pt x="194" y="488"/>
                    </a:lnTo>
                    <a:lnTo>
                      <a:pt x="194" y="488"/>
                    </a:lnTo>
                    <a:close/>
                    <a:moveTo>
                      <a:pt x="336" y="488"/>
                    </a:moveTo>
                    <a:lnTo>
                      <a:pt x="250" y="488"/>
                    </a:lnTo>
                    <a:lnTo>
                      <a:pt x="250" y="470"/>
                    </a:lnTo>
                    <a:lnTo>
                      <a:pt x="336" y="470"/>
                    </a:lnTo>
                    <a:lnTo>
                      <a:pt x="336" y="488"/>
                    </a:lnTo>
                    <a:lnTo>
                      <a:pt x="336" y="488"/>
                    </a:lnTo>
                    <a:close/>
                    <a:moveTo>
                      <a:pt x="374" y="462"/>
                    </a:moveTo>
                    <a:lnTo>
                      <a:pt x="386" y="462"/>
                    </a:lnTo>
                    <a:lnTo>
                      <a:pt x="386" y="498"/>
                    </a:lnTo>
                    <a:lnTo>
                      <a:pt x="342" y="498"/>
                    </a:lnTo>
                    <a:lnTo>
                      <a:pt x="342" y="462"/>
                    </a:lnTo>
                    <a:lnTo>
                      <a:pt x="354" y="462"/>
                    </a:lnTo>
                    <a:lnTo>
                      <a:pt x="354" y="434"/>
                    </a:lnTo>
                    <a:lnTo>
                      <a:pt x="374" y="434"/>
                    </a:lnTo>
                    <a:lnTo>
                      <a:pt x="374" y="462"/>
                    </a:lnTo>
                    <a:lnTo>
                      <a:pt x="374" y="462"/>
                    </a:lnTo>
                    <a:close/>
                    <a:moveTo>
                      <a:pt x="232" y="462"/>
                    </a:moveTo>
                    <a:lnTo>
                      <a:pt x="244" y="462"/>
                    </a:lnTo>
                    <a:lnTo>
                      <a:pt x="244" y="498"/>
                    </a:lnTo>
                    <a:lnTo>
                      <a:pt x="202" y="498"/>
                    </a:lnTo>
                    <a:lnTo>
                      <a:pt x="202" y="462"/>
                    </a:lnTo>
                    <a:lnTo>
                      <a:pt x="214" y="462"/>
                    </a:lnTo>
                    <a:lnTo>
                      <a:pt x="214" y="434"/>
                    </a:lnTo>
                    <a:lnTo>
                      <a:pt x="232" y="434"/>
                    </a:lnTo>
                    <a:lnTo>
                      <a:pt x="232" y="462"/>
                    </a:lnTo>
                    <a:lnTo>
                      <a:pt x="232" y="462"/>
                    </a:lnTo>
                    <a:close/>
                    <a:moveTo>
                      <a:pt x="320" y="262"/>
                    </a:moveTo>
                    <a:lnTo>
                      <a:pt x="408" y="262"/>
                    </a:lnTo>
                    <a:lnTo>
                      <a:pt x="408" y="284"/>
                    </a:lnTo>
                    <a:lnTo>
                      <a:pt x="320" y="284"/>
                    </a:lnTo>
                    <a:lnTo>
                      <a:pt x="320" y="262"/>
                    </a:lnTo>
                    <a:lnTo>
                      <a:pt x="320" y="262"/>
                    </a:lnTo>
                    <a:close/>
                    <a:moveTo>
                      <a:pt x="320" y="226"/>
                    </a:moveTo>
                    <a:lnTo>
                      <a:pt x="408" y="226"/>
                    </a:lnTo>
                    <a:lnTo>
                      <a:pt x="408" y="248"/>
                    </a:lnTo>
                    <a:lnTo>
                      <a:pt x="320" y="248"/>
                    </a:lnTo>
                    <a:lnTo>
                      <a:pt x="320" y="226"/>
                    </a:lnTo>
                    <a:lnTo>
                      <a:pt x="320" y="226"/>
                    </a:lnTo>
                    <a:close/>
                    <a:moveTo>
                      <a:pt x="320" y="190"/>
                    </a:moveTo>
                    <a:lnTo>
                      <a:pt x="408" y="190"/>
                    </a:lnTo>
                    <a:lnTo>
                      <a:pt x="408" y="210"/>
                    </a:lnTo>
                    <a:lnTo>
                      <a:pt x="320" y="210"/>
                    </a:lnTo>
                    <a:lnTo>
                      <a:pt x="320" y="190"/>
                    </a:lnTo>
                    <a:lnTo>
                      <a:pt x="320" y="190"/>
                    </a:lnTo>
                    <a:close/>
                    <a:moveTo>
                      <a:pt x="302" y="172"/>
                    </a:moveTo>
                    <a:lnTo>
                      <a:pt x="426" y="172"/>
                    </a:lnTo>
                    <a:lnTo>
                      <a:pt x="426" y="424"/>
                    </a:lnTo>
                    <a:lnTo>
                      <a:pt x="302" y="424"/>
                    </a:lnTo>
                    <a:lnTo>
                      <a:pt x="302" y="172"/>
                    </a:lnTo>
                    <a:lnTo>
                      <a:pt x="302" y="172"/>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grpSp>
      </p:grpSp>
      <p:grpSp>
        <p:nvGrpSpPr>
          <p:cNvPr id="8" name="组合 243"/>
          <p:cNvGrpSpPr/>
          <p:nvPr/>
        </p:nvGrpSpPr>
        <p:grpSpPr>
          <a:xfrm>
            <a:off x="8592128" y="5745751"/>
            <a:ext cx="3871374" cy="1494207"/>
            <a:chOff x="4690012" y="2850722"/>
            <a:chExt cx="1705145" cy="746873"/>
          </a:xfrm>
        </p:grpSpPr>
        <p:sp>
          <p:nvSpPr>
            <p:cNvPr id="691" name="Content Placeholder 3"/>
            <p:cNvSpPr txBox="1">
              <a:spLocks/>
            </p:cNvSpPr>
            <p:nvPr/>
          </p:nvSpPr>
          <p:spPr>
            <a:xfrm>
              <a:off x="5233206" y="2850722"/>
              <a:ext cx="1161951" cy="490214"/>
            </a:xfrm>
            <a:prstGeom prst="rect">
              <a:avLst/>
            </a:prstGeom>
          </p:spPr>
          <p:txBody>
            <a:bodyPr lIns="68544" tIns="34272" rIns="68544" bIns="34272"/>
            <a:lstStyle/>
            <a:p>
              <a:pPr eaLnBrk="0" hangingPunct="0">
                <a:spcAft>
                  <a:spcPts val="0"/>
                </a:spcAft>
                <a:buClr>
                  <a:srgbClr val="777777"/>
                </a:buClr>
                <a:buSzPct val="60000"/>
                <a:defRPr/>
              </a:pPr>
              <a:r>
                <a:rPr lang="en-US" altLang="zh-CN" b="1" kern="0" dirty="0" smtClean="0">
                  <a:latin typeface="Arial" pitchFamily="34" charset="0"/>
                  <a:ea typeface="微软雅黑" pitchFamily="34" charset="-122"/>
                  <a:cs typeface="Arial" pitchFamily="34" charset="0"/>
                </a:rPr>
                <a:t>Storage:</a:t>
              </a:r>
            </a:p>
            <a:p>
              <a:pPr eaLnBrk="0" hangingPunct="0">
                <a:spcAft>
                  <a:spcPts val="0"/>
                </a:spcAft>
                <a:buClr>
                  <a:srgbClr val="777777"/>
                </a:buClr>
                <a:buSzPct val="60000"/>
                <a:defRPr/>
              </a:pPr>
              <a:r>
                <a:rPr lang="en-US" altLang="zh-CN" kern="0" dirty="0" smtClean="0">
                  <a:solidFill>
                    <a:srgbClr val="C00000"/>
                  </a:solidFill>
                  <a:latin typeface="Arial" pitchFamily="34" charset="0"/>
                  <a:ea typeface="微软雅黑" pitchFamily="34" charset="-122"/>
                  <a:cs typeface="Arial" pitchFamily="34" charset="0"/>
                  <a:sym typeface="Wingdings" pitchFamily="2" charset="2"/>
                </a:rPr>
                <a:t>15K</a:t>
              </a:r>
              <a:r>
                <a:rPr lang="en-US" altLang="zh-CN" dirty="0" smtClean="0">
                  <a:latin typeface="Arial" pitchFamily="34" charset="0"/>
                  <a:cs typeface="Arial" pitchFamily="34" charset="0"/>
                  <a:sym typeface="Wingdings" pitchFamily="2" charset="2"/>
                </a:rPr>
                <a:t> Units, </a:t>
              </a:r>
              <a:r>
                <a:rPr lang="en-US" altLang="zh-CN" kern="0" dirty="0" smtClean="0">
                  <a:solidFill>
                    <a:srgbClr val="C00000"/>
                  </a:solidFill>
                  <a:latin typeface="Arial" pitchFamily="34" charset="0"/>
                  <a:ea typeface="微软雅黑" pitchFamily="34" charset="-122"/>
                  <a:cs typeface="Arial" pitchFamily="34" charset="0"/>
                  <a:sym typeface="Wingdings" pitchFamily="2" charset="2"/>
                </a:rPr>
                <a:t>18%</a:t>
              </a:r>
              <a:r>
                <a:rPr lang="en-US" altLang="zh-CN" dirty="0" smtClean="0">
                  <a:solidFill>
                    <a:srgbClr val="FF0000"/>
                  </a:solidFill>
                  <a:latin typeface="Arial" pitchFamily="34" charset="0"/>
                  <a:cs typeface="Arial" pitchFamily="34" charset="0"/>
                  <a:sym typeface="Wingdings" pitchFamily="2" charset="2"/>
                </a:rPr>
                <a:t> </a:t>
              </a:r>
              <a:r>
                <a:rPr lang="en-US" altLang="zh-CN" dirty="0" err="1" smtClean="0">
                  <a:latin typeface="Arial" pitchFamily="34" charset="0"/>
                  <a:cs typeface="Arial" pitchFamily="34" charset="0"/>
                  <a:sym typeface="Wingdings" pitchFamily="2" charset="2"/>
                </a:rPr>
                <a:t>YoY</a:t>
              </a:r>
              <a:endParaRPr lang="en-US" altLang="zh-CN" dirty="0" smtClean="0">
                <a:latin typeface="Arial" pitchFamily="34" charset="0"/>
                <a:cs typeface="Arial" pitchFamily="34" charset="0"/>
                <a:sym typeface="Wingdings" pitchFamily="2" charset="2"/>
              </a:endParaRPr>
            </a:p>
            <a:p>
              <a:pPr eaLnBrk="0" hangingPunct="0">
                <a:spcAft>
                  <a:spcPts val="0"/>
                </a:spcAft>
                <a:buClr>
                  <a:srgbClr val="777777"/>
                </a:buClr>
                <a:buSzPct val="60000"/>
                <a:defRPr/>
              </a:pPr>
              <a:r>
                <a:rPr lang="en-US" altLang="zh-CN" dirty="0" smtClean="0">
                  <a:solidFill>
                    <a:srgbClr val="000000"/>
                  </a:solidFill>
                  <a:latin typeface="Arial" pitchFamily="34" charset="0"/>
                  <a:cs typeface="Arial" pitchFamily="34" charset="0"/>
                  <a:sym typeface="Wingdings" pitchFamily="2" charset="2"/>
                </a:rPr>
                <a:t>Per</a:t>
              </a:r>
              <a:r>
                <a:rPr lang="en-US" altLang="zh-CN" dirty="0" smtClean="0">
                  <a:solidFill>
                    <a:srgbClr val="000000"/>
                  </a:solidFill>
                  <a:latin typeface="Arial" pitchFamily="34" charset="0"/>
                  <a:cs typeface="Arial" pitchFamily="34" charset="0"/>
                </a:rPr>
                <a:t>formance of NAS index  </a:t>
              </a:r>
              <a:r>
                <a:rPr lang="en-US" altLang="zh-CN" kern="0" dirty="0" smtClean="0">
                  <a:solidFill>
                    <a:srgbClr val="C00000"/>
                  </a:solidFill>
                  <a:latin typeface="Arial" pitchFamily="34" charset="0"/>
                  <a:ea typeface="微软雅黑" pitchFamily="34" charset="-122"/>
                  <a:cs typeface="Arial" pitchFamily="34" charset="0"/>
                  <a:sym typeface="Wingdings" pitchFamily="2" charset="2"/>
                </a:rPr>
                <a:t>No.1</a:t>
              </a:r>
            </a:p>
            <a:p>
              <a:pPr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defTabSz="1828434"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p:txBody>
        </p:sp>
        <p:grpSp>
          <p:nvGrpSpPr>
            <p:cNvPr id="9" name="组合 1063"/>
            <p:cNvGrpSpPr/>
            <p:nvPr/>
          </p:nvGrpSpPr>
          <p:grpSpPr>
            <a:xfrm>
              <a:off x="4690012" y="2886429"/>
              <a:ext cx="500968" cy="491035"/>
              <a:chOff x="9610499" y="2927289"/>
              <a:chExt cx="500968" cy="491035"/>
            </a:xfrm>
          </p:grpSpPr>
          <p:sp>
            <p:nvSpPr>
              <p:cNvPr id="887" name="圆角矩形 886"/>
              <p:cNvSpPr/>
              <p:nvPr/>
            </p:nvSpPr>
            <p:spPr bwMode="auto">
              <a:xfrm>
                <a:off x="9610499" y="2927289"/>
                <a:ext cx="500968" cy="491035"/>
              </a:xfrm>
              <a:prstGeom prst="roundRect">
                <a:avLst/>
              </a:prstGeom>
              <a:solidFill>
                <a:schemeClr val="bg1">
                  <a:lumMod val="50000"/>
                </a:schemeClr>
              </a:solidFill>
              <a:ln w="12700">
                <a:noFill/>
              </a:ln>
              <a:effectLst/>
            </p:spPr>
            <p:txBody>
              <a:bodyPr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grpSp>
            <p:nvGrpSpPr>
              <p:cNvPr id="10" name="组合 225"/>
              <p:cNvGrpSpPr/>
              <p:nvPr/>
            </p:nvGrpSpPr>
            <p:grpSpPr>
              <a:xfrm>
                <a:off x="9725177" y="3000526"/>
                <a:ext cx="268541" cy="325143"/>
                <a:chOff x="10287403" y="1826574"/>
                <a:chExt cx="2327275" cy="2817813"/>
              </a:xfrm>
              <a:solidFill>
                <a:schemeClr val="bg1"/>
              </a:solidFill>
            </p:grpSpPr>
            <p:sp>
              <p:nvSpPr>
                <p:cNvPr id="889" name="Freeform 21"/>
                <p:cNvSpPr>
                  <a:spLocks/>
                </p:cNvSpPr>
                <p:nvPr/>
              </p:nvSpPr>
              <p:spPr bwMode="auto">
                <a:xfrm>
                  <a:off x="11073215" y="2025012"/>
                  <a:ext cx="203200" cy="33338"/>
                </a:xfrm>
                <a:custGeom>
                  <a:avLst/>
                  <a:gdLst/>
                  <a:ahLst/>
                  <a:cxnLst>
                    <a:cxn ang="0">
                      <a:pos x="1169" y="0"/>
                    </a:cxn>
                    <a:cxn ang="0">
                      <a:pos x="1190" y="2"/>
                    </a:cxn>
                    <a:cxn ang="0">
                      <a:pos x="1212" y="9"/>
                    </a:cxn>
                    <a:cxn ang="0">
                      <a:pos x="1229" y="19"/>
                    </a:cxn>
                    <a:cxn ang="0">
                      <a:pos x="1246" y="32"/>
                    </a:cxn>
                    <a:cxn ang="0">
                      <a:pos x="1259" y="49"/>
                    </a:cxn>
                    <a:cxn ang="0">
                      <a:pos x="1269" y="66"/>
                    </a:cxn>
                    <a:cxn ang="0">
                      <a:pos x="1276" y="87"/>
                    </a:cxn>
                    <a:cxn ang="0">
                      <a:pos x="1278" y="110"/>
                    </a:cxn>
                    <a:cxn ang="0">
                      <a:pos x="1276" y="131"/>
                    </a:cxn>
                    <a:cxn ang="0">
                      <a:pos x="1269" y="152"/>
                    </a:cxn>
                    <a:cxn ang="0">
                      <a:pos x="1259" y="170"/>
                    </a:cxn>
                    <a:cxn ang="0">
                      <a:pos x="1246" y="186"/>
                    </a:cxn>
                    <a:cxn ang="0">
                      <a:pos x="1229" y="200"/>
                    </a:cxn>
                    <a:cxn ang="0">
                      <a:pos x="1212" y="210"/>
                    </a:cxn>
                    <a:cxn ang="0">
                      <a:pos x="1190" y="216"/>
                    </a:cxn>
                    <a:cxn ang="0">
                      <a:pos x="1169" y="218"/>
                    </a:cxn>
                    <a:cxn ang="0">
                      <a:pos x="97" y="217"/>
                    </a:cxn>
                    <a:cxn ang="0">
                      <a:pos x="76" y="213"/>
                    </a:cxn>
                    <a:cxn ang="0">
                      <a:pos x="56" y="205"/>
                    </a:cxn>
                    <a:cxn ang="0">
                      <a:pos x="38" y="193"/>
                    </a:cxn>
                    <a:cxn ang="0">
                      <a:pos x="24" y="178"/>
                    </a:cxn>
                    <a:cxn ang="0">
                      <a:pos x="12" y="161"/>
                    </a:cxn>
                    <a:cxn ang="0">
                      <a:pos x="4" y="142"/>
                    </a:cxn>
                    <a:cxn ang="0">
                      <a:pos x="0" y="121"/>
                    </a:cxn>
                    <a:cxn ang="0">
                      <a:pos x="0" y="99"/>
                    </a:cxn>
                    <a:cxn ang="0">
                      <a:pos x="4" y="76"/>
                    </a:cxn>
                    <a:cxn ang="0">
                      <a:pos x="12" y="58"/>
                    </a:cxn>
                    <a:cxn ang="0">
                      <a:pos x="24" y="40"/>
                    </a:cxn>
                    <a:cxn ang="0">
                      <a:pos x="38" y="25"/>
                    </a:cxn>
                    <a:cxn ang="0">
                      <a:pos x="56" y="13"/>
                    </a:cxn>
                    <a:cxn ang="0">
                      <a:pos x="76" y="5"/>
                    </a:cxn>
                    <a:cxn ang="0">
                      <a:pos x="97" y="1"/>
                    </a:cxn>
                  </a:cxnLst>
                  <a:rect l="0" t="0" r="r" b="b"/>
                  <a:pathLst>
                    <a:path w="1278" h="218">
                      <a:moveTo>
                        <a:pt x="108" y="0"/>
                      </a:moveTo>
                      <a:lnTo>
                        <a:pt x="1169" y="0"/>
                      </a:lnTo>
                      <a:lnTo>
                        <a:pt x="1180" y="1"/>
                      </a:lnTo>
                      <a:lnTo>
                        <a:pt x="1190" y="2"/>
                      </a:lnTo>
                      <a:lnTo>
                        <a:pt x="1202" y="5"/>
                      </a:lnTo>
                      <a:lnTo>
                        <a:pt x="1212" y="9"/>
                      </a:lnTo>
                      <a:lnTo>
                        <a:pt x="1220" y="13"/>
                      </a:lnTo>
                      <a:lnTo>
                        <a:pt x="1229" y="19"/>
                      </a:lnTo>
                      <a:lnTo>
                        <a:pt x="1238" y="25"/>
                      </a:lnTo>
                      <a:lnTo>
                        <a:pt x="1246" y="32"/>
                      </a:lnTo>
                      <a:lnTo>
                        <a:pt x="1253" y="40"/>
                      </a:lnTo>
                      <a:lnTo>
                        <a:pt x="1259" y="49"/>
                      </a:lnTo>
                      <a:lnTo>
                        <a:pt x="1265" y="58"/>
                      </a:lnTo>
                      <a:lnTo>
                        <a:pt x="1269" y="66"/>
                      </a:lnTo>
                      <a:lnTo>
                        <a:pt x="1272" y="76"/>
                      </a:lnTo>
                      <a:lnTo>
                        <a:pt x="1276" y="87"/>
                      </a:lnTo>
                      <a:lnTo>
                        <a:pt x="1277" y="99"/>
                      </a:lnTo>
                      <a:lnTo>
                        <a:pt x="1278" y="110"/>
                      </a:lnTo>
                      <a:lnTo>
                        <a:pt x="1277" y="121"/>
                      </a:lnTo>
                      <a:lnTo>
                        <a:pt x="1276" y="131"/>
                      </a:lnTo>
                      <a:lnTo>
                        <a:pt x="1272" y="142"/>
                      </a:lnTo>
                      <a:lnTo>
                        <a:pt x="1269" y="152"/>
                      </a:lnTo>
                      <a:lnTo>
                        <a:pt x="1265" y="161"/>
                      </a:lnTo>
                      <a:lnTo>
                        <a:pt x="1259" y="170"/>
                      </a:lnTo>
                      <a:lnTo>
                        <a:pt x="1253" y="178"/>
                      </a:lnTo>
                      <a:lnTo>
                        <a:pt x="1246" y="186"/>
                      </a:lnTo>
                      <a:lnTo>
                        <a:pt x="1238" y="193"/>
                      </a:lnTo>
                      <a:lnTo>
                        <a:pt x="1229" y="200"/>
                      </a:lnTo>
                      <a:lnTo>
                        <a:pt x="1220" y="205"/>
                      </a:lnTo>
                      <a:lnTo>
                        <a:pt x="1212" y="210"/>
                      </a:lnTo>
                      <a:lnTo>
                        <a:pt x="1202" y="213"/>
                      </a:lnTo>
                      <a:lnTo>
                        <a:pt x="1190" y="216"/>
                      </a:lnTo>
                      <a:lnTo>
                        <a:pt x="1180" y="217"/>
                      </a:lnTo>
                      <a:lnTo>
                        <a:pt x="1169" y="218"/>
                      </a:lnTo>
                      <a:lnTo>
                        <a:pt x="108" y="218"/>
                      </a:lnTo>
                      <a:lnTo>
                        <a:pt x="97" y="217"/>
                      </a:lnTo>
                      <a:lnTo>
                        <a:pt x="86" y="216"/>
                      </a:lnTo>
                      <a:lnTo>
                        <a:pt x="76" y="213"/>
                      </a:lnTo>
                      <a:lnTo>
                        <a:pt x="66" y="210"/>
                      </a:lnTo>
                      <a:lnTo>
                        <a:pt x="56" y="205"/>
                      </a:lnTo>
                      <a:lnTo>
                        <a:pt x="47" y="200"/>
                      </a:lnTo>
                      <a:lnTo>
                        <a:pt x="38" y="193"/>
                      </a:lnTo>
                      <a:lnTo>
                        <a:pt x="31" y="186"/>
                      </a:lnTo>
                      <a:lnTo>
                        <a:pt x="24" y="178"/>
                      </a:lnTo>
                      <a:lnTo>
                        <a:pt x="17" y="170"/>
                      </a:lnTo>
                      <a:lnTo>
                        <a:pt x="12" y="161"/>
                      </a:lnTo>
                      <a:lnTo>
                        <a:pt x="7" y="152"/>
                      </a:lnTo>
                      <a:lnTo>
                        <a:pt x="4" y="142"/>
                      </a:lnTo>
                      <a:lnTo>
                        <a:pt x="2" y="131"/>
                      </a:lnTo>
                      <a:lnTo>
                        <a:pt x="0" y="121"/>
                      </a:lnTo>
                      <a:lnTo>
                        <a:pt x="0" y="110"/>
                      </a:lnTo>
                      <a:lnTo>
                        <a:pt x="0" y="99"/>
                      </a:lnTo>
                      <a:lnTo>
                        <a:pt x="2" y="87"/>
                      </a:lnTo>
                      <a:lnTo>
                        <a:pt x="4" y="76"/>
                      </a:lnTo>
                      <a:lnTo>
                        <a:pt x="7" y="66"/>
                      </a:lnTo>
                      <a:lnTo>
                        <a:pt x="12" y="58"/>
                      </a:lnTo>
                      <a:lnTo>
                        <a:pt x="17" y="49"/>
                      </a:lnTo>
                      <a:lnTo>
                        <a:pt x="24" y="40"/>
                      </a:lnTo>
                      <a:lnTo>
                        <a:pt x="31" y="32"/>
                      </a:lnTo>
                      <a:lnTo>
                        <a:pt x="38"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0" name="Freeform 22"/>
                <p:cNvSpPr>
                  <a:spLocks/>
                </p:cNvSpPr>
                <p:nvPr/>
              </p:nvSpPr>
              <p:spPr bwMode="auto">
                <a:xfrm>
                  <a:off x="10455678" y="2025012"/>
                  <a:ext cx="28575" cy="30163"/>
                </a:xfrm>
                <a:custGeom>
                  <a:avLst/>
                  <a:gdLst/>
                  <a:ahLst/>
                  <a:cxnLst>
                    <a:cxn ang="0">
                      <a:pos x="101" y="182"/>
                    </a:cxn>
                    <a:cxn ang="0">
                      <a:pos x="119" y="178"/>
                    </a:cxn>
                    <a:cxn ang="0">
                      <a:pos x="135" y="170"/>
                    </a:cxn>
                    <a:cxn ang="0">
                      <a:pos x="150" y="162"/>
                    </a:cxn>
                    <a:cxn ang="0">
                      <a:pos x="162" y="148"/>
                    </a:cxn>
                    <a:cxn ang="0">
                      <a:pos x="172" y="134"/>
                    </a:cxn>
                    <a:cxn ang="0">
                      <a:pos x="179" y="117"/>
                    </a:cxn>
                    <a:cxn ang="0">
                      <a:pos x="182" y="99"/>
                    </a:cxn>
                    <a:cxn ang="0">
                      <a:pos x="182" y="82"/>
                    </a:cxn>
                    <a:cxn ang="0">
                      <a:pos x="179"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9" y="178"/>
                      </a:lnTo>
                      <a:lnTo>
                        <a:pt x="126" y="175"/>
                      </a:lnTo>
                      <a:lnTo>
                        <a:pt x="135" y="170"/>
                      </a:lnTo>
                      <a:lnTo>
                        <a:pt x="142" y="166"/>
                      </a:lnTo>
                      <a:lnTo>
                        <a:pt x="150" y="162"/>
                      </a:lnTo>
                      <a:lnTo>
                        <a:pt x="156" y="155"/>
                      </a:lnTo>
                      <a:lnTo>
                        <a:pt x="162" y="148"/>
                      </a:lnTo>
                      <a:lnTo>
                        <a:pt x="167" y="142"/>
                      </a:lnTo>
                      <a:lnTo>
                        <a:pt x="172" y="134"/>
                      </a:lnTo>
                      <a:lnTo>
                        <a:pt x="175" y="126"/>
                      </a:lnTo>
                      <a:lnTo>
                        <a:pt x="179" y="117"/>
                      </a:lnTo>
                      <a:lnTo>
                        <a:pt x="181" y="109"/>
                      </a:lnTo>
                      <a:lnTo>
                        <a:pt x="182" y="99"/>
                      </a:lnTo>
                      <a:lnTo>
                        <a:pt x="183" y="91"/>
                      </a:lnTo>
                      <a:lnTo>
                        <a:pt x="182" y="82"/>
                      </a:lnTo>
                      <a:lnTo>
                        <a:pt x="181" y="72"/>
                      </a:lnTo>
                      <a:lnTo>
                        <a:pt x="179" y="64"/>
                      </a:lnTo>
                      <a:lnTo>
                        <a:pt x="175" y="55"/>
                      </a:lnTo>
                      <a:lnTo>
                        <a:pt x="172" y="47"/>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7"/>
                      </a:lnTo>
                      <a:lnTo>
                        <a:pt x="7" y="55"/>
                      </a:lnTo>
                      <a:lnTo>
                        <a:pt x="4" y="64"/>
                      </a:lnTo>
                      <a:lnTo>
                        <a:pt x="2" y="72"/>
                      </a:lnTo>
                      <a:lnTo>
                        <a:pt x="0" y="82"/>
                      </a:lnTo>
                      <a:lnTo>
                        <a:pt x="0" y="91"/>
                      </a:lnTo>
                      <a:lnTo>
                        <a:pt x="0" y="99"/>
                      </a:lnTo>
                      <a:lnTo>
                        <a:pt x="2" y="109"/>
                      </a:lnTo>
                      <a:lnTo>
                        <a:pt x="4" y="117"/>
                      </a:lnTo>
                      <a:lnTo>
                        <a:pt x="7" y="126"/>
                      </a:lnTo>
                      <a:lnTo>
                        <a:pt x="11" y="134"/>
                      </a:lnTo>
                      <a:lnTo>
                        <a:pt x="16" y="142"/>
                      </a:lnTo>
                      <a:lnTo>
                        <a:pt x="21" y="148"/>
                      </a:lnTo>
                      <a:lnTo>
                        <a:pt x="27"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1" name="Freeform 23"/>
                <p:cNvSpPr>
                  <a:spLocks/>
                </p:cNvSpPr>
                <p:nvPr/>
              </p:nvSpPr>
              <p:spPr bwMode="auto">
                <a:xfrm>
                  <a:off x="10495365" y="2025012"/>
                  <a:ext cx="30163" cy="30163"/>
                </a:xfrm>
                <a:custGeom>
                  <a:avLst/>
                  <a:gdLst/>
                  <a:ahLst/>
                  <a:cxnLst>
                    <a:cxn ang="0">
                      <a:pos x="101" y="182"/>
                    </a:cxn>
                    <a:cxn ang="0">
                      <a:pos x="119" y="178"/>
                    </a:cxn>
                    <a:cxn ang="0">
                      <a:pos x="135" y="170"/>
                    </a:cxn>
                    <a:cxn ang="0">
                      <a:pos x="150" y="162"/>
                    </a:cxn>
                    <a:cxn ang="0">
                      <a:pos x="162" y="148"/>
                    </a:cxn>
                    <a:cxn ang="0">
                      <a:pos x="172" y="134"/>
                    </a:cxn>
                    <a:cxn ang="0">
                      <a:pos x="178" y="117"/>
                    </a:cxn>
                    <a:cxn ang="0">
                      <a:pos x="182" y="99"/>
                    </a:cxn>
                    <a:cxn ang="0">
                      <a:pos x="182" y="82"/>
                    </a:cxn>
                    <a:cxn ang="0">
                      <a:pos x="178"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3" h="182">
                      <a:moveTo>
                        <a:pt x="92" y="182"/>
                      </a:moveTo>
                      <a:lnTo>
                        <a:pt x="101" y="182"/>
                      </a:lnTo>
                      <a:lnTo>
                        <a:pt x="110" y="180"/>
                      </a:lnTo>
                      <a:lnTo>
                        <a:pt x="119" y="178"/>
                      </a:lnTo>
                      <a:lnTo>
                        <a:pt x="127" y="175"/>
                      </a:lnTo>
                      <a:lnTo>
                        <a:pt x="135" y="170"/>
                      </a:lnTo>
                      <a:lnTo>
                        <a:pt x="142" y="166"/>
                      </a:lnTo>
                      <a:lnTo>
                        <a:pt x="150" y="162"/>
                      </a:lnTo>
                      <a:lnTo>
                        <a:pt x="156" y="155"/>
                      </a:lnTo>
                      <a:lnTo>
                        <a:pt x="162" y="148"/>
                      </a:lnTo>
                      <a:lnTo>
                        <a:pt x="167"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8" y="55"/>
                      </a:lnTo>
                      <a:lnTo>
                        <a:pt x="4" y="64"/>
                      </a:lnTo>
                      <a:lnTo>
                        <a:pt x="2" y="72"/>
                      </a:lnTo>
                      <a:lnTo>
                        <a:pt x="1" y="82"/>
                      </a:lnTo>
                      <a:lnTo>
                        <a:pt x="0" y="91"/>
                      </a:lnTo>
                      <a:lnTo>
                        <a:pt x="1" y="99"/>
                      </a:lnTo>
                      <a:lnTo>
                        <a:pt x="2" y="109"/>
                      </a:lnTo>
                      <a:lnTo>
                        <a:pt x="4" y="117"/>
                      </a:lnTo>
                      <a:lnTo>
                        <a:pt x="8"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2" name="Freeform 24"/>
                <p:cNvSpPr>
                  <a:spLocks/>
                </p:cNvSpPr>
                <p:nvPr/>
              </p:nvSpPr>
              <p:spPr bwMode="auto">
                <a:xfrm>
                  <a:off x="10536640" y="2025012"/>
                  <a:ext cx="28575" cy="30163"/>
                </a:xfrm>
                <a:custGeom>
                  <a:avLst/>
                  <a:gdLst/>
                  <a:ahLst/>
                  <a:cxnLst>
                    <a:cxn ang="0">
                      <a:pos x="101" y="182"/>
                    </a:cxn>
                    <a:cxn ang="0">
                      <a:pos x="118" y="178"/>
                    </a:cxn>
                    <a:cxn ang="0">
                      <a:pos x="135" y="170"/>
                    </a:cxn>
                    <a:cxn ang="0">
                      <a:pos x="149" y="162"/>
                    </a:cxn>
                    <a:cxn ang="0">
                      <a:pos x="162" y="148"/>
                    </a:cxn>
                    <a:cxn ang="0">
                      <a:pos x="172" y="134"/>
                    </a:cxn>
                    <a:cxn ang="0">
                      <a:pos x="178" y="117"/>
                    </a:cxn>
                    <a:cxn ang="0">
                      <a:pos x="183" y="99"/>
                    </a:cxn>
                    <a:cxn ang="0">
                      <a:pos x="183" y="82"/>
                    </a:cxn>
                    <a:cxn ang="0">
                      <a:pos x="178" y="64"/>
                    </a:cxn>
                    <a:cxn ang="0">
                      <a:pos x="172" y="47"/>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7" y="170"/>
                    </a:cxn>
                    <a:cxn ang="0">
                      <a:pos x="64" y="178"/>
                    </a:cxn>
                    <a:cxn ang="0">
                      <a:pos x="82" y="182"/>
                    </a:cxn>
                  </a:cxnLst>
                  <a:rect l="0" t="0" r="r" b="b"/>
                  <a:pathLst>
                    <a:path w="183" h="182">
                      <a:moveTo>
                        <a:pt x="92" y="182"/>
                      </a:moveTo>
                      <a:lnTo>
                        <a:pt x="101" y="182"/>
                      </a:lnTo>
                      <a:lnTo>
                        <a:pt x="109" y="180"/>
                      </a:lnTo>
                      <a:lnTo>
                        <a:pt x="118" y="178"/>
                      </a:lnTo>
                      <a:lnTo>
                        <a:pt x="127" y="175"/>
                      </a:lnTo>
                      <a:lnTo>
                        <a:pt x="135" y="170"/>
                      </a:lnTo>
                      <a:lnTo>
                        <a:pt x="143" y="166"/>
                      </a:lnTo>
                      <a:lnTo>
                        <a:pt x="149" y="162"/>
                      </a:lnTo>
                      <a:lnTo>
                        <a:pt x="156" y="155"/>
                      </a:lnTo>
                      <a:lnTo>
                        <a:pt x="162" y="148"/>
                      </a:lnTo>
                      <a:lnTo>
                        <a:pt x="167" y="142"/>
                      </a:lnTo>
                      <a:lnTo>
                        <a:pt x="172" y="134"/>
                      </a:lnTo>
                      <a:lnTo>
                        <a:pt x="176" y="126"/>
                      </a:lnTo>
                      <a:lnTo>
                        <a:pt x="178" y="117"/>
                      </a:lnTo>
                      <a:lnTo>
                        <a:pt x="180" y="109"/>
                      </a:lnTo>
                      <a:lnTo>
                        <a:pt x="183" y="99"/>
                      </a:lnTo>
                      <a:lnTo>
                        <a:pt x="183" y="91"/>
                      </a:lnTo>
                      <a:lnTo>
                        <a:pt x="183" y="82"/>
                      </a:lnTo>
                      <a:lnTo>
                        <a:pt x="180" y="72"/>
                      </a:lnTo>
                      <a:lnTo>
                        <a:pt x="178" y="64"/>
                      </a:lnTo>
                      <a:lnTo>
                        <a:pt x="176" y="55"/>
                      </a:lnTo>
                      <a:lnTo>
                        <a:pt x="172" y="47"/>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5" y="142"/>
                      </a:lnTo>
                      <a:lnTo>
                        <a:pt x="21" y="148"/>
                      </a:lnTo>
                      <a:lnTo>
                        <a:pt x="26" y="155"/>
                      </a:lnTo>
                      <a:lnTo>
                        <a:pt x="33" y="162"/>
                      </a:lnTo>
                      <a:lnTo>
                        <a:pt x="41" y="166"/>
                      </a:lnTo>
                      <a:lnTo>
                        <a:pt x="47" y="170"/>
                      </a:lnTo>
                      <a:lnTo>
                        <a:pt x="56"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3" name="Freeform 25"/>
                <p:cNvSpPr>
                  <a:spLocks/>
                </p:cNvSpPr>
                <p:nvPr/>
              </p:nvSpPr>
              <p:spPr bwMode="auto">
                <a:xfrm>
                  <a:off x="10576328" y="2025012"/>
                  <a:ext cx="28575" cy="30163"/>
                </a:xfrm>
                <a:custGeom>
                  <a:avLst/>
                  <a:gdLst/>
                  <a:ahLst/>
                  <a:cxnLst>
                    <a:cxn ang="0">
                      <a:pos x="100" y="182"/>
                    </a:cxn>
                    <a:cxn ang="0">
                      <a:pos x="118" y="178"/>
                    </a:cxn>
                    <a:cxn ang="0">
                      <a:pos x="135" y="170"/>
                    </a:cxn>
                    <a:cxn ang="0">
                      <a:pos x="149" y="162"/>
                    </a:cxn>
                    <a:cxn ang="0">
                      <a:pos x="161" y="148"/>
                    </a:cxn>
                    <a:cxn ang="0">
                      <a:pos x="171" y="134"/>
                    </a:cxn>
                    <a:cxn ang="0">
                      <a:pos x="178" y="117"/>
                    </a:cxn>
                    <a:cxn ang="0">
                      <a:pos x="182" y="99"/>
                    </a:cxn>
                    <a:cxn ang="0">
                      <a:pos x="182" y="82"/>
                    </a:cxn>
                    <a:cxn ang="0">
                      <a:pos x="178"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2" h="182">
                      <a:moveTo>
                        <a:pt x="92" y="182"/>
                      </a:moveTo>
                      <a:lnTo>
                        <a:pt x="100" y="182"/>
                      </a:lnTo>
                      <a:lnTo>
                        <a:pt x="109" y="180"/>
                      </a:lnTo>
                      <a:lnTo>
                        <a:pt x="118" y="178"/>
                      </a:lnTo>
                      <a:lnTo>
                        <a:pt x="127" y="175"/>
                      </a:lnTo>
                      <a:lnTo>
                        <a:pt x="135" y="170"/>
                      </a:lnTo>
                      <a:lnTo>
                        <a:pt x="143" y="166"/>
                      </a:lnTo>
                      <a:lnTo>
                        <a:pt x="149" y="162"/>
                      </a:lnTo>
                      <a:lnTo>
                        <a:pt x="156" y="155"/>
                      </a:lnTo>
                      <a:lnTo>
                        <a:pt x="161" y="148"/>
                      </a:lnTo>
                      <a:lnTo>
                        <a:pt x="167" y="142"/>
                      </a:lnTo>
                      <a:lnTo>
                        <a:pt x="171" y="134"/>
                      </a:lnTo>
                      <a:lnTo>
                        <a:pt x="176" y="126"/>
                      </a:lnTo>
                      <a:lnTo>
                        <a:pt x="178" y="117"/>
                      </a:lnTo>
                      <a:lnTo>
                        <a:pt x="180" y="109"/>
                      </a:lnTo>
                      <a:lnTo>
                        <a:pt x="182" y="99"/>
                      </a:lnTo>
                      <a:lnTo>
                        <a:pt x="182" y="91"/>
                      </a:lnTo>
                      <a:lnTo>
                        <a:pt x="182" y="82"/>
                      </a:lnTo>
                      <a:lnTo>
                        <a:pt x="180" y="72"/>
                      </a:lnTo>
                      <a:lnTo>
                        <a:pt x="178" y="64"/>
                      </a:lnTo>
                      <a:lnTo>
                        <a:pt x="176" y="55"/>
                      </a:lnTo>
                      <a:lnTo>
                        <a:pt x="171" y="47"/>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6" y="142"/>
                      </a:lnTo>
                      <a:lnTo>
                        <a:pt x="21" y="148"/>
                      </a:lnTo>
                      <a:lnTo>
                        <a:pt x="27" y="155"/>
                      </a:lnTo>
                      <a:lnTo>
                        <a:pt x="33" y="162"/>
                      </a:lnTo>
                      <a:lnTo>
                        <a:pt x="41" y="166"/>
                      </a:lnTo>
                      <a:lnTo>
                        <a:pt x="48" y="170"/>
                      </a:lnTo>
                      <a:lnTo>
                        <a:pt x="56"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4" name="Freeform 26"/>
                <p:cNvSpPr>
                  <a:spLocks/>
                </p:cNvSpPr>
                <p:nvPr/>
              </p:nvSpPr>
              <p:spPr bwMode="auto">
                <a:xfrm>
                  <a:off x="10616015" y="2025012"/>
                  <a:ext cx="28575" cy="30163"/>
                </a:xfrm>
                <a:custGeom>
                  <a:avLst/>
                  <a:gdLst/>
                  <a:ahLst/>
                  <a:cxnLst>
                    <a:cxn ang="0">
                      <a:pos x="100" y="182"/>
                    </a:cxn>
                    <a:cxn ang="0">
                      <a:pos x="118" y="178"/>
                    </a:cxn>
                    <a:cxn ang="0">
                      <a:pos x="135"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7"/>
                    </a:cxn>
                    <a:cxn ang="0">
                      <a:pos x="4" y="64"/>
                    </a:cxn>
                    <a:cxn ang="0">
                      <a:pos x="0" y="82"/>
                    </a:cxn>
                    <a:cxn ang="0">
                      <a:pos x="0" y="99"/>
                    </a:cxn>
                    <a:cxn ang="0">
                      <a:pos x="4" y="117"/>
                    </a:cxn>
                    <a:cxn ang="0">
                      <a:pos x="10" y="134"/>
                    </a:cxn>
                    <a:cxn ang="0">
                      <a:pos x="20" y="148"/>
                    </a:cxn>
                    <a:cxn ang="0">
                      <a:pos x="34" y="162"/>
                    </a:cxn>
                    <a:cxn ang="0">
                      <a:pos x="48" y="170"/>
                    </a:cxn>
                    <a:cxn ang="0">
                      <a:pos x="64" y="178"/>
                    </a:cxn>
                    <a:cxn ang="0">
                      <a:pos x="82" y="182"/>
                    </a:cxn>
                  </a:cxnLst>
                  <a:rect l="0" t="0" r="r" b="b"/>
                  <a:pathLst>
                    <a:path w="182" h="182">
                      <a:moveTo>
                        <a:pt x="91" y="182"/>
                      </a:moveTo>
                      <a:lnTo>
                        <a:pt x="100" y="182"/>
                      </a:lnTo>
                      <a:lnTo>
                        <a:pt x="109" y="180"/>
                      </a:lnTo>
                      <a:lnTo>
                        <a:pt x="118" y="178"/>
                      </a:lnTo>
                      <a:lnTo>
                        <a:pt x="127" y="175"/>
                      </a:lnTo>
                      <a:lnTo>
                        <a:pt x="135" y="170"/>
                      </a:lnTo>
                      <a:lnTo>
                        <a:pt x="142" y="166"/>
                      </a:lnTo>
                      <a:lnTo>
                        <a:pt x="149" y="162"/>
                      </a:lnTo>
                      <a:lnTo>
                        <a:pt x="156" y="155"/>
                      </a:lnTo>
                      <a:lnTo>
                        <a:pt x="161" y="148"/>
                      </a:lnTo>
                      <a:lnTo>
                        <a:pt x="167" y="142"/>
                      </a:lnTo>
                      <a:lnTo>
                        <a:pt x="171" y="134"/>
                      </a:lnTo>
                      <a:lnTo>
                        <a:pt x="176" y="126"/>
                      </a:lnTo>
                      <a:lnTo>
                        <a:pt x="179" y="117"/>
                      </a:lnTo>
                      <a:lnTo>
                        <a:pt x="181" y="109"/>
                      </a:lnTo>
                      <a:lnTo>
                        <a:pt x="182" y="99"/>
                      </a:lnTo>
                      <a:lnTo>
                        <a:pt x="182" y="91"/>
                      </a:lnTo>
                      <a:lnTo>
                        <a:pt x="182" y="82"/>
                      </a:lnTo>
                      <a:lnTo>
                        <a:pt x="181" y="72"/>
                      </a:lnTo>
                      <a:lnTo>
                        <a:pt x="179" y="64"/>
                      </a:lnTo>
                      <a:lnTo>
                        <a:pt x="176" y="55"/>
                      </a:lnTo>
                      <a:lnTo>
                        <a:pt x="171" y="47"/>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7"/>
                      </a:lnTo>
                      <a:lnTo>
                        <a:pt x="7" y="55"/>
                      </a:lnTo>
                      <a:lnTo>
                        <a:pt x="4" y="64"/>
                      </a:lnTo>
                      <a:lnTo>
                        <a:pt x="2" y="72"/>
                      </a:lnTo>
                      <a:lnTo>
                        <a:pt x="0" y="82"/>
                      </a:lnTo>
                      <a:lnTo>
                        <a:pt x="0" y="91"/>
                      </a:lnTo>
                      <a:lnTo>
                        <a:pt x="0" y="99"/>
                      </a:lnTo>
                      <a:lnTo>
                        <a:pt x="2" y="109"/>
                      </a:lnTo>
                      <a:lnTo>
                        <a:pt x="4" y="117"/>
                      </a:lnTo>
                      <a:lnTo>
                        <a:pt x="7" y="126"/>
                      </a:lnTo>
                      <a:lnTo>
                        <a:pt x="10" y="134"/>
                      </a:lnTo>
                      <a:lnTo>
                        <a:pt x="16" y="142"/>
                      </a:lnTo>
                      <a:lnTo>
                        <a:pt x="20" y="148"/>
                      </a:lnTo>
                      <a:lnTo>
                        <a:pt x="27" y="155"/>
                      </a:lnTo>
                      <a:lnTo>
                        <a:pt x="34" y="162"/>
                      </a:lnTo>
                      <a:lnTo>
                        <a:pt x="40" y="166"/>
                      </a:lnTo>
                      <a:lnTo>
                        <a:pt x="48" y="170"/>
                      </a:lnTo>
                      <a:lnTo>
                        <a:pt x="56"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5" name="Freeform 27"/>
                <p:cNvSpPr>
                  <a:spLocks/>
                </p:cNvSpPr>
                <p:nvPr/>
              </p:nvSpPr>
              <p:spPr bwMode="auto">
                <a:xfrm>
                  <a:off x="11073215" y="2212337"/>
                  <a:ext cx="203200" cy="34925"/>
                </a:xfrm>
                <a:custGeom>
                  <a:avLst/>
                  <a:gdLst/>
                  <a:ahLst/>
                  <a:cxnLst>
                    <a:cxn ang="0">
                      <a:pos x="1169" y="0"/>
                    </a:cxn>
                    <a:cxn ang="0">
                      <a:pos x="1190" y="3"/>
                    </a:cxn>
                    <a:cxn ang="0">
                      <a:pos x="1212" y="9"/>
                    </a:cxn>
                    <a:cxn ang="0">
                      <a:pos x="1229" y="19"/>
                    </a:cxn>
                    <a:cxn ang="0">
                      <a:pos x="1246" y="33"/>
                    </a:cxn>
                    <a:cxn ang="0">
                      <a:pos x="1259" y="49"/>
                    </a:cxn>
                    <a:cxn ang="0">
                      <a:pos x="1269" y="67"/>
                    </a:cxn>
                    <a:cxn ang="0">
                      <a:pos x="1276" y="88"/>
                    </a:cxn>
                    <a:cxn ang="0">
                      <a:pos x="1278" y="109"/>
                    </a:cxn>
                    <a:cxn ang="0">
                      <a:pos x="1276" y="131"/>
                    </a:cxn>
                    <a:cxn ang="0">
                      <a:pos x="1269" y="152"/>
                    </a:cxn>
                    <a:cxn ang="0">
                      <a:pos x="1259" y="170"/>
                    </a:cxn>
                    <a:cxn ang="0">
                      <a:pos x="1246" y="187"/>
                    </a:cxn>
                    <a:cxn ang="0">
                      <a:pos x="1229" y="200"/>
                    </a:cxn>
                    <a:cxn ang="0">
                      <a:pos x="1212" y="210"/>
                    </a:cxn>
                    <a:cxn ang="0">
                      <a:pos x="1190" y="217"/>
                    </a:cxn>
                    <a:cxn ang="0">
                      <a:pos x="1169" y="219"/>
                    </a:cxn>
                    <a:cxn ang="0">
                      <a:pos x="97" y="218"/>
                    </a:cxn>
                    <a:cxn ang="0">
                      <a:pos x="76" y="213"/>
                    </a:cxn>
                    <a:cxn ang="0">
                      <a:pos x="56" y="206"/>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4"/>
                    </a:cxn>
                    <a:cxn ang="0">
                      <a:pos x="76" y="6"/>
                    </a:cxn>
                    <a:cxn ang="0">
                      <a:pos x="97" y="2"/>
                    </a:cxn>
                  </a:cxnLst>
                  <a:rect l="0" t="0" r="r" b="b"/>
                  <a:pathLst>
                    <a:path w="1278" h="219">
                      <a:moveTo>
                        <a:pt x="108" y="0"/>
                      </a:moveTo>
                      <a:lnTo>
                        <a:pt x="1169" y="0"/>
                      </a:lnTo>
                      <a:lnTo>
                        <a:pt x="1180" y="2"/>
                      </a:lnTo>
                      <a:lnTo>
                        <a:pt x="1190" y="3"/>
                      </a:lnTo>
                      <a:lnTo>
                        <a:pt x="1202" y="6"/>
                      </a:lnTo>
                      <a:lnTo>
                        <a:pt x="1212" y="9"/>
                      </a:lnTo>
                      <a:lnTo>
                        <a:pt x="1220" y="14"/>
                      </a:lnTo>
                      <a:lnTo>
                        <a:pt x="1229" y="19"/>
                      </a:lnTo>
                      <a:lnTo>
                        <a:pt x="1238" y="26"/>
                      </a:lnTo>
                      <a:lnTo>
                        <a:pt x="1246" y="33"/>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2"/>
                      </a:lnTo>
                      <a:lnTo>
                        <a:pt x="1265" y="161"/>
                      </a:lnTo>
                      <a:lnTo>
                        <a:pt x="1259" y="170"/>
                      </a:lnTo>
                      <a:lnTo>
                        <a:pt x="1253" y="179"/>
                      </a:lnTo>
                      <a:lnTo>
                        <a:pt x="1246" y="187"/>
                      </a:lnTo>
                      <a:lnTo>
                        <a:pt x="1238" y="193"/>
                      </a:lnTo>
                      <a:lnTo>
                        <a:pt x="1229" y="200"/>
                      </a:lnTo>
                      <a:lnTo>
                        <a:pt x="1220" y="206"/>
                      </a:lnTo>
                      <a:lnTo>
                        <a:pt x="1212" y="210"/>
                      </a:lnTo>
                      <a:lnTo>
                        <a:pt x="1202" y="213"/>
                      </a:lnTo>
                      <a:lnTo>
                        <a:pt x="1190" y="217"/>
                      </a:lnTo>
                      <a:lnTo>
                        <a:pt x="1180" y="218"/>
                      </a:lnTo>
                      <a:lnTo>
                        <a:pt x="1169" y="219"/>
                      </a:lnTo>
                      <a:lnTo>
                        <a:pt x="108" y="219"/>
                      </a:lnTo>
                      <a:lnTo>
                        <a:pt x="97" y="218"/>
                      </a:lnTo>
                      <a:lnTo>
                        <a:pt x="86" y="217"/>
                      </a:lnTo>
                      <a:lnTo>
                        <a:pt x="76" y="213"/>
                      </a:lnTo>
                      <a:lnTo>
                        <a:pt x="66" y="210"/>
                      </a:lnTo>
                      <a:lnTo>
                        <a:pt x="56" y="206"/>
                      </a:lnTo>
                      <a:lnTo>
                        <a:pt x="47" y="200"/>
                      </a:lnTo>
                      <a:lnTo>
                        <a:pt x="38" y="193"/>
                      </a:lnTo>
                      <a:lnTo>
                        <a:pt x="31" y="187"/>
                      </a:lnTo>
                      <a:lnTo>
                        <a:pt x="24" y="179"/>
                      </a:lnTo>
                      <a:lnTo>
                        <a:pt x="17" y="170"/>
                      </a:lnTo>
                      <a:lnTo>
                        <a:pt x="12" y="161"/>
                      </a:lnTo>
                      <a:lnTo>
                        <a:pt x="7" y="152"/>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3"/>
                      </a:lnTo>
                      <a:lnTo>
                        <a:pt x="38"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6" name="Freeform 28"/>
                <p:cNvSpPr>
                  <a:spLocks/>
                </p:cNvSpPr>
                <p:nvPr/>
              </p:nvSpPr>
              <p:spPr bwMode="auto">
                <a:xfrm>
                  <a:off x="10455678" y="2213924"/>
                  <a:ext cx="28575" cy="28575"/>
                </a:xfrm>
                <a:custGeom>
                  <a:avLst/>
                  <a:gdLst/>
                  <a:ahLst/>
                  <a:cxnLst>
                    <a:cxn ang="0">
                      <a:pos x="101" y="182"/>
                    </a:cxn>
                    <a:cxn ang="0">
                      <a:pos x="119" y="179"/>
                    </a:cxn>
                    <a:cxn ang="0">
                      <a:pos x="135" y="171"/>
                    </a:cxn>
                    <a:cxn ang="0">
                      <a:pos x="150" y="161"/>
                    </a:cxn>
                    <a:cxn ang="0">
                      <a:pos x="162" y="149"/>
                    </a:cxn>
                    <a:cxn ang="0">
                      <a:pos x="172" y="134"/>
                    </a:cxn>
                    <a:cxn ang="0">
                      <a:pos x="179" y="118"/>
                    </a:cxn>
                    <a:cxn ang="0">
                      <a:pos x="182" y="100"/>
                    </a:cxn>
                    <a:cxn ang="0">
                      <a:pos x="182" y="82"/>
                    </a:cxn>
                    <a:cxn ang="0">
                      <a:pos x="179"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9" y="179"/>
                      </a:lnTo>
                      <a:lnTo>
                        <a:pt x="126" y="175"/>
                      </a:lnTo>
                      <a:lnTo>
                        <a:pt x="135" y="171"/>
                      </a:lnTo>
                      <a:lnTo>
                        <a:pt x="142" y="167"/>
                      </a:lnTo>
                      <a:lnTo>
                        <a:pt x="150" y="161"/>
                      </a:lnTo>
                      <a:lnTo>
                        <a:pt x="156" y="156"/>
                      </a:lnTo>
                      <a:lnTo>
                        <a:pt x="162" y="149"/>
                      </a:lnTo>
                      <a:lnTo>
                        <a:pt x="167" y="142"/>
                      </a:lnTo>
                      <a:lnTo>
                        <a:pt x="172" y="134"/>
                      </a:lnTo>
                      <a:lnTo>
                        <a:pt x="175" y="127"/>
                      </a:lnTo>
                      <a:lnTo>
                        <a:pt x="179" y="118"/>
                      </a:lnTo>
                      <a:lnTo>
                        <a:pt x="181" y="109"/>
                      </a:lnTo>
                      <a:lnTo>
                        <a:pt x="182" y="100"/>
                      </a:lnTo>
                      <a:lnTo>
                        <a:pt x="183" y="91"/>
                      </a:lnTo>
                      <a:lnTo>
                        <a:pt x="182" y="82"/>
                      </a:lnTo>
                      <a:lnTo>
                        <a:pt x="181" y="72"/>
                      </a:lnTo>
                      <a:lnTo>
                        <a:pt x="179" y="63"/>
                      </a:lnTo>
                      <a:lnTo>
                        <a:pt x="175" y="56"/>
                      </a:lnTo>
                      <a:lnTo>
                        <a:pt x="172" y="48"/>
                      </a:lnTo>
                      <a:lnTo>
                        <a:pt x="167" y="40"/>
                      </a:lnTo>
                      <a:lnTo>
                        <a:pt x="162" y="33"/>
                      </a:lnTo>
                      <a:lnTo>
                        <a:pt x="156" y="27"/>
                      </a:lnTo>
                      <a:lnTo>
                        <a:pt x="150" y="20"/>
                      </a:lnTo>
                      <a:lnTo>
                        <a:pt x="142" y="16"/>
                      </a:lnTo>
                      <a:lnTo>
                        <a:pt x="135" y="11"/>
                      </a:lnTo>
                      <a:lnTo>
                        <a:pt x="126" y="7"/>
                      </a:lnTo>
                      <a:lnTo>
                        <a:pt x="119" y="4"/>
                      </a:lnTo>
                      <a:lnTo>
                        <a:pt x="110" y="1"/>
                      </a:lnTo>
                      <a:lnTo>
                        <a:pt x="101" y="0"/>
                      </a:lnTo>
                      <a:lnTo>
                        <a:pt x="91" y="0"/>
                      </a:lnTo>
                      <a:lnTo>
                        <a:pt x="82" y="0"/>
                      </a:lnTo>
                      <a:lnTo>
                        <a:pt x="73" y="1"/>
                      </a:lnTo>
                      <a:lnTo>
                        <a:pt x="64" y="4"/>
                      </a:lnTo>
                      <a:lnTo>
                        <a:pt x="55" y="7"/>
                      </a:lnTo>
                      <a:lnTo>
                        <a:pt x="48" y="11"/>
                      </a:lnTo>
                      <a:lnTo>
                        <a:pt x="40" y="16"/>
                      </a:lnTo>
                      <a:lnTo>
                        <a:pt x="33" y="20"/>
                      </a:lnTo>
                      <a:lnTo>
                        <a:pt x="27" y="27"/>
                      </a:lnTo>
                      <a:lnTo>
                        <a:pt x="21" y="33"/>
                      </a:lnTo>
                      <a:lnTo>
                        <a:pt x="16" y="40"/>
                      </a:lnTo>
                      <a:lnTo>
                        <a:pt x="11" y="48"/>
                      </a:lnTo>
                      <a:lnTo>
                        <a:pt x="7" y="56"/>
                      </a:lnTo>
                      <a:lnTo>
                        <a:pt x="4" y="63"/>
                      </a:lnTo>
                      <a:lnTo>
                        <a:pt x="2" y="72"/>
                      </a:lnTo>
                      <a:lnTo>
                        <a:pt x="0" y="82"/>
                      </a:lnTo>
                      <a:lnTo>
                        <a:pt x="0" y="91"/>
                      </a:lnTo>
                      <a:lnTo>
                        <a:pt x="0" y="100"/>
                      </a:lnTo>
                      <a:lnTo>
                        <a:pt x="2" y="109"/>
                      </a:lnTo>
                      <a:lnTo>
                        <a:pt x="4" y="118"/>
                      </a:lnTo>
                      <a:lnTo>
                        <a:pt x="7" y="127"/>
                      </a:lnTo>
                      <a:lnTo>
                        <a:pt x="11" y="134"/>
                      </a:lnTo>
                      <a:lnTo>
                        <a:pt x="16" y="142"/>
                      </a:lnTo>
                      <a:lnTo>
                        <a:pt x="21" y="149"/>
                      </a:lnTo>
                      <a:lnTo>
                        <a:pt x="27"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7" name="Freeform 29"/>
                <p:cNvSpPr>
                  <a:spLocks/>
                </p:cNvSpPr>
                <p:nvPr/>
              </p:nvSpPr>
              <p:spPr bwMode="auto">
                <a:xfrm>
                  <a:off x="10495365" y="2213924"/>
                  <a:ext cx="30163" cy="28575"/>
                </a:xfrm>
                <a:custGeom>
                  <a:avLst/>
                  <a:gdLst/>
                  <a:ahLst/>
                  <a:cxnLst>
                    <a:cxn ang="0">
                      <a:pos x="101" y="182"/>
                    </a:cxn>
                    <a:cxn ang="0">
                      <a:pos x="119" y="179"/>
                    </a:cxn>
                    <a:cxn ang="0">
                      <a:pos x="135" y="171"/>
                    </a:cxn>
                    <a:cxn ang="0">
                      <a:pos x="150" y="161"/>
                    </a:cxn>
                    <a:cxn ang="0">
                      <a:pos x="162" y="149"/>
                    </a:cxn>
                    <a:cxn ang="0">
                      <a:pos x="172" y="134"/>
                    </a:cxn>
                    <a:cxn ang="0">
                      <a:pos x="178" y="118"/>
                    </a:cxn>
                    <a:cxn ang="0">
                      <a:pos x="182" y="100"/>
                    </a:cxn>
                    <a:cxn ang="0">
                      <a:pos x="182" y="82"/>
                    </a:cxn>
                    <a:cxn ang="0">
                      <a:pos x="178"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3" h="182">
                      <a:moveTo>
                        <a:pt x="92" y="182"/>
                      </a:moveTo>
                      <a:lnTo>
                        <a:pt x="101" y="182"/>
                      </a:lnTo>
                      <a:lnTo>
                        <a:pt x="110" y="181"/>
                      </a:lnTo>
                      <a:lnTo>
                        <a:pt x="119" y="179"/>
                      </a:lnTo>
                      <a:lnTo>
                        <a:pt x="127" y="175"/>
                      </a:lnTo>
                      <a:lnTo>
                        <a:pt x="135" y="171"/>
                      </a:lnTo>
                      <a:lnTo>
                        <a:pt x="142" y="167"/>
                      </a:lnTo>
                      <a:lnTo>
                        <a:pt x="150" y="161"/>
                      </a:lnTo>
                      <a:lnTo>
                        <a:pt x="156" y="156"/>
                      </a:lnTo>
                      <a:lnTo>
                        <a:pt x="162" y="149"/>
                      </a:lnTo>
                      <a:lnTo>
                        <a:pt x="167"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7" y="40"/>
                      </a:lnTo>
                      <a:lnTo>
                        <a:pt x="162" y="33"/>
                      </a:lnTo>
                      <a:lnTo>
                        <a:pt x="156" y="27"/>
                      </a:lnTo>
                      <a:lnTo>
                        <a:pt x="150" y="20"/>
                      </a:lnTo>
                      <a:lnTo>
                        <a:pt x="142" y="16"/>
                      </a:lnTo>
                      <a:lnTo>
                        <a:pt x="135" y="11"/>
                      </a:lnTo>
                      <a:lnTo>
                        <a:pt x="127" y="7"/>
                      </a:lnTo>
                      <a:lnTo>
                        <a:pt x="119" y="4"/>
                      </a:lnTo>
                      <a:lnTo>
                        <a:pt x="110" y="1"/>
                      </a:lnTo>
                      <a:lnTo>
                        <a:pt x="101" y="0"/>
                      </a:lnTo>
                      <a:lnTo>
                        <a:pt x="92"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8" y="56"/>
                      </a:lnTo>
                      <a:lnTo>
                        <a:pt x="4" y="63"/>
                      </a:lnTo>
                      <a:lnTo>
                        <a:pt x="2" y="72"/>
                      </a:lnTo>
                      <a:lnTo>
                        <a:pt x="1" y="82"/>
                      </a:lnTo>
                      <a:lnTo>
                        <a:pt x="0" y="91"/>
                      </a:lnTo>
                      <a:lnTo>
                        <a:pt x="1" y="100"/>
                      </a:lnTo>
                      <a:lnTo>
                        <a:pt x="2" y="109"/>
                      </a:lnTo>
                      <a:lnTo>
                        <a:pt x="4" y="118"/>
                      </a:lnTo>
                      <a:lnTo>
                        <a:pt x="8"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8" name="Freeform 30"/>
                <p:cNvSpPr>
                  <a:spLocks/>
                </p:cNvSpPr>
                <p:nvPr/>
              </p:nvSpPr>
              <p:spPr bwMode="auto">
                <a:xfrm>
                  <a:off x="10536640" y="2213924"/>
                  <a:ext cx="28575" cy="28575"/>
                </a:xfrm>
                <a:custGeom>
                  <a:avLst/>
                  <a:gdLst/>
                  <a:ahLst/>
                  <a:cxnLst>
                    <a:cxn ang="0">
                      <a:pos x="101" y="182"/>
                    </a:cxn>
                    <a:cxn ang="0">
                      <a:pos x="118" y="179"/>
                    </a:cxn>
                    <a:cxn ang="0">
                      <a:pos x="135" y="171"/>
                    </a:cxn>
                    <a:cxn ang="0">
                      <a:pos x="149" y="161"/>
                    </a:cxn>
                    <a:cxn ang="0">
                      <a:pos x="162" y="149"/>
                    </a:cxn>
                    <a:cxn ang="0">
                      <a:pos x="172" y="134"/>
                    </a:cxn>
                    <a:cxn ang="0">
                      <a:pos x="178" y="118"/>
                    </a:cxn>
                    <a:cxn ang="0">
                      <a:pos x="183" y="100"/>
                    </a:cxn>
                    <a:cxn ang="0">
                      <a:pos x="183" y="82"/>
                    </a:cxn>
                    <a:cxn ang="0">
                      <a:pos x="178" y="63"/>
                    </a:cxn>
                    <a:cxn ang="0">
                      <a:pos x="172" y="48"/>
                    </a:cxn>
                    <a:cxn ang="0">
                      <a:pos x="162" y="33"/>
                    </a:cxn>
                    <a:cxn ang="0">
                      <a:pos x="149" y="20"/>
                    </a:cxn>
                    <a:cxn ang="0">
                      <a:pos x="135" y="11"/>
                    </a:cxn>
                    <a:cxn ang="0">
                      <a:pos x="118" y="4"/>
                    </a:cxn>
                    <a:cxn ang="0">
                      <a:pos x="101" y="0"/>
                    </a:cxn>
                    <a:cxn ang="0">
                      <a:pos x="82" y="0"/>
                    </a:cxn>
                    <a:cxn ang="0">
                      <a:pos x="64" y="4"/>
                    </a:cxn>
                    <a:cxn ang="0">
                      <a:pos x="47"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7" y="171"/>
                    </a:cxn>
                    <a:cxn ang="0">
                      <a:pos x="64" y="179"/>
                    </a:cxn>
                    <a:cxn ang="0">
                      <a:pos x="82" y="182"/>
                    </a:cxn>
                  </a:cxnLst>
                  <a:rect l="0" t="0" r="r" b="b"/>
                  <a:pathLst>
                    <a:path w="183" h="182">
                      <a:moveTo>
                        <a:pt x="92" y="182"/>
                      </a:moveTo>
                      <a:lnTo>
                        <a:pt x="101" y="182"/>
                      </a:lnTo>
                      <a:lnTo>
                        <a:pt x="109" y="181"/>
                      </a:lnTo>
                      <a:lnTo>
                        <a:pt x="118" y="179"/>
                      </a:lnTo>
                      <a:lnTo>
                        <a:pt x="127" y="175"/>
                      </a:lnTo>
                      <a:lnTo>
                        <a:pt x="135" y="171"/>
                      </a:lnTo>
                      <a:lnTo>
                        <a:pt x="143" y="167"/>
                      </a:lnTo>
                      <a:lnTo>
                        <a:pt x="149" y="161"/>
                      </a:lnTo>
                      <a:lnTo>
                        <a:pt x="156" y="156"/>
                      </a:lnTo>
                      <a:lnTo>
                        <a:pt x="162" y="149"/>
                      </a:lnTo>
                      <a:lnTo>
                        <a:pt x="167" y="142"/>
                      </a:lnTo>
                      <a:lnTo>
                        <a:pt x="172" y="134"/>
                      </a:lnTo>
                      <a:lnTo>
                        <a:pt x="176" y="127"/>
                      </a:lnTo>
                      <a:lnTo>
                        <a:pt x="178" y="118"/>
                      </a:lnTo>
                      <a:lnTo>
                        <a:pt x="180" y="109"/>
                      </a:lnTo>
                      <a:lnTo>
                        <a:pt x="183" y="100"/>
                      </a:lnTo>
                      <a:lnTo>
                        <a:pt x="183" y="91"/>
                      </a:lnTo>
                      <a:lnTo>
                        <a:pt x="183" y="82"/>
                      </a:lnTo>
                      <a:lnTo>
                        <a:pt x="180" y="72"/>
                      </a:lnTo>
                      <a:lnTo>
                        <a:pt x="178" y="63"/>
                      </a:lnTo>
                      <a:lnTo>
                        <a:pt x="176" y="56"/>
                      </a:lnTo>
                      <a:lnTo>
                        <a:pt x="172" y="48"/>
                      </a:lnTo>
                      <a:lnTo>
                        <a:pt x="167" y="40"/>
                      </a:lnTo>
                      <a:lnTo>
                        <a:pt x="162" y="33"/>
                      </a:lnTo>
                      <a:lnTo>
                        <a:pt x="156" y="27"/>
                      </a:lnTo>
                      <a:lnTo>
                        <a:pt x="149" y="20"/>
                      </a:lnTo>
                      <a:lnTo>
                        <a:pt x="143" y="16"/>
                      </a:lnTo>
                      <a:lnTo>
                        <a:pt x="135" y="11"/>
                      </a:lnTo>
                      <a:lnTo>
                        <a:pt x="127" y="7"/>
                      </a:lnTo>
                      <a:lnTo>
                        <a:pt x="118" y="4"/>
                      </a:lnTo>
                      <a:lnTo>
                        <a:pt x="109" y="1"/>
                      </a:lnTo>
                      <a:lnTo>
                        <a:pt x="101" y="0"/>
                      </a:lnTo>
                      <a:lnTo>
                        <a:pt x="92" y="0"/>
                      </a:lnTo>
                      <a:lnTo>
                        <a:pt x="82" y="0"/>
                      </a:lnTo>
                      <a:lnTo>
                        <a:pt x="73" y="1"/>
                      </a:lnTo>
                      <a:lnTo>
                        <a:pt x="64" y="4"/>
                      </a:lnTo>
                      <a:lnTo>
                        <a:pt x="56" y="7"/>
                      </a:lnTo>
                      <a:lnTo>
                        <a:pt x="47" y="11"/>
                      </a:lnTo>
                      <a:lnTo>
                        <a:pt x="41" y="16"/>
                      </a:lnTo>
                      <a:lnTo>
                        <a:pt x="33" y="20"/>
                      </a:lnTo>
                      <a:lnTo>
                        <a:pt x="26" y="27"/>
                      </a:lnTo>
                      <a:lnTo>
                        <a:pt x="21" y="33"/>
                      </a:lnTo>
                      <a:lnTo>
                        <a:pt x="15"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5" y="142"/>
                      </a:lnTo>
                      <a:lnTo>
                        <a:pt x="21" y="149"/>
                      </a:lnTo>
                      <a:lnTo>
                        <a:pt x="26" y="156"/>
                      </a:lnTo>
                      <a:lnTo>
                        <a:pt x="33" y="161"/>
                      </a:lnTo>
                      <a:lnTo>
                        <a:pt x="41" y="167"/>
                      </a:lnTo>
                      <a:lnTo>
                        <a:pt x="47" y="171"/>
                      </a:lnTo>
                      <a:lnTo>
                        <a:pt x="56"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899" name="Freeform 31"/>
                <p:cNvSpPr>
                  <a:spLocks/>
                </p:cNvSpPr>
                <p:nvPr/>
              </p:nvSpPr>
              <p:spPr bwMode="auto">
                <a:xfrm>
                  <a:off x="10576328" y="2213924"/>
                  <a:ext cx="28575" cy="28575"/>
                </a:xfrm>
                <a:custGeom>
                  <a:avLst/>
                  <a:gdLst/>
                  <a:ahLst/>
                  <a:cxnLst>
                    <a:cxn ang="0">
                      <a:pos x="100" y="182"/>
                    </a:cxn>
                    <a:cxn ang="0">
                      <a:pos x="118" y="179"/>
                    </a:cxn>
                    <a:cxn ang="0">
                      <a:pos x="135" y="171"/>
                    </a:cxn>
                    <a:cxn ang="0">
                      <a:pos x="149" y="161"/>
                    </a:cxn>
                    <a:cxn ang="0">
                      <a:pos x="161" y="149"/>
                    </a:cxn>
                    <a:cxn ang="0">
                      <a:pos x="171" y="134"/>
                    </a:cxn>
                    <a:cxn ang="0">
                      <a:pos x="178" y="118"/>
                    </a:cxn>
                    <a:cxn ang="0">
                      <a:pos x="182" y="100"/>
                    </a:cxn>
                    <a:cxn ang="0">
                      <a:pos x="182" y="82"/>
                    </a:cxn>
                    <a:cxn ang="0">
                      <a:pos x="178"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2" h="182">
                      <a:moveTo>
                        <a:pt x="92" y="182"/>
                      </a:moveTo>
                      <a:lnTo>
                        <a:pt x="100" y="182"/>
                      </a:lnTo>
                      <a:lnTo>
                        <a:pt x="109" y="181"/>
                      </a:lnTo>
                      <a:lnTo>
                        <a:pt x="118" y="179"/>
                      </a:lnTo>
                      <a:lnTo>
                        <a:pt x="127" y="175"/>
                      </a:lnTo>
                      <a:lnTo>
                        <a:pt x="135" y="171"/>
                      </a:lnTo>
                      <a:lnTo>
                        <a:pt x="143" y="167"/>
                      </a:lnTo>
                      <a:lnTo>
                        <a:pt x="149" y="161"/>
                      </a:lnTo>
                      <a:lnTo>
                        <a:pt x="156" y="156"/>
                      </a:lnTo>
                      <a:lnTo>
                        <a:pt x="161" y="149"/>
                      </a:lnTo>
                      <a:lnTo>
                        <a:pt x="167" y="142"/>
                      </a:lnTo>
                      <a:lnTo>
                        <a:pt x="171" y="134"/>
                      </a:lnTo>
                      <a:lnTo>
                        <a:pt x="176" y="127"/>
                      </a:lnTo>
                      <a:lnTo>
                        <a:pt x="178" y="118"/>
                      </a:lnTo>
                      <a:lnTo>
                        <a:pt x="180" y="109"/>
                      </a:lnTo>
                      <a:lnTo>
                        <a:pt x="182" y="100"/>
                      </a:lnTo>
                      <a:lnTo>
                        <a:pt x="182" y="91"/>
                      </a:lnTo>
                      <a:lnTo>
                        <a:pt x="182" y="82"/>
                      </a:lnTo>
                      <a:lnTo>
                        <a:pt x="180" y="72"/>
                      </a:lnTo>
                      <a:lnTo>
                        <a:pt x="178" y="63"/>
                      </a:lnTo>
                      <a:lnTo>
                        <a:pt x="176" y="56"/>
                      </a:lnTo>
                      <a:lnTo>
                        <a:pt x="171" y="48"/>
                      </a:lnTo>
                      <a:lnTo>
                        <a:pt x="167" y="40"/>
                      </a:lnTo>
                      <a:lnTo>
                        <a:pt x="161" y="33"/>
                      </a:lnTo>
                      <a:lnTo>
                        <a:pt x="156" y="27"/>
                      </a:lnTo>
                      <a:lnTo>
                        <a:pt x="149" y="20"/>
                      </a:lnTo>
                      <a:lnTo>
                        <a:pt x="143" y="16"/>
                      </a:lnTo>
                      <a:lnTo>
                        <a:pt x="135" y="11"/>
                      </a:lnTo>
                      <a:lnTo>
                        <a:pt x="127" y="7"/>
                      </a:lnTo>
                      <a:lnTo>
                        <a:pt x="118" y="4"/>
                      </a:lnTo>
                      <a:lnTo>
                        <a:pt x="109" y="1"/>
                      </a:lnTo>
                      <a:lnTo>
                        <a:pt x="100" y="0"/>
                      </a:lnTo>
                      <a:lnTo>
                        <a:pt x="92" y="0"/>
                      </a:lnTo>
                      <a:lnTo>
                        <a:pt x="82" y="0"/>
                      </a:lnTo>
                      <a:lnTo>
                        <a:pt x="73" y="1"/>
                      </a:lnTo>
                      <a:lnTo>
                        <a:pt x="64" y="4"/>
                      </a:lnTo>
                      <a:lnTo>
                        <a:pt x="56" y="7"/>
                      </a:lnTo>
                      <a:lnTo>
                        <a:pt x="48" y="11"/>
                      </a:lnTo>
                      <a:lnTo>
                        <a:pt x="41" y="16"/>
                      </a:lnTo>
                      <a:lnTo>
                        <a:pt x="33" y="20"/>
                      </a:lnTo>
                      <a:lnTo>
                        <a:pt x="27" y="27"/>
                      </a:lnTo>
                      <a:lnTo>
                        <a:pt x="21" y="33"/>
                      </a:lnTo>
                      <a:lnTo>
                        <a:pt x="16"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6" y="142"/>
                      </a:lnTo>
                      <a:lnTo>
                        <a:pt x="21" y="149"/>
                      </a:lnTo>
                      <a:lnTo>
                        <a:pt x="27" y="156"/>
                      </a:lnTo>
                      <a:lnTo>
                        <a:pt x="33" y="161"/>
                      </a:lnTo>
                      <a:lnTo>
                        <a:pt x="41" y="167"/>
                      </a:lnTo>
                      <a:lnTo>
                        <a:pt x="48" y="171"/>
                      </a:lnTo>
                      <a:lnTo>
                        <a:pt x="56"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0" name="Freeform 32"/>
                <p:cNvSpPr>
                  <a:spLocks/>
                </p:cNvSpPr>
                <p:nvPr/>
              </p:nvSpPr>
              <p:spPr bwMode="auto">
                <a:xfrm>
                  <a:off x="10616015" y="2213924"/>
                  <a:ext cx="28575" cy="28575"/>
                </a:xfrm>
                <a:custGeom>
                  <a:avLst/>
                  <a:gdLst/>
                  <a:ahLst/>
                  <a:cxnLst>
                    <a:cxn ang="0">
                      <a:pos x="100" y="182"/>
                    </a:cxn>
                    <a:cxn ang="0">
                      <a:pos x="118" y="179"/>
                    </a:cxn>
                    <a:cxn ang="0">
                      <a:pos x="135"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4" y="20"/>
                    </a:cxn>
                    <a:cxn ang="0">
                      <a:pos x="20" y="33"/>
                    </a:cxn>
                    <a:cxn ang="0">
                      <a:pos x="10" y="48"/>
                    </a:cxn>
                    <a:cxn ang="0">
                      <a:pos x="4" y="63"/>
                    </a:cxn>
                    <a:cxn ang="0">
                      <a:pos x="0" y="82"/>
                    </a:cxn>
                    <a:cxn ang="0">
                      <a:pos x="0" y="100"/>
                    </a:cxn>
                    <a:cxn ang="0">
                      <a:pos x="4" y="118"/>
                    </a:cxn>
                    <a:cxn ang="0">
                      <a:pos x="10" y="134"/>
                    </a:cxn>
                    <a:cxn ang="0">
                      <a:pos x="20" y="149"/>
                    </a:cxn>
                    <a:cxn ang="0">
                      <a:pos x="34" y="161"/>
                    </a:cxn>
                    <a:cxn ang="0">
                      <a:pos x="48" y="171"/>
                    </a:cxn>
                    <a:cxn ang="0">
                      <a:pos x="64" y="179"/>
                    </a:cxn>
                    <a:cxn ang="0">
                      <a:pos x="82" y="182"/>
                    </a:cxn>
                  </a:cxnLst>
                  <a:rect l="0" t="0" r="r" b="b"/>
                  <a:pathLst>
                    <a:path w="182" h="182">
                      <a:moveTo>
                        <a:pt x="91" y="182"/>
                      </a:moveTo>
                      <a:lnTo>
                        <a:pt x="100" y="182"/>
                      </a:lnTo>
                      <a:lnTo>
                        <a:pt x="109" y="181"/>
                      </a:lnTo>
                      <a:lnTo>
                        <a:pt x="118" y="179"/>
                      </a:lnTo>
                      <a:lnTo>
                        <a:pt x="127" y="175"/>
                      </a:lnTo>
                      <a:lnTo>
                        <a:pt x="135" y="171"/>
                      </a:lnTo>
                      <a:lnTo>
                        <a:pt x="142" y="167"/>
                      </a:lnTo>
                      <a:lnTo>
                        <a:pt x="149" y="161"/>
                      </a:lnTo>
                      <a:lnTo>
                        <a:pt x="156" y="156"/>
                      </a:lnTo>
                      <a:lnTo>
                        <a:pt x="161" y="149"/>
                      </a:lnTo>
                      <a:lnTo>
                        <a:pt x="167" y="142"/>
                      </a:lnTo>
                      <a:lnTo>
                        <a:pt x="171" y="134"/>
                      </a:lnTo>
                      <a:lnTo>
                        <a:pt x="176" y="127"/>
                      </a:lnTo>
                      <a:lnTo>
                        <a:pt x="179" y="118"/>
                      </a:lnTo>
                      <a:lnTo>
                        <a:pt x="181" y="109"/>
                      </a:lnTo>
                      <a:lnTo>
                        <a:pt x="182" y="100"/>
                      </a:lnTo>
                      <a:lnTo>
                        <a:pt x="182" y="91"/>
                      </a:lnTo>
                      <a:lnTo>
                        <a:pt x="182" y="82"/>
                      </a:lnTo>
                      <a:lnTo>
                        <a:pt x="181" y="72"/>
                      </a:lnTo>
                      <a:lnTo>
                        <a:pt x="179" y="63"/>
                      </a:lnTo>
                      <a:lnTo>
                        <a:pt x="176" y="56"/>
                      </a:lnTo>
                      <a:lnTo>
                        <a:pt x="171" y="48"/>
                      </a:lnTo>
                      <a:lnTo>
                        <a:pt x="167" y="40"/>
                      </a:lnTo>
                      <a:lnTo>
                        <a:pt x="161" y="33"/>
                      </a:lnTo>
                      <a:lnTo>
                        <a:pt x="156" y="27"/>
                      </a:lnTo>
                      <a:lnTo>
                        <a:pt x="149" y="20"/>
                      </a:lnTo>
                      <a:lnTo>
                        <a:pt x="142" y="16"/>
                      </a:lnTo>
                      <a:lnTo>
                        <a:pt x="135" y="11"/>
                      </a:lnTo>
                      <a:lnTo>
                        <a:pt x="127" y="7"/>
                      </a:lnTo>
                      <a:lnTo>
                        <a:pt x="118" y="4"/>
                      </a:lnTo>
                      <a:lnTo>
                        <a:pt x="109" y="1"/>
                      </a:lnTo>
                      <a:lnTo>
                        <a:pt x="100" y="0"/>
                      </a:lnTo>
                      <a:lnTo>
                        <a:pt x="91" y="0"/>
                      </a:lnTo>
                      <a:lnTo>
                        <a:pt x="82" y="0"/>
                      </a:lnTo>
                      <a:lnTo>
                        <a:pt x="73" y="1"/>
                      </a:lnTo>
                      <a:lnTo>
                        <a:pt x="64" y="4"/>
                      </a:lnTo>
                      <a:lnTo>
                        <a:pt x="56" y="7"/>
                      </a:lnTo>
                      <a:lnTo>
                        <a:pt x="48" y="11"/>
                      </a:lnTo>
                      <a:lnTo>
                        <a:pt x="40" y="16"/>
                      </a:lnTo>
                      <a:lnTo>
                        <a:pt x="34" y="20"/>
                      </a:lnTo>
                      <a:lnTo>
                        <a:pt x="27" y="27"/>
                      </a:lnTo>
                      <a:lnTo>
                        <a:pt x="20" y="33"/>
                      </a:lnTo>
                      <a:lnTo>
                        <a:pt x="16" y="40"/>
                      </a:lnTo>
                      <a:lnTo>
                        <a:pt x="10" y="48"/>
                      </a:lnTo>
                      <a:lnTo>
                        <a:pt x="7" y="56"/>
                      </a:lnTo>
                      <a:lnTo>
                        <a:pt x="4" y="63"/>
                      </a:lnTo>
                      <a:lnTo>
                        <a:pt x="2" y="72"/>
                      </a:lnTo>
                      <a:lnTo>
                        <a:pt x="0" y="82"/>
                      </a:lnTo>
                      <a:lnTo>
                        <a:pt x="0" y="91"/>
                      </a:lnTo>
                      <a:lnTo>
                        <a:pt x="0" y="100"/>
                      </a:lnTo>
                      <a:lnTo>
                        <a:pt x="2" y="109"/>
                      </a:lnTo>
                      <a:lnTo>
                        <a:pt x="4" y="118"/>
                      </a:lnTo>
                      <a:lnTo>
                        <a:pt x="7" y="127"/>
                      </a:lnTo>
                      <a:lnTo>
                        <a:pt x="10" y="134"/>
                      </a:lnTo>
                      <a:lnTo>
                        <a:pt x="16" y="142"/>
                      </a:lnTo>
                      <a:lnTo>
                        <a:pt x="20" y="149"/>
                      </a:lnTo>
                      <a:lnTo>
                        <a:pt x="27" y="156"/>
                      </a:lnTo>
                      <a:lnTo>
                        <a:pt x="34" y="161"/>
                      </a:lnTo>
                      <a:lnTo>
                        <a:pt x="40" y="167"/>
                      </a:lnTo>
                      <a:lnTo>
                        <a:pt x="48" y="171"/>
                      </a:lnTo>
                      <a:lnTo>
                        <a:pt x="56"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1" name="Freeform 33"/>
                <p:cNvSpPr>
                  <a:spLocks/>
                </p:cNvSpPr>
                <p:nvPr/>
              </p:nvSpPr>
              <p:spPr bwMode="auto">
                <a:xfrm>
                  <a:off x="11073215" y="2399662"/>
                  <a:ext cx="203200" cy="34925"/>
                </a:xfrm>
                <a:custGeom>
                  <a:avLst/>
                  <a:gdLst/>
                  <a:ahLst/>
                  <a:cxnLst>
                    <a:cxn ang="0">
                      <a:pos x="1169" y="0"/>
                    </a:cxn>
                    <a:cxn ang="0">
                      <a:pos x="1190" y="2"/>
                    </a:cxn>
                    <a:cxn ang="0">
                      <a:pos x="1212" y="9"/>
                    </a:cxn>
                    <a:cxn ang="0">
                      <a:pos x="1229" y="19"/>
                    </a:cxn>
                    <a:cxn ang="0">
                      <a:pos x="1246" y="32"/>
                    </a:cxn>
                    <a:cxn ang="0">
                      <a:pos x="1259" y="49"/>
                    </a:cxn>
                    <a:cxn ang="0">
                      <a:pos x="1269" y="67"/>
                    </a:cxn>
                    <a:cxn ang="0">
                      <a:pos x="1276" y="88"/>
                    </a:cxn>
                    <a:cxn ang="0">
                      <a:pos x="1278" y="109"/>
                    </a:cxn>
                    <a:cxn ang="0">
                      <a:pos x="1276" y="131"/>
                    </a:cxn>
                    <a:cxn ang="0">
                      <a:pos x="1269" y="151"/>
                    </a:cxn>
                    <a:cxn ang="0">
                      <a:pos x="1259" y="170"/>
                    </a:cxn>
                    <a:cxn ang="0">
                      <a:pos x="1246" y="186"/>
                    </a:cxn>
                    <a:cxn ang="0">
                      <a:pos x="1229" y="200"/>
                    </a:cxn>
                    <a:cxn ang="0">
                      <a:pos x="1212" y="210"/>
                    </a:cxn>
                    <a:cxn ang="0">
                      <a:pos x="1190" y="216"/>
                    </a:cxn>
                    <a:cxn ang="0">
                      <a:pos x="1169" y="219"/>
                    </a:cxn>
                    <a:cxn ang="0">
                      <a:pos x="97" y="217"/>
                    </a:cxn>
                    <a:cxn ang="0">
                      <a:pos x="76" y="213"/>
                    </a:cxn>
                    <a:cxn ang="0">
                      <a:pos x="56" y="205"/>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1"/>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7"/>
                      </a:lnTo>
                      <a:lnTo>
                        <a:pt x="1169" y="219"/>
                      </a:lnTo>
                      <a:lnTo>
                        <a:pt x="108" y="219"/>
                      </a:lnTo>
                      <a:lnTo>
                        <a:pt x="97" y="217"/>
                      </a:lnTo>
                      <a:lnTo>
                        <a:pt x="86" y="216"/>
                      </a:lnTo>
                      <a:lnTo>
                        <a:pt x="76" y="213"/>
                      </a:lnTo>
                      <a:lnTo>
                        <a:pt x="66" y="210"/>
                      </a:lnTo>
                      <a:lnTo>
                        <a:pt x="56" y="205"/>
                      </a:lnTo>
                      <a:lnTo>
                        <a:pt x="47" y="200"/>
                      </a:lnTo>
                      <a:lnTo>
                        <a:pt x="38" y="193"/>
                      </a:lnTo>
                      <a:lnTo>
                        <a:pt x="31" y="186"/>
                      </a:lnTo>
                      <a:lnTo>
                        <a:pt x="24" y="179"/>
                      </a:lnTo>
                      <a:lnTo>
                        <a:pt x="17" y="170"/>
                      </a:lnTo>
                      <a:lnTo>
                        <a:pt x="12" y="161"/>
                      </a:lnTo>
                      <a:lnTo>
                        <a:pt x="7" y="151"/>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2" name="Freeform 34"/>
                <p:cNvSpPr>
                  <a:spLocks/>
                </p:cNvSpPr>
                <p:nvPr/>
              </p:nvSpPr>
              <p:spPr bwMode="auto">
                <a:xfrm>
                  <a:off x="10455678" y="2401249"/>
                  <a:ext cx="28575" cy="28575"/>
                </a:xfrm>
                <a:custGeom>
                  <a:avLst/>
                  <a:gdLst/>
                  <a:ahLst/>
                  <a:cxnLst>
                    <a:cxn ang="0">
                      <a:pos x="101" y="183"/>
                    </a:cxn>
                    <a:cxn ang="0">
                      <a:pos x="119" y="179"/>
                    </a:cxn>
                    <a:cxn ang="0">
                      <a:pos x="135" y="172"/>
                    </a:cxn>
                    <a:cxn ang="0">
                      <a:pos x="150" y="162"/>
                    </a:cxn>
                    <a:cxn ang="0">
                      <a:pos x="162" y="149"/>
                    </a:cxn>
                    <a:cxn ang="0">
                      <a:pos x="172" y="135"/>
                    </a:cxn>
                    <a:cxn ang="0">
                      <a:pos x="179" y="118"/>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9" y="179"/>
                      </a:lnTo>
                      <a:lnTo>
                        <a:pt x="126" y="176"/>
                      </a:lnTo>
                      <a:lnTo>
                        <a:pt x="135" y="172"/>
                      </a:lnTo>
                      <a:lnTo>
                        <a:pt x="142" y="167"/>
                      </a:lnTo>
                      <a:lnTo>
                        <a:pt x="150" y="162"/>
                      </a:lnTo>
                      <a:lnTo>
                        <a:pt x="156" y="156"/>
                      </a:lnTo>
                      <a:lnTo>
                        <a:pt x="162" y="149"/>
                      </a:lnTo>
                      <a:lnTo>
                        <a:pt x="167" y="143"/>
                      </a:lnTo>
                      <a:lnTo>
                        <a:pt x="172" y="135"/>
                      </a:lnTo>
                      <a:lnTo>
                        <a:pt x="175" y="127"/>
                      </a:lnTo>
                      <a:lnTo>
                        <a:pt x="179" y="118"/>
                      </a:lnTo>
                      <a:lnTo>
                        <a:pt x="181" y="110"/>
                      </a:lnTo>
                      <a:lnTo>
                        <a:pt x="182" y="101"/>
                      </a:lnTo>
                      <a:lnTo>
                        <a:pt x="183" y="92"/>
                      </a:lnTo>
                      <a:lnTo>
                        <a:pt x="182" y="82"/>
                      </a:lnTo>
                      <a:lnTo>
                        <a:pt x="181" y="73"/>
                      </a:lnTo>
                      <a:lnTo>
                        <a:pt x="179" y="64"/>
                      </a:lnTo>
                      <a:lnTo>
                        <a:pt x="175" y="56"/>
                      </a:lnTo>
                      <a:lnTo>
                        <a:pt x="172" y="48"/>
                      </a:lnTo>
                      <a:lnTo>
                        <a:pt x="167" y="41"/>
                      </a:lnTo>
                      <a:lnTo>
                        <a:pt x="162" y="33"/>
                      </a:lnTo>
                      <a:lnTo>
                        <a:pt x="156" y="27"/>
                      </a:lnTo>
                      <a:lnTo>
                        <a:pt x="150" y="21"/>
                      </a:lnTo>
                      <a:lnTo>
                        <a:pt x="142" y="16"/>
                      </a:lnTo>
                      <a:lnTo>
                        <a:pt x="135" y="11"/>
                      </a:lnTo>
                      <a:lnTo>
                        <a:pt x="126" y="7"/>
                      </a:lnTo>
                      <a:lnTo>
                        <a:pt x="119" y="4"/>
                      </a:lnTo>
                      <a:lnTo>
                        <a:pt x="110" y="2"/>
                      </a:lnTo>
                      <a:lnTo>
                        <a:pt x="101" y="1"/>
                      </a:lnTo>
                      <a:lnTo>
                        <a:pt x="91" y="0"/>
                      </a:lnTo>
                      <a:lnTo>
                        <a:pt x="82" y="1"/>
                      </a:lnTo>
                      <a:lnTo>
                        <a:pt x="73" y="2"/>
                      </a:lnTo>
                      <a:lnTo>
                        <a:pt x="64" y="4"/>
                      </a:lnTo>
                      <a:lnTo>
                        <a:pt x="55" y="7"/>
                      </a:lnTo>
                      <a:lnTo>
                        <a:pt x="48" y="11"/>
                      </a:lnTo>
                      <a:lnTo>
                        <a:pt x="40" y="16"/>
                      </a:lnTo>
                      <a:lnTo>
                        <a:pt x="33" y="21"/>
                      </a:lnTo>
                      <a:lnTo>
                        <a:pt x="27" y="27"/>
                      </a:lnTo>
                      <a:lnTo>
                        <a:pt x="21" y="33"/>
                      </a:lnTo>
                      <a:lnTo>
                        <a:pt x="16" y="41"/>
                      </a:lnTo>
                      <a:lnTo>
                        <a:pt x="11" y="48"/>
                      </a:lnTo>
                      <a:lnTo>
                        <a:pt x="7" y="56"/>
                      </a:lnTo>
                      <a:lnTo>
                        <a:pt x="4" y="64"/>
                      </a:lnTo>
                      <a:lnTo>
                        <a:pt x="2" y="73"/>
                      </a:lnTo>
                      <a:lnTo>
                        <a:pt x="0" y="82"/>
                      </a:lnTo>
                      <a:lnTo>
                        <a:pt x="0" y="92"/>
                      </a:lnTo>
                      <a:lnTo>
                        <a:pt x="0" y="101"/>
                      </a:lnTo>
                      <a:lnTo>
                        <a:pt x="2" y="110"/>
                      </a:lnTo>
                      <a:lnTo>
                        <a:pt x="4" y="118"/>
                      </a:lnTo>
                      <a:lnTo>
                        <a:pt x="7" y="127"/>
                      </a:lnTo>
                      <a:lnTo>
                        <a:pt x="11" y="135"/>
                      </a:lnTo>
                      <a:lnTo>
                        <a:pt x="16" y="143"/>
                      </a:lnTo>
                      <a:lnTo>
                        <a:pt x="21" y="149"/>
                      </a:lnTo>
                      <a:lnTo>
                        <a:pt x="27"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3" name="Freeform 35"/>
                <p:cNvSpPr>
                  <a:spLocks/>
                </p:cNvSpPr>
                <p:nvPr/>
              </p:nvSpPr>
              <p:spPr bwMode="auto">
                <a:xfrm>
                  <a:off x="10495365" y="2401249"/>
                  <a:ext cx="30163" cy="28575"/>
                </a:xfrm>
                <a:custGeom>
                  <a:avLst/>
                  <a:gdLst/>
                  <a:ahLst/>
                  <a:cxnLst>
                    <a:cxn ang="0">
                      <a:pos x="101" y="183"/>
                    </a:cxn>
                    <a:cxn ang="0">
                      <a:pos x="119" y="179"/>
                    </a:cxn>
                    <a:cxn ang="0">
                      <a:pos x="135" y="172"/>
                    </a:cxn>
                    <a:cxn ang="0">
                      <a:pos x="150" y="162"/>
                    </a:cxn>
                    <a:cxn ang="0">
                      <a:pos x="162" y="149"/>
                    </a:cxn>
                    <a:cxn ang="0">
                      <a:pos x="172" y="135"/>
                    </a:cxn>
                    <a:cxn ang="0">
                      <a:pos x="178" y="118"/>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3" h="183">
                      <a:moveTo>
                        <a:pt x="92" y="183"/>
                      </a:moveTo>
                      <a:lnTo>
                        <a:pt x="101" y="183"/>
                      </a:lnTo>
                      <a:lnTo>
                        <a:pt x="110" y="182"/>
                      </a:lnTo>
                      <a:lnTo>
                        <a:pt x="119" y="179"/>
                      </a:lnTo>
                      <a:lnTo>
                        <a:pt x="127" y="176"/>
                      </a:lnTo>
                      <a:lnTo>
                        <a:pt x="135" y="172"/>
                      </a:lnTo>
                      <a:lnTo>
                        <a:pt x="142" y="167"/>
                      </a:lnTo>
                      <a:lnTo>
                        <a:pt x="150" y="162"/>
                      </a:lnTo>
                      <a:lnTo>
                        <a:pt x="156" y="156"/>
                      </a:lnTo>
                      <a:lnTo>
                        <a:pt x="162" y="149"/>
                      </a:lnTo>
                      <a:lnTo>
                        <a:pt x="167"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7" y="41"/>
                      </a:lnTo>
                      <a:lnTo>
                        <a:pt x="162" y="33"/>
                      </a:lnTo>
                      <a:lnTo>
                        <a:pt x="156" y="27"/>
                      </a:lnTo>
                      <a:lnTo>
                        <a:pt x="150" y="21"/>
                      </a:lnTo>
                      <a:lnTo>
                        <a:pt x="142" y="16"/>
                      </a:lnTo>
                      <a:lnTo>
                        <a:pt x="135" y="11"/>
                      </a:lnTo>
                      <a:lnTo>
                        <a:pt x="127" y="7"/>
                      </a:lnTo>
                      <a:lnTo>
                        <a:pt x="119" y="4"/>
                      </a:lnTo>
                      <a:lnTo>
                        <a:pt x="110" y="2"/>
                      </a:lnTo>
                      <a:lnTo>
                        <a:pt x="101" y="1"/>
                      </a:lnTo>
                      <a:lnTo>
                        <a:pt x="92"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8" y="56"/>
                      </a:lnTo>
                      <a:lnTo>
                        <a:pt x="4" y="64"/>
                      </a:lnTo>
                      <a:lnTo>
                        <a:pt x="2" y="73"/>
                      </a:lnTo>
                      <a:lnTo>
                        <a:pt x="1" y="82"/>
                      </a:lnTo>
                      <a:lnTo>
                        <a:pt x="0" y="92"/>
                      </a:lnTo>
                      <a:lnTo>
                        <a:pt x="1" y="101"/>
                      </a:lnTo>
                      <a:lnTo>
                        <a:pt x="2" y="110"/>
                      </a:lnTo>
                      <a:lnTo>
                        <a:pt x="4" y="118"/>
                      </a:lnTo>
                      <a:lnTo>
                        <a:pt x="8"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4" name="Freeform 36"/>
                <p:cNvSpPr>
                  <a:spLocks/>
                </p:cNvSpPr>
                <p:nvPr/>
              </p:nvSpPr>
              <p:spPr bwMode="auto">
                <a:xfrm>
                  <a:off x="10536640" y="2401249"/>
                  <a:ext cx="28575" cy="28575"/>
                </a:xfrm>
                <a:custGeom>
                  <a:avLst/>
                  <a:gdLst/>
                  <a:ahLst/>
                  <a:cxnLst>
                    <a:cxn ang="0">
                      <a:pos x="101" y="183"/>
                    </a:cxn>
                    <a:cxn ang="0">
                      <a:pos x="118" y="179"/>
                    </a:cxn>
                    <a:cxn ang="0">
                      <a:pos x="135" y="172"/>
                    </a:cxn>
                    <a:cxn ang="0">
                      <a:pos x="149" y="162"/>
                    </a:cxn>
                    <a:cxn ang="0">
                      <a:pos x="162" y="149"/>
                    </a:cxn>
                    <a:cxn ang="0">
                      <a:pos x="172" y="135"/>
                    </a:cxn>
                    <a:cxn ang="0">
                      <a:pos x="178" y="118"/>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7" y="172"/>
                    </a:cxn>
                    <a:cxn ang="0">
                      <a:pos x="64" y="179"/>
                    </a:cxn>
                    <a:cxn ang="0">
                      <a:pos x="82" y="183"/>
                    </a:cxn>
                  </a:cxnLst>
                  <a:rect l="0" t="0" r="r" b="b"/>
                  <a:pathLst>
                    <a:path w="183" h="183">
                      <a:moveTo>
                        <a:pt x="92" y="183"/>
                      </a:moveTo>
                      <a:lnTo>
                        <a:pt x="101" y="183"/>
                      </a:lnTo>
                      <a:lnTo>
                        <a:pt x="109" y="182"/>
                      </a:lnTo>
                      <a:lnTo>
                        <a:pt x="118" y="179"/>
                      </a:lnTo>
                      <a:lnTo>
                        <a:pt x="127" y="176"/>
                      </a:lnTo>
                      <a:lnTo>
                        <a:pt x="135" y="172"/>
                      </a:lnTo>
                      <a:lnTo>
                        <a:pt x="143" y="167"/>
                      </a:lnTo>
                      <a:lnTo>
                        <a:pt x="149" y="162"/>
                      </a:lnTo>
                      <a:lnTo>
                        <a:pt x="156" y="156"/>
                      </a:lnTo>
                      <a:lnTo>
                        <a:pt x="162" y="149"/>
                      </a:lnTo>
                      <a:lnTo>
                        <a:pt x="167" y="143"/>
                      </a:lnTo>
                      <a:lnTo>
                        <a:pt x="172" y="135"/>
                      </a:lnTo>
                      <a:lnTo>
                        <a:pt x="176" y="127"/>
                      </a:lnTo>
                      <a:lnTo>
                        <a:pt x="178" y="118"/>
                      </a:lnTo>
                      <a:lnTo>
                        <a:pt x="180" y="110"/>
                      </a:lnTo>
                      <a:lnTo>
                        <a:pt x="183" y="101"/>
                      </a:lnTo>
                      <a:lnTo>
                        <a:pt x="183" y="92"/>
                      </a:lnTo>
                      <a:lnTo>
                        <a:pt x="183" y="82"/>
                      </a:lnTo>
                      <a:lnTo>
                        <a:pt x="180" y="73"/>
                      </a:lnTo>
                      <a:lnTo>
                        <a:pt x="178" y="64"/>
                      </a:lnTo>
                      <a:lnTo>
                        <a:pt x="176" y="56"/>
                      </a:lnTo>
                      <a:lnTo>
                        <a:pt x="172" y="48"/>
                      </a:lnTo>
                      <a:lnTo>
                        <a:pt x="167" y="41"/>
                      </a:lnTo>
                      <a:lnTo>
                        <a:pt x="162" y="33"/>
                      </a:lnTo>
                      <a:lnTo>
                        <a:pt x="156" y="27"/>
                      </a:lnTo>
                      <a:lnTo>
                        <a:pt x="149" y="21"/>
                      </a:lnTo>
                      <a:lnTo>
                        <a:pt x="143" y="16"/>
                      </a:lnTo>
                      <a:lnTo>
                        <a:pt x="135" y="11"/>
                      </a:lnTo>
                      <a:lnTo>
                        <a:pt x="127" y="7"/>
                      </a:lnTo>
                      <a:lnTo>
                        <a:pt x="118" y="4"/>
                      </a:lnTo>
                      <a:lnTo>
                        <a:pt x="109" y="2"/>
                      </a:lnTo>
                      <a:lnTo>
                        <a:pt x="101" y="1"/>
                      </a:lnTo>
                      <a:lnTo>
                        <a:pt x="92" y="0"/>
                      </a:lnTo>
                      <a:lnTo>
                        <a:pt x="82" y="1"/>
                      </a:lnTo>
                      <a:lnTo>
                        <a:pt x="73" y="2"/>
                      </a:lnTo>
                      <a:lnTo>
                        <a:pt x="64" y="4"/>
                      </a:lnTo>
                      <a:lnTo>
                        <a:pt x="56" y="7"/>
                      </a:lnTo>
                      <a:lnTo>
                        <a:pt x="47" y="11"/>
                      </a:lnTo>
                      <a:lnTo>
                        <a:pt x="41" y="16"/>
                      </a:lnTo>
                      <a:lnTo>
                        <a:pt x="33" y="21"/>
                      </a:lnTo>
                      <a:lnTo>
                        <a:pt x="26" y="27"/>
                      </a:lnTo>
                      <a:lnTo>
                        <a:pt x="21" y="33"/>
                      </a:lnTo>
                      <a:lnTo>
                        <a:pt x="15"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5" y="143"/>
                      </a:lnTo>
                      <a:lnTo>
                        <a:pt x="21" y="149"/>
                      </a:lnTo>
                      <a:lnTo>
                        <a:pt x="26" y="156"/>
                      </a:lnTo>
                      <a:lnTo>
                        <a:pt x="33" y="162"/>
                      </a:lnTo>
                      <a:lnTo>
                        <a:pt x="41" y="167"/>
                      </a:lnTo>
                      <a:lnTo>
                        <a:pt x="47" y="172"/>
                      </a:lnTo>
                      <a:lnTo>
                        <a:pt x="56"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5" name="Freeform 37"/>
                <p:cNvSpPr>
                  <a:spLocks/>
                </p:cNvSpPr>
                <p:nvPr/>
              </p:nvSpPr>
              <p:spPr bwMode="auto">
                <a:xfrm>
                  <a:off x="10576328" y="2401249"/>
                  <a:ext cx="28575" cy="28575"/>
                </a:xfrm>
                <a:custGeom>
                  <a:avLst/>
                  <a:gdLst/>
                  <a:ahLst/>
                  <a:cxnLst>
                    <a:cxn ang="0">
                      <a:pos x="100" y="183"/>
                    </a:cxn>
                    <a:cxn ang="0">
                      <a:pos x="118" y="179"/>
                    </a:cxn>
                    <a:cxn ang="0">
                      <a:pos x="135" y="172"/>
                    </a:cxn>
                    <a:cxn ang="0">
                      <a:pos x="149" y="162"/>
                    </a:cxn>
                    <a:cxn ang="0">
                      <a:pos x="161" y="149"/>
                    </a:cxn>
                    <a:cxn ang="0">
                      <a:pos x="171" y="135"/>
                    </a:cxn>
                    <a:cxn ang="0">
                      <a:pos x="178" y="118"/>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2" h="183">
                      <a:moveTo>
                        <a:pt x="92" y="183"/>
                      </a:moveTo>
                      <a:lnTo>
                        <a:pt x="100" y="183"/>
                      </a:lnTo>
                      <a:lnTo>
                        <a:pt x="109" y="182"/>
                      </a:lnTo>
                      <a:lnTo>
                        <a:pt x="118" y="179"/>
                      </a:lnTo>
                      <a:lnTo>
                        <a:pt x="127" y="176"/>
                      </a:lnTo>
                      <a:lnTo>
                        <a:pt x="135" y="172"/>
                      </a:lnTo>
                      <a:lnTo>
                        <a:pt x="143" y="167"/>
                      </a:lnTo>
                      <a:lnTo>
                        <a:pt x="149" y="162"/>
                      </a:lnTo>
                      <a:lnTo>
                        <a:pt x="156" y="156"/>
                      </a:lnTo>
                      <a:lnTo>
                        <a:pt x="161" y="149"/>
                      </a:lnTo>
                      <a:lnTo>
                        <a:pt x="167" y="143"/>
                      </a:lnTo>
                      <a:lnTo>
                        <a:pt x="171" y="135"/>
                      </a:lnTo>
                      <a:lnTo>
                        <a:pt x="176" y="127"/>
                      </a:lnTo>
                      <a:lnTo>
                        <a:pt x="178" y="118"/>
                      </a:lnTo>
                      <a:lnTo>
                        <a:pt x="180" y="110"/>
                      </a:lnTo>
                      <a:lnTo>
                        <a:pt x="182" y="101"/>
                      </a:lnTo>
                      <a:lnTo>
                        <a:pt x="182" y="92"/>
                      </a:lnTo>
                      <a:lnTo>
                        <a:pt x="182" y="82"/>
                      </a:lnTo>
                      <a:lnTo>
                        <a:pt x="180" y="73"/>
                      </a:lnTo>
                      <a:lnTo>
                        <a:pt x="178" y="64"/>
                      </a:lnTo>
                      <a:lnTo>
                        <a:pt x="176" y="56"/>
                      </a:lnTo>
                      <a:lnTo>
                        <a:pt x="171" y="48"/>
                      </a:lnTo>
                      <a:lnTo>
                        <a:pt x="167" y="41"/>
                      </a:lnTo>
                      <a:lnTo>
                        <a:pt x="161" y="33"/>
                      </a:lnTo>
                      <a:lnTo>
                        <a:pt x="156" y="27"/>
                      </a:lnTo>
                      <a:lnTo>
                        <a:pt x="149" y="21"/>
                      </a:lnTo>
                      <a:lnTo>
                        <a:pt x="143" y="16"/>
                      </a:lnTo>
                      <a:lnTo>
                        <a:pt x="135" y="11"/>
                      </a:lnTo>
                      <a:lnTo>
                        <a:pt x="127" y="7"/>
                      </a:lnTo>
                      <a:lnTo>
                        <a:pt x="118" y="4"/>
                      </a:lnTo>
                      <a:lnTo>
                        <a:pt x="109" y="2"/>
                      </a:lnTo>
                      <a:lnTo>
                        <a:pt x="100" y="1"/>
                      </a:lnTo>
                      <a:lnTo>
                        <a:pt x="92" y="0"/>
                      </a:lnTo>
                      <a:lnTo>
                        <a:pt x="82" y="1"/>
                      </a:lnTo>
                      <a:lnTo>
                        <a:pt x="73" y="2"/>
                      </a:lnTo>
                      <a:lnTo>
                        <a:pt x="64" y="4"/>
                      </a:lnTo>
                      <a:lnTo>
                        <a:pt x="56" y="7"/>
                      </a:lnTo>
                      <a:lnTo>
                        <a:pt x="48" y="11"/>
                      </a:lnTo>
                      <a:lnTo>
                        <a:pt x="41" y="16"/>
                      </a:lnTo>
                      <a:lnTo>
                        <a:pt x="33" y="21"/>
                      </a:lnTo>
                      <a:lnTo>
                        <a:pt x="27" y="27"/>
                      </a:lnTo>
                      <a:lnTo>
                        <a:pt x="21" y="33"/>
                      </a:lnTo>
                      <a:lnTo>
                        <a:pt x="16"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6" y="143"/>
                      </a:lnTo>
                      <a:lnTo>
                        <a:pt x="21" y="149"/>
                      </a:lnTo>
                      <a:lnTo>
                        <a:pt x="27" y="156"/>
                      </a:lnTo>
                      <a:lnTo>
                        <a:pt x="33" y="162"/>
                      </a:lnTo>
                      <a:lnTo>
                        <a:pt x="41" y="167"/>
                      </a:lnTo>
                      <a:lnTo>
                        <a:pt x="48" y="172"/>
                      </a:lnTo>
                      <a:lnTo>
                        <a:pt x="56"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6" name="Freeform 38"/>
                <p:cNvSpPr>
                  <a:spLocks/>
                </p:cNvSpPr>
                <p:nvPr/>
              </p:nvSpPr>
              <p:spPr bwMode="auto">
                <a:xfrm>
                  <a:off x="10616015" y="2401249"/>
                  <a:ext cx="28575" cy="28575"/>
                </a:xfrm>
                <a:custGeom>
                  <a:avLst/>
                  <a:gdLst/>
                  <a:ahLst/>
                  <a:cxnLst>
                    <a:cxn ang="0">
                      <a:pos x="100" y="183"/>
                    </a:cxn>
                    <a:cxn ang="0">
                      <a:pos x="118" y="179"/>
                    </a:cxn>
                    <a:cxn ang="0">
                      <a:pos x="135"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8"/>
                    </a:cxn>
                    <a:cxn ang="0">
                      <a:pos x="10" y="135"/>
                    </a:cxn>
                    <a:cxn ang="0">
                      <a:pos x="20" y="149"/>
                    </a:cxn>
                    <a:cxn ang="0">
                      <a:pos x="34" y="162"/>
                    </a:cxn>
                    <a:cxn ang="0">
                      <a:pos x="48" y="172"/>
                    </a:cxn>
                    <a:cxn ang="0">
                      <a:pos x="64" y="179"/>
                    </a:cxn>
                    <a:cxn ang="0">
                      <a:pos x="82" y="183"/>
                    </a:cxn>
                  </a:cxnLst>
                  <a:rect l="0" t="0" r="r" b="b"/>
                  <a:pathLst>
                    <a:path w="182" h="183">
                      <a:moveTo>
                        <a:pt x="91" y="183"/>
                      </a:moveTo>
                      <a:lnTo>
                        <a:pt x="100" y="183"/>
                      </a:lnTo>
                      <a:lnTo>
                        <a:pt x="109" y="182"/>
                      </a:lnTo>
                      <a:lnTo>
                        <a:pt x="118" y="179"/>
                      </a:lnTo>
                      <a:lnTo>
                        <a:pt x="127" y="176"/>
                      </a:lnTo>
                      <a:lnTo>
                        <a:pt x="135" y="172"/>
                      </a:lnTo>
                      <a:lnTo>
                        <a:pt x="142" y="167"/>
                      </a:lnTo>
                      <a:lnTo>
                        <a:pt x="149" y="162"/>
                      </a:lnTo>
                      <a:lnTo>
                        <a:pt x="156" y="156"/>
                      </a:lnTo>
                      <a:lnTo>
                        <a:pt x="161" y="149"/>
                      </a:lnTo>
                      <a:lnTo>
                        <a:pt x="167" y="143"/>
                      </a:lnTo>
                      <a:lnTo>
                        <a:pt x="171" y="135"/>
                      </a:lnTo>
                      <a:lnTo>
                        <a:pt x="176" y="127"/>
                      </a:lnTo>
                      <a:lnTo>
                        <a:pt x="179" y="118"/>
                      </a:lnTo>
                      <a:lnTo>
                        <a:pt x="181" y="110"/>
                      </a:lnTo>
                      <a:lnTo>
                        <a:pt x="182" y="101"/>
                      </a:lnTo>
                      <a:lnTo>
                        <a:pt x="182" y="92"/>
                      </a:lnTo>
                      <a:lnTo>
                        <a:pt x="182" y="82"/>
                      </a:lnTo>
                      <a:lnTo>
                        <a:pt x="181" y="73"/>
                      </a:lnTo>
                      <a:lnTo>
                        <a:pt x="179" y="64"/>
                      </a:lnTo>
                      <a:lnTo>
                        <a:pt x="176" y="56"/>
                      </a:lnTo>
                      <a:lnTo>
                        <a:pt x="171" y="48"/>
                      </a:lnTo>
                      <a:lnTo>
                        <a:pt x="167" y="41"/>
                      </a:lnTo>
                      <a:lnTo>
                        <a:pt x="161" y="33"/>
                      </a:lnTo>
                      <a:lnTo>
                        <a:pt x="156" y="27"/>
                      </a:lnTo>
                      <a:lnTo>
                        <a:pt x="149" y="21"/>
                      </a:lnTo>
                      <a:lnTo>
                        <a:pt x="142" y="16"/>
                      </a:lnTo>
                      <a:lnTo>
                        <a:pt x="135" y="11"/>
                      </a:lnTo>
                      <a:lnTo>
                        <a:pt x="127" y="7"/>
                      </a:lnTo>
                      <a:lnTo>
                        <a:pt x="118" y="4"/>
                      </a:lnTo>
                      <a:lnTo>
                        <a:pt x="109" y="2"/>
                      </a:lnTo>
                      <a:lnTo>
                        <a:pt x="100" y="1"/>
                      </a:lnTo>
                      <a:lnTo>
                        <a:pt x="91" y="0"/>
                      </a:lnTo>
                      <a:lnTo>
                        <a:pt x="82" y="1"/>
                      </a:lnTo>
                      <a:lnTo>
                        <a:pt x="73" y="2"/>
                      </a:lnTo>
                      <a:lnTo>
                        <a:pt x="64" y="4"/>
                      </a:lnTo>
                      <a:lnTo>
                        <a:pt x="56" y="7"/>
                      </a:lnTo>
                      <a:lnTo>
                        <a:pt x="48" y="11"/>
                      </a:lnTo>
                      <a:lnTo>
                        <a:pt x="40" y="16"/>
                      </a:lnTo>
                      <a:lnTo>
                        <a:pt x="34" y="21"/>
                      </a:lnTo>
                      <a:lnTo>
                        <a:pt x="27" y="27"/>
                      </a:lnTo>
                      <a:lnTo>
                        <a:pt x="20" y="33"/>
                      </a:lnTo>
                      <a:lnTo>
                        <a:pt x="16" y="41"/>
                      </a:lnTo>
                      <a:lnTo>
                        <a:pt x="10" y="48"/>
                      </a:lnTo>
                      <a:lnTo>
                        <a:pt x="7" y="56"/>
                      </a:lnTo>
                      <a:lnTo>
                        <a:pt x="4" y="64"/>
                      </a:lnTo>
                      <a:lnTo>
                        <a:pt x="2" y="73"/>
                      </a:lnTo>
                      <a:lnTo>
                        <a:pt x="0" y="82"/>
                      </a:lnTo>
                      <a:lnTo>
                        <a:pt x="0" y="92"/>
                      </a:lnTo>
                      <a:lnTo>
                        <a:pt x="0" y="101"/>
                      </a:lnTo>
                      <a:lnTo>
                        <a:pt x="2" y="110"/>
                      </a:lnTo>
                      <a:lnTo>
                        <a:pt x="4" y="118"/>
                      </a:lnTo>
                      <a:lnTo>
                        <a:pt x="7" y="127"/>
                      </a:lnTo>
                      <a:lnTo>
                        <a:pt x="10" y="135"/>
                      </a:lnTo>
                      <a:lnTo>
                        <a:pt x="16" y="143"/>
                      </a:lnTo>
                      <a:lnTo>
                        <a:pt x="20" y="149"/>
                      </a:lnTo>
                      <a:lnTo>
                        <a:pt x="27" y="156"/>
                      </a:lnTo>
                      <a:lnTo>
                        <a:pt x="34" y="162"/>
                      </a:lnTo>
                      <a:lnTo>
                        <a:pt x="40" y="167"/>
                      </a:lnTo>
                      <a:lnTo>
                        <a:pt x="48" y="172"/>
                      </a:lnTo>
                      <a:lnTo>
                        <a:pt x="56"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7" name="Freeform 39"/>
                <p:cNvSpPr>
                  <a:spLocks/>
                </p:cNvSpPr>
                <p:nvPr/>
              </p:nvSpPr>
              <p:spPr bwMode="auto">
                <a:xfrm>
                  <a:off x="11073215" y="3714112"/>
                  <a:ext cx="203200" cy="34925"/>
                </a:xfrm>
                <a:custGeom>
                  <a:avLst/>
                  <a:gdLst/>
                  <a:ahLst/>
                  <a:cxnLst>
                    <a:cxn ang="0">
                      <a:pos x="1169" y="0"/>
                    </a:cxn>
                    <a:cxn ang="0">
                      <a:pos x="1190" y="2"/>
                    </a:cxn>
                    <a:cxn ang="0">
                      <a:pos x="1212" y="9"/>
                    </a:cxn>
                    <a:cxn ang="0">
                      <a:pos x="1229" y="19"/>
                    </a:cxn>
                    <a:cxn ang="0">
                      <a:pos x="1246" y="32"/>
                    </a:cxn>
                    <a:cxn ang="0">
                      <a:pos x="1259" y="49"/>
                    </a:cxn>
                    <a:cxn ang="0">
                      <a:pos x="1269" y="68"/>
                    </a:cxn>
                    <a:cxn ang="0">
                      <a:pos x="1276" y="88"/>
                    </a:cxn>
                    <a:cxn ang="0">
                      <a:pos x="1278" y="110"/>
                    </a:cxn>
                    <a:cxn ang="0">
                      <a:pos x="1276" y="131"/>
                    </a:cxn>
                    <a:cxn ang="0">
                      <a:pos x="1269" y="152"/>
                    </a:cxn>
                    <a:cxn ang="0">
                      <a:pos x="1259" y="170"/>
                    </a:cxn>
                    <a:cxn ang="0">
                      <a:pos x="1246" y="186"/>
                    </a:cxn>
                    <a:cxn ang="0">
                      <a:pos x="1229" y="200"/>
                    </a:cxn>
                    <a:cxn ang="0">
                      <a:pos x="1212" y="210"/>
                    </a:cxn>
                    <a:cxn ang="0">
                      <a:pos x="1190" y="216"/>
                    </a:cxn>
                    <a:cxn ang="0">
                      <a:pos x="1169" y="219"/>
                    </a:cxn>
                    <a:cxn ang="0">
                      <a:pos x="97" y="218"/>
                    </a:cxn>
                    <a:cxn ang="0">
                      <a:pos x="76" y="213"/>
                    </a:cxn>
                    <a:cxn ang="0">
                      <a:pos x="56" y="205"/>
                    </a:cxn>
                    <a:cxn ang="0">
                      <a:pos x="38" y="193"/>
                    </a:cxn>
                    <a:cxn ang="0">
                      <a:pos x="24" y="179"/>
                    </a:cxn>
                    <a:cxn ang="0">
                      <a:pos x="12" y="161"/>
                    </a:cxn>
                    <a:cxn ang="0">
                      <a:pos x="4" y="142"/>
                    </a:cxn>
                    <a:cxn ang="0">
                      <a:pos x="0" y="121"/>
                    </a:cxn>
                    <a:cxn ang="0">
                      <a:pos x="0" y="99"/>
                    </a:cxn>
                    <a:cxn ang="0">
                      <a:pos x="4" y="78"/>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8"/>
                      </a:lnTo>
                      <a:lnTo>
                        <a:pt x="1272" y="78"/>
                      </a:lnTo>
                      <a:lnTo>
                        <a:pt x="1276" y="88"/>
                      </a:lnTo>
                      <a:lnTo>
                        <a:pt x="1277" y="99"/>
                      </a:lnTo>
                      <a:lnTo>
                        <a:pt x="1278" y="110"/>
                      </a:lnTo>
                      <a:lnTo>
                        <a:pt x="1277" y="121"/>
                      </a:lnTo>
                      <a:lnTo>
                        <a:pt x="1276" y="131"/>
                      </a:lnTo>
                      <a:lnTo>
                        <a:pt x="1272" y="142"/>
                      </a:lnTo>
                      <a:lnTo>
                        <a:pt x="1269" y="152"/>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8"/>
                      </a:lnTo>
                      <a:lnTo>
                        <a:pt x="1169" y="219"/>
                      </a:lnTo>
                      <a:lnTo>
                        <a:pt x="108" y="219"/>
                      </a:lnTo>
                      <a:lnTo>
                        <a:pt x="97" y="218"/>
                      </a:lnTo>
                      <a:lnTo>
                        <a:pt x="86" y="216"/>
                      </a:lnTo>
                      <a:lnTo>
                        <a:pt x="76" y="213"/>
                      </a:lnTo>
                      <a:lnTo>
                        <a:pt x="66" y="210"/>
                      </a:lnTo>
                      <a:lnTo>
                        <a:pt x="56" y="205"/>
                      </a:lnTo>
                      <a:lnTo>
                        <a:pt x="47" y="200"/>
                      </a:lnTo>
                      <a:lnTo>
                        <a:pt x="38" y="193"/>
                      </a:lnTo>
                      <a:lnTo>
                        <a:pt x="31" y="186"/>
                      </a:lnTo>
                      <a:lnTo>
                        <a:pt x="24" y="179"/>
                      </a:lnTo>
                      <a:lnTo>
                        <a:pt x="17" y="170"/>
                      </a:lnTo>
                      <a:lnTo>
                        <a:pt x="12" y="161"/>
                      </a:lnTo>
                      <a:lnTo>
                        <a:pt x="7" y="152"/>
                      </a:lnTo>
                      <a:lnTo>
                        <a:pt x="4" y="142"/>
                      </a:lnTo>
                      <a:lnTo>
                        <a:pt x="2" y="131"/>
                      </a:lnTo>
                      <a:lnTo>
                        <a:pt x="0" y="121"/>
                      </a:lnTo>
                      <a:lnTo>
                        <a:pt x="0" y="110"/>
                      </a:lnTo>
                      <a:lnTo>
                        <a:pt x="0" y="99"/>
                      </a:lnTo>
                      <a:lnTo>
                        <a:pt x="2" y="88"/>
                      </a:lnTo>
                      <a:lnTo>
                        <a:pt x="4" y="78"/>
                      </a:lnTo>
                      <a:lnTo>
                        <a:pt x="7" y="68"/>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8" name="Freeform 40"/>
                <p:cNvSpPr>
                  <a:spLocks/>
                </p:cNvSpPr>
                <p:nvPr/>
              </p:nvSpPr>
              <p:spPr bwMode="auto">
                <a:xfrm>
                  <a:off x="10455678" y="3715699"/>
                  <a:ext cx="28575" cy="28575"/>
                </a:xfrm>
                <a:custGeom>
                  <a:avLst/>
                  <a:gdLst/>
                  <a:ahLst/>
                  <a:cxnLst>
                    <a:cxn ang="0">
                      <a:pos x="101" y="182"/>
                    </a:cxn>
                    <a:cxn ang="0">
                      <a:pos x="119" y="178"/>
                    </a:cxn>
                    <a:cxn ang="0">
                      <a:pos x="135" y="172"/>
                    </a:cxn>
                    <a:cxn ang="0">
                      <a:pos x="150" y="162"/>
                    </a:cxn>
                    <a:cxn ang="0">
                      <a:pos x="162" y="150"/>
                    </a:cxn>
                    <a:cxn ang="0">
                      <a:pos x="172" y="134"/>
                    </a:cxn>
                    <a:cxn ang="0">
                      <a:pos x="179" y="119"/>
                    </a:cxn>
                    <a:cxn ang="0">
                      <a:pos x="182" y="101"/>
                    </a:cxn>
                    <a:cxn ang="0">
                      <a:pos x="182" y="82"/>
                    </a:cxn>
                    <a:cxn ang="0">
                      <a:pos x="179"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9" y="178"/>
                      </a:lnTo>
                      <a:lnTo>
                        <a:pt x="126" y="175"/>
                      </a:lnTo>
                      <a:lnTo>
                        <a:pt x="135" y="172"/>
                      </a:lnTo>
                      <a:lnTo>
                        <a:pt x="142" y="166"/>
                      </a:lnTo>
                      <a:lnTo>
                        <a:pt x="150" y="162"/>
                      </a:lnTo>
                      <a:lnTo>
                        <a:pt x="156" y="155"/>
                      </a:lnTo>
                      <a:lnTo>
                        <a:pt x="162" y="150"/>
                      </a:lnTo>
                      <a:lnTo>
                        <a:pt x="167" y="142"/>
                      </a:lnTo>
                      <a:lnTo>
                        <a:pt x="172" y="134"/>
                      </a:lnTo>
                      <a:lnTo>
                        <a:pt x="175" y="126"/>
                      </a:lnTo>
                      <a:lnTo>
                        <a:pt x="179" y="119"/>
                      </a:lnTo>
                      <a:lnTo>
                        <a:pt x="181" y="110"/>
                      </a:lnTo>
                      <a:lnTo>
                        <a:pt x="182" y="101"/>
                      </a:lnTo>
                      <a:lnTo>
                        <a:pt x="183" y="91"/>
                      </a:lnTo>
                      <a:lnTo>
                        <a:pt x="182" y="82"/>
                      </a:lnTo>
                      <a:lnTo>
                        <a:pt x="181" y="73"/>
                      </a:lnTo>
                      <a:lnTo>
                        <a:pt x="179" y="64"/>
                      </a:lnTo>
                      <a:lnTo>
                        <a:pt x="175" y="55"/>
                      </a:lnTo>
                      <a:lnTo>
                        <a:pt x="172" y="48"/>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8"/>
                      </a:lnTo>
                      <a:lnTo>
                        <a:pt x="7" y="55"/>
                      </a:lnTo>
                      <a:lnTo>
                        <a:pt x="4" y="64"/>
                      </a:lnTo>
                      <a:lnTo>
                        <a:pt x="2" y="73"/>
                      </a:lnTo>
                      <a:lnTo>
                        <a:pt x="0" y="82"/>
                      </a:lnTo>
                      <a:lnTo>
                        <a:pt x="0" y="91"/>
                      </a:lnTo>
                      <a:lnTo>
                        <a:pt x="0" y="101"/>
                      </a:lnTo>
                      <a:lnTo>
                        <a:pt x="2" y="110"/>
                      </a:lnTo>
                      <a:lnTo>
                        <a:pt x="4" y="119"/>
                      </a:lnTo>
                      <a:lnTo>
                        <a:pt x="7" y="126"/>
                      </a:lnTo>
                      <a:lnTo>
                        <a:pt x="11" y="134"/>
                      </a:lnTo>
                      <a:lnTo>
                        <a:pt x="16" y="142"/>
                      </a:lnTo>
                      <a:lnTo>
                        <a:pt x="21" y="150"/>
                      </a:lnTo>
                      <a:lnTo>
                        <a:pt x="27"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09" name="Freeform 41"/>
                <p:cNvSpPr>
                  <a:spLocks/>
                </p:cNvSpPr>
                <p:nvPr/>
              </p:nvSpPr>
              <p:spPr bwMode="auto">
                <a:xfrm>
                  <a:off x="10495365" y="3715699"/>
                  <a:ext cx="30163" cy="28575"/>
                </a:xfrm>
                <a:custGeom>
                  <a:avLst/>
                  <a:gdLst/>
                  <a:ahLst/>
                  <a:cxnLst>
                    <a:cxn ang="0">
                      <a:pos x="101" y="182"/>
                    </a:cxn>
                    <a:cxn ang="0">
                      <a:pos x="119" y="178"/>
                    </a:cxn>
                    <a:cxn ang="0">
                      <a:pos x="135" y="172"/>
                    </a:cxn>
                    <a:cxn ang="0">
                      <a:pos x="150" y="162"/>
                    </a:cxn>
                    <a:cxn ang="0">
                      <a:pos x="162" y="150"/>
                    </a:cxn>
                    <a:cxn ang="0">
                      <a:pos x="172" y="134"/>
                    </a:cxn>
                    <a:cxn ang="0">
                      <a:pos x="178" y="119"/>
                    </a:cxn>
                    <a:cxn ang="0">
                      <a:pos x="182" y="101"/>
                    </a:cxn>
                    <a:cxn ang="0">
                      <a:pos x="182" y="82"/>
                    </a:cxn>
                    <a:cxn ang="0">
                      <a:pos x="178"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3" h="182">
                      <a:moveTo>
                        <a:pt x="92" y="182"/>
                      </a:moveTo>
                      <a:lnTo>
                        <a:pt x="101" y="182"/>
                      </a:lnTo>
                      <a:lnTo>
                        <a:pt x="110" y="181"/>
                      </a:lnTo>
                      <a:lnTo>
                        <a:pt x="119" y="178"/>
                      </a:lnTo>
                      <a:lnTo>
                        <a:pt x="127" y="175"/>
                      </a:lnTo>
                      <a:lnTo>
                        <a:pt x="135" y="172"/>
                      </a:lnTo>
                      <a:lnTo>
                        <a:pt x="142" y="166"/>
                      </a:lnTo>
                      <a:lnTo>
                        <a:pt x="150" y="162"/>
                      </a:lnTo>
                      <a:lnTo>
                        <a:pt x="156" y="155"/>
                      </a:lnTo>
                      <a:lnTo>
                        <a:pt x="162" y="150"/>
                      </a:lnTo>
                      <a:lnTo>
                        <a:pt x="167"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8" y="55"/>
                      </a:lnTo>
                      <a:lnTo>
                        <a:pt x="4" y="64"/>
                      </a:lnTo>
                      <a:lnTo>
                        <a:pt x="2" y="73"/>
                      </a:lnTo>
                      <a:lnTo>
                        <a:pt x="1" y="82"/>
                      </a:lnTo>
                      <a:lnTo>
                        <a:pt x="0" y="91"/>
                      </a:lnTo>
                      <a:lnTo>
                        <a:pt x="1" y="101"/>
                      </a:lnTo>
                      <a:lnTo>
                        <a:pt x="2" y="110"/>
                      </a:lnTo>
                      <a:lnTo>
                        <a:pt x="4" y="119"/>
                      </a:lnTo>
                      <a:lnTo>
                        <a:pt x="8"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0" name="Freeform 42"/>
                <p:cNvSpPr>
                  <a:spLocks/>
                </p:cNvSpPr>
                <p:nvPr/>
              </p:nvSpPr>
              <p:spPr bwMode="auto">
                <a:xfrm>
                  <a:off x="10536640" y="3715699"/>
                  <a:ext cx="28575" cy="28575"/>
                </a:xfrm>
                <a:custGeom>
                  <a:avLst/>
                  <a:gdLst/>
                  <a:ahLst/>
                  <a:cxnLst>
                    <a:cxn ang="0">
                      <a:pos x="101" y="182"/>
                    </a:cxn>
                    <a:cxn ang="0">
                      <a:pos x="118" y="178"/>
                    </a:cxn>
                    <a:cxn ang="0">
                      <a:pos x="135" y="172"/>
                    </a:cxn>
                    <a:cxn ang="0">
                      <a:pos x="149" y="162"/>
                    </a:cxn>
                    <a:cxn ang="0">
                      <a:pos x="162" y="150"/>
                    </a:cxn>
                    <a:cxn ang="0">
                      <a:pos x="172" y="134"/>
                    </a:cxn>
                    <a:cxn ang="0">
                      <a:pos x="178" y="119"/>
                    </a:cxn>
                    <a:cxn ang="0">
                      <a:pos x="183" y="101"/>
                    </a:cxn>
                    <a:cxn ang="0">
                      <a:pos x="183" y="82"/>
                    </a:cxn>
                    <a:cxn ang="0">
                      <a:pos x="178" y="64"/>
                    </a:cxn>
                    <a:cxn ang="0">
                      <a:pos x="172" y="48"/>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7" y="172"/>
                    </a:cxn>
                    <a:cxn ang="0">
                      <a:pos x="64" y="178"/>
                    </a:cxn>
                    <a:cxn ang="0">
                      <a:pos x="82" y="182"/>
                    </a:cxn>
                  </a:cxnLst>
                  <a:rect l="0" t="0" r="r" b="b"/>
                  <a:pathLst>
                    <a:path w="183" h="182">
                      <a:moveTo>
                        <a:pt x="92" y="182"/>
                      </a:moveTo>
                      <a:lnTo>
                        <a:pt x="101" y="182"/>
                      </a:lnTo>
                      <a:lnTo>
                        <a:pt x="109" y="181"/>
                      </a:lnTo>
                      <a:lnTo>
                        <a:pt x="118" y="178"/>
                      </a:lnTo>
                      <a:lnTo>
                        <a:pt x="127" y="175"/>
                      </a:lnTo>
                      <a:lnTo>
                        <a:pt x="135" y="172"/>
                      </a:lnTo>
                      <a:lnTo>
                        <a:pt x="143" y="166"/>
                      </a:lnTo>
                      <a:lnTo>
                        <a:pt x="149" y="162"/>
                      </a:lnTo>
                      <a:lnTo>
                        <a:pt x="156" y="155"/>
                      </a:lnTo>
                      <a:lnTo>
                        <a:pt x="162" y="150"/>
                      </a:lnTo>
                      <a:lnTo>
                        <a:pt x="167" y="142"/>
                      </a:lnTo>
                      <a:lnTo>
                        <a:pt x="172" y="134"/>
                      </a:lnTo>
                      <a:lnTo>
                        <a:pt x="176" y="126"/>
                      </a:lnTo>
                      <a:lnTo>
                        <a:pt x="178" y="119"/>
                      </a:lnTo>
                      <a:lnTo>
                        <a:pt x="180" y="110"/>
                      </a:lnTo>
                      <a:lnTo>
                        <a:pt x="183" y="101"/>
                      </a:lnTo>
                      <a:lnTo>
                        <a:pt x="183" y="91"/>
                      </a:lnTo>
                      <a:lnTo>
                        <a:pt x="183" y="82"/>
                      </a:lnTo>
                      <a:lnTo>
                        <a:pt x="180" y="73"/>
                      </a:lnTo>
                      <a:lnTo>
                        <a:pt x="178" y="64"/>
                      </a:lnTo>
                      <a:lnTo>
                        <a:pt x="176" y="55"/>
                      </a:lnTo>
                      <a:lnTo>
                        <a:pt x="172" y="48"/>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5" y="142"/>
                      </a:lnTo>
                      <a:lnTo>
                        <a:pt x="21" y="150"/>
                      </a:lnTo>
                      <a:lnTo>
                        <a:pt x="26" y="155"/>
                      </a:lnTo>
                      <a:lnTo>
                        <a:pt x="33" y="162"/>
                      </a:lnTo>
                      <a:lnTo>
                        <a:pt x="41" y="166"/>
                      </a:lnTo>
                      <a:lnTo>
                        <a:pt x="47" y="172"/>
                      </a:lnTo>
                      <a:lnTo>
                        <a:pt x="56"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1" name="Freeform 43"/>
                <p:cNvSpPr>
                  <a:spLocks/>
                </p:cNvSpPr>
                <p:nvPr/>
              </p:nvSpPr>
              <p:spPr bwMode="auto">
                <a:xfrm>
                  <a:off x="10576328" y="3715699"/>
                  <a:ext cx="28575" cy="28575"/>
                </a:xfrm>
                <a:custGeom>
                  <a:avLst/>
                  <a:gdLst/>
                  <a:ahLst/>
                  <a:cxnLst>
                    <a:cxn ang="0">
                      <a:pos x="100" y="182"/>
                    </a:cxn>
                    <a:cxn ang="0">
                      <a:pos x="118" y="178"/>
                    </a:cxn>
                    <a:cxn ang="0">
                      <a:pos x="135" y="172"/>
                    </a:cxn>
                    <a:cxn ang="0">
                      <a:pos x="149" y="162"/>
                    </a:cxn>
                    <a:cxn ang="0">
                      <a:pos x="161" y="150"/>
                    </a:cxn>
                    <a:cxn ang="0">
                      <a:pos x="171" y="134"/>
                    </a:cxn>
                    <a:cxn ang="0">
                      <a:pos x="178" y="119"/>
                    </a:cxn>
                    <a:cxn ang="0">
                      <a:pos x="182" y="101"/>
                    </a:cxn>
                    <a:cxn ang="0">
                      <a:pos x="182" y="82"/>
                    </a:cxn>
                    <a:cxn ang="0">
                      <a:pos x="178"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2" h="182">
                      <a:moveTo>
                        <a:pt x="92" y="182"/>
                      </a:moveTo>
                      <a:lnTo>
                        <a:pt x="100" y="182"/>
                      </a:lnTo>
                      <a:lnTo>
                        <a:pt x="109" y="181"/>
                      </a:lnTo>
                      <a:lnTo>
                        <a:pt x="118" y="178"/>
                      </a:lnTo>
                      <a:lnTo>
                        <a:pt x="127" y="175"/>
                      </a:lnTo>
                      <a:lnTo>
                        <a:pt x="135" y="172"/>
                      </a:lnTo>
                      <a:lnTo>
                        <a:pt x="143" y="166"/>
                      </a:lnTo>
                      <a:lnTo>
                        <a:pt x="149" y="162"/>
                      </a:lnTo>
                      <a:lnTo>
                        <a:pt x="156" y="155"/>
                      </a:lnTo>
                      <a:lnTo>
                        <a:pt x="161" y="150"/>
                      </a:lnTo>
                      <a:lnTo>
                        <a:pt x="167" y="142"/>
                      </a:lnTo>
                      <a:lnTo>
                        <a:pt x="171" y="134"/>
                      </a:lnTo>
                      <a:lnTo>
                        <a:pt x="176" y="126"/>
                      </a:lnTo>
                      <a:lnTo>
                        <a:pt x="178" y="119"/>
                      </a:lnTo>
                      <a:lnTo>
                        <a:pt x="180" y="110"/>
                      </a:lnTo>
                      <a:lnTo>
                        <a:pt x="182" y="101"/>
                      </a:lnTo>
                      <a:lnTo>
                        <a:pt x="182" y="91"/>
                      </a:lnTo>
                      <a:lnTo>
                        <a:pt x="182" y="82"/>
                      </a:lnTo>
                      <a:lnTo>
                        <a:pt x="180" y="73"/>
                      </a:lnTo>
                      <a:lnTo>
                        <a:pt x="178" y="64"/>
                      </a:lnTo>
                      <a:lnTo>
                        <a:pt x="176" y="55"/>
                      </a:lnTo>
                      <a:lnTo>
                        <a:pt x="171" y="48"/>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6" y="142"/>
                      </a:lnTo>
                      <a:lnTo>
                        <a:pt x="21" y="150"/>
                      </a:lnTo>
                      <a:lnTo>
                        <a:pt x="27" y="155"/>
                      </a:lnTo>
                      <a:lnTo>
                        <a:pt x="33" y="162"/>
                      </a:lnTo>
                      <a:lnTo>
                        <a:pt x="41" y="166"/>
                      </a:lnTo>
                      <a:lnTo>
                        <a:pt x="48" y="172"/>
                      </a:lnTo>
                      <a:lnTo>
                        <a:pt x="56"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2" name="Freeform 44"/>
                <p:cNvSpPr>
                  <a:spLocks/>
                </p:cNvSpPr>
                <p:nvPr/>
              </p:nvSpPr>
              <p:spPr bwMode="auto">
                <a:xfrm>
                  <a:off x="10616015" y="3715699"/>
                  <a:ext cx="28575" cy="28575"/>
                </a:xfrm>
                <a:custGeom>
                  <a:avLst/>
                  <a:gdLst/>
                  <a:ahLst/>
                  <a:cxnLst>
                    <a:cxn ang="0">
                      <a:pos x="100" y="182"/>
                    </a:cxn>
                    <a:cxn ang="0">
                      <a:pos x="118" y="178"/>
                    </a:cxn>
                    <a:cxn ang="0">
                      <a:pos x="135"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8"/>
                    </a:cxn>
                    <a:cxn ang="0">
                      <a:pos x="4" y="64"/>
                    </a:cxn>
                    <a:cxn ang="0">
                      <a:pos x="0" y="82"/>
                    </a:cxn>
                    <a:cxn ang="0">
                      <a:pos x="0" y="101"/>
                    </a:cxn>
                    <a:cxn ang="0">
                      <a:pos x="4" y="119"/>
                    </a:cxn>
                    <a:cxn ang="0">
                      <a:pos x="10" y="134"/>
                    </a:cxn>
                    <a:cxn ang="0">
                      <a:pos x="20" y="150"/>
                    </a:cxn>
                    <a:cxn ang="0">
                      <a:pos x="34" y="162"/>
                    </a:cxn>
                    <a:cxn ang="0">
                      <a:pos x="48" y="172"/>
                    </a:cxn>
                    <a:cxn ang="0">
                      <a:pos x="64" y="178"/>
                    </a:cxn>
                    <a:cxn ang="0">
                      <a:pos x="82" y="182"/>
                    </a:cxn>
                  </a:cxnLst>
                  <a:rect l="0" t="0" r="r" b="b"/>
                  <a:pathLst>
                    <a:path w="182" h="182">
                      <a:moveTo>
                        <a:pt x="91" y="182"/>
                      </a:moveTo>
                      <a:lnTo>
                        <a:pt x="100" y="182"/>
                      </a:lnTo>
                      <a:lnTo>
                        <a:pt x="109" y="181"/>
                      </a:lnTo>
                      <a:lnTo>
                        <a:pt x="118" y="178"/>
                      </a:lnTo>
                      <a:lnTo>
                        <a:pt x="127" y="175"/>
                      </a:lnTo>
                      <a:lnTo>
                        <a:pt x="135" y="172"/>
                      </a:lnTo>
                      <a:lnTo>
                        <a:pt x="142" y="166"/>
                      </a:lnTo>
                      <a:lnTo>
                        <a:pt x="149" y="162"/>
                      </a:lnTo>
                      <a:lnTo>
                        <a:pt x="156" y="155"/>
                      </a:lnTo>
                      <a:lnTo>
                        <a:pt x="161" y="150"/>
                      </a:lnTo>
                      <a:lnTo>
                        <a:pt x="167" y="142"/>
                      </a:lnTo>
                      <a:lnTo>
                        <a:pt x="171" y="134"/>
                      </a:lnTo>
                      <a:lnTo>
                        <a:pt x="176" y="126"/>
                      </a:lnTo>
                      <a:lnTo>
                        <a:pt x="179" y="119"/>
                      </a:lnTo>
                      <a:lnTo>
                        <a:pt x="181" y="110"/>
                      </a:lnTo>
                      <a:lnTo>
                        <a:pt x="182" y="101"/>
                      </a:lnTo>
                      <a:lnTo>
                        <a:pt x="182" y="91"/>
                      </a:lnTo>
                      <a:lnTo>
                        <a:pt x="182" y="82"/>
                      </a:lnTo>
                      <a:lnTo>
                        <a:pt x="181" y="73"/>
                      </a:lnTo>
                      <a:lnTo>
                        <a:pt x="179" y="64"/>
                      </a:lnTo>
                      <a:lnTo>
                        <a:pt x="176" y="55"/>
                      </a:lnTo>
                      <a:lnTo>
                        <a:pt x="171" y="48"/>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8"/>
                      </a:lnTo>
                      <a:lnTo>
                        <a:pt x="7" y="55"/>
                      </a:lnTo>
                      <a:lnTo>
                        <a:pt x="4" y="64"/>
                      </a:lnTo>
                      <a:lnTo>
                        <a:pt x="2" y="73"/>
                      </a:lnTo>
                      <a:lnTo>
                        <a:pt x="0" y="82"/>
                      </a:lnTo>
                      <a:lnTo>
                        <a:pt x="0" y="91"/>
                      </a:lnTo>
                      <a:lnTo>
                        <a:pt x="0" y="101"/>
                      </a:lnTo>
                      <a:lnTo>
                        <a:pt x="2" y="110"/>
                      </a:lnTo>
                      <a:lnTo>
                        <a:pt x="4" y="119"/>
                      </a:lnTo>
                      <a:lnTo>
                        <a:pt x="7" y="126"/>
                      </a:lnTo>
                      <a:lnTo>
                        <a:pt x="10" y="134"/>
                      </a:lnTo>
                      <a:lnTo>
                        <a:pt x="16" y="142"/>
                      </a:lnTo>
                      <a:lnTo>
                        <a:pt x="20" y="150"/>
                      </a:lnTo>
                      <a:lnTo>
                        <a:pt x="27" y="155"/>
                      </a:lnTo>
                      <a:lnTo>
                        <a:pt x="34" y="162"/>
                      </a:lnTo>
                      <a:lnTo>
                        <a:pt x="40" y="166"/>
                      </a:lnTo>
                      <a:lnTo>
                        <a:pt x="48" y="172"/>
                      </a:lnTo>
                      <a:lnTo>
                        <a:pt x="56"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3" name="Freeform 45"/>
                <p:cNvSpPr>
                  <a:spLocks/>
                </p:cNvSpPr>
                <p:nvPr/>
              </p:nvSpPr>
              <p:spPr bwMode="auto">
                <a:xfrm>
                  <a:off x="11073215" y="2775899"/>
                  <a:ext cx="203200" cy="33338"/>
                </a:xfrm>
                <a:custGeom>
                  <a:avLst/>
                  <a:gdLst/>
                  <a:ahLst/>
                  <a:cxnLst>
                    <a:cxn ang="0">
                      <a:pos x="1169" y="0"/>
                    </a:cxn>
                    <a:cxn ang="0">
                      <a:pos x="1190" y="2"/>
                    </a:cxn>
                    <a:cxn ang="0">
                      <a:pos x="1212" y="9"/>
                    </a:cxn>
                    <a:cxn ang="0">
                      <a:pos x="1229" y="19"/>
                    </a:cxn>
                    <a:cxn ang="0">
                      <a:pos x="1246" y="32"/>
                    </a:cxn>
                    <a:cxn ang="0">
                      <a:pos x="1259" y="48"/>
                    </a:cxn>
                    <a:cxn ang="0">
                      <a:pos x="1269" y="67"/>
                    </a:cxn>
                    <a:cxn ang="0">
                      <a:pos x="1276" y="87"/>
                    </a:cxn>
                    <a:cxn ang="0">
                      <a:pos x="1278" y="109"/>
                    </a:cxn>
                    <a:cxn ang="0">
                      <a:pos x="1276" y="131"/>
                    </a:cxn>
                    <a:cxn ang="0">
                      <a:pos x="1269" y="151"/>
                    </a:cxn>
                    <a:cxn ang="0">
                      <a:pos x="1259" y="170"/>
                    </a:cxn>
                    <a:cxn ang="0">
                      <a:pos x="1246" y="187"/>
                    </a:cxn>
                    <a:cxn ang="0">
                      <a:pos x="1229" y="200"/>
                    </a:cxn>
                    <a:cxn ang="0">
                      <a:pos x="1212" y="210"/>
                    </a:cxn>
                    <a:cxn ang="0">
                      <a:pos x="1190" y="215"/>
                    </a:cxn>
                    <a:cxn ang="0">
                      <a:pos x="1169" y="218"/>
                    </a:cxn>
                    <a:cxn ang="0">
                      <a:pos x="97" y="218"/>
                    </a:cxn>
                    <a:cxn ang="0">
                      <a:pos x="76" y="213"/>
                    </a:cxn>
                    <a:cxn ang="0">
                      <a:pos x="56" y="204"/>
                    </a:cxn>
                    <a:cxn ang="0">
                      <a:pos x="38" y="193"/>
                    </a:cxn>
                    <a:cxn ang="0">
                      <a:pos x="24" y="179"/>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2"/>
                      </a:lnTo>
                      <a:lnTo>
                        <a:pt x="1202" y="5"/>
                      </a:lnTo>
                      <a:lnTo>
                        <a:pt x="1212" y="9"/>
                      </a:lnTo>
                      <a:lnTo>
                        <a:pt x="1220" y="14"/>
                      </a:lnTo>
                      <a:lnTo>
                        <a:pt x="1229" y="19"/>
                      </a:lnTo>
                      <a:lnTo>
                        <a:pt x="1238" y="25"/>
                      </a:lnTo>
                      <a:lnTo>
                        <a:pt x="1246" y="32"/>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9"/>
                      </a:lnTo>
                      <a:lnTo>
                        <a:pt x="1246" y="187"/>
                      </a:lnTo>
                      <a:lnTo>
                        <a:pt x="1238" y="193"/>
                      </a:lnTo>
                      <a:lnTo>
                        <a:pt x="1229" y="200"/>
                      </a:lnTo>
                      <a:lnTo>
                        <a:pt x="1220" y="204"/>
                      </a:lnTo>
                      <a:lnTo>
                        <a:pt x="1212" y="210"/>
                      </a:lnTo>
                      <a:lnTo>
                        <a:pt x="1202" y="213"/>
                      </a:lnTo>
                      <a:lnTo>
                        <a:pt x="1190" y="215"/>
                      </a:lnTo>
                      <a:lnTo>
                        <a:pt x="1180" y="218"/>
                      </a:lnTo>
                      <a:lnTo>
                        <a:pt x="1169" y="218"/>
                      </a:lnTo>
                      <a:lnTo>
                        <a:pt x="108" y="218"/>
                      </a:lnTo>
                      <a:lnTo>
                        <a:pt x="97" y="218"/>
                      </a:lnTo>
                      <a:lnTo>
                        <a:pt x="86" y="215"/>
                      </a:lnTo>
                      <a:lnTo>
                        <a:pt x="76" y="213"/>
                      </a:lnTo>
                      <a:lnTo>
                        <a:pt x="66" y="210"/>
                      </a:lnTo>
                      <a:lnTo>
                        <a:pt x="56" y="204"/>
                      </a:lnTo>
                      <a:lnTo>
                        <a:pt x="47" y="200"/>
                      </a:lnTo>
                      <a:lnTo>
                        <a:pt x="38" y="193"/>
                      </a:lnTo>
                      <a:lnTo>
                        <a:pt x="31" y="187"/>
                      </a:lnTo>
                      <a:lnTo>
                        <a:pt x="24" y="179"/>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2"/>
                      </a:lnTo>
                      <a:lnTo>
                        <a:pt x="38"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4" name="Freeform 46"/>
                <p:cNvSpPr>
                  <a:spLocks/>
                </p:cNvSpPr>
                <p:nvPr/>
              </p:nvSpPr>
              <p:spPr bwMode="auto">
                <a:xfrm>
                  <a:off x="10455678" y="2775899"/>
                  <a:ext cx="28575" cy="30163"/>
                </a:xfrm>
                <a:custGeom>
                  <a:avLst/>
                  <a:gdLst/>
                  <a:ahLst/>
                  <a:cxnLst>
                    <a:cxn ang="0">
                      <a:pos x="101" y="183"/>
                    </a:cxn>
                    <a:cxn ang="0">
                      <a:pos x="119" y="178"/>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9" y="178"/>
                      </a:lnTo>
                      <a:lnTo>
                        <a:pt x="126" y="176"/>
                      </a:lnTo>
                      <a:lnTo>
                        <a:pt x="135" y="172"/>
                      </a:lnTo>
                      <a:lnTo>
                        <a:pt x="142" y="167"/>
                      </a:lnTo>
                      <a:lnTo>
                        <a:pt x="150" y="162"/>
                      </a:lnTo>
                      <a:lnTo>
                        <a:pt x="156" y="156"/>
                      </a:lnTo>
                      <a:lnTo>
                        <a:pt x="162" y="150"/>
                      </a:lnTo>
                      <a:lnTo>
                        <a:pt x="167" y="143"/>
                      </a:lnTo>
                      <a:lnTo>
                        <a:pt x="172" y="135"/>
                      </a:lnTo>
                      <a:lnTo>
                        <a:pt x="175" y="127"/>
                      </a:lnTo>
                      <a:lnTo>
                        <a:pt x="179" y="119"/>
                      </a:lnTo>
                      <a:lnTo>
                        <a:pt x="181" y="110"/>
                      </a:lnTo>
                      <a:lnTo>
                        <a:pt x="182" y="101"/>
                      </a:lnTo>
                      <a:lnTo>
                        <a:pt x="183" y="92"/>
                      </a:lnTo>
                      <a:lnTo>
                        <a:pt x="182" y="82"/>
                      </a:lnTo>
                      <a:lnTo>
                        <a:pt x="181" y="73"/>
                      </a:lnTo>
                      <a:lnTo>
                        <a:pt x="179" y="64"/>
                      </a:lnTo>
                      <a:lnTo>
                        <a:pt x="175" y="56"/>
                      </a:lnTo>
                      <a:lnTo>
                        <a:pt x="172" y="48"/>
                      </a:lnTo>
                      <a:lnTo>
                        <a:pt x="167" y="41"/>
                      </a:lnTo>
                      <a:lnTo>
                        <a:pt x="162" y="33"/>
                      </a:lnTo>
                      <a:lnTo>
                        <a:pt x="156" y="26"/>
                      </a:lnTo>
                      <a:lnTo>
                        <a:pt x="150" y="21"/>
                      </a:lnTo>
                      <a:lnTo>
                        <a:pt x="142" y="15"/>
                      </a:lnTo>
                      <a:lnTo>
                        <a:pt x="135" y="11"/>
                      </a:lnTo>
                      <a:lnTo>
                        <a:pt x="126" y="8"/>
                      </a:lnTo>
                      <a:lnTo>
                        <a:pt x="119" y="4"/>
                      </a:lnTo>
                      <a:lnTo>
                        <a:pt x="110" y="2"/>
                      </a:lnTo>
                      <a:lnTo>
                        <a:pt x="101" y="1"/>
                      </a:lnTo>
                      <a:lnTo>
                        <a:pt x="91" y="0"/>
                      </a:lnTo>
                      <a:lnTo>
                        <a:pt x="82" y="1"/>
                      </a:lnTo>
                      <a:lnTo>
                        <a:pt x="73" y="2"/>
                      </a:lnTo>
                      <a:lnTo>
                        <a:pt x="64" y="4"/>
                      </a:lnTo>
                      <a:lnTo>
                        <a:pt x="55" y="8"/>
                      </a:lnTo>
                      <a:lnTo>
                        <a:pt x="48" y="11"/>
                      </a:lnTo>
                      <a:lnTo>
                        <a:pt x="40" y="15"/>
                      </a:lnTo>
                      <a:lnTo>
                        <a:pt x="33" y="21"/>
                      </a:lnTo>
                      <a:lnTo>
                        <a:pt x="27" y="26"/>
                      </a:lnTo>
                      <a:lnTo>
                        <a:pt x="21" y="33"/>
                      </a:lnTo>
                      <a:lnTo>
                        <a:pt x="16" y="41"/>
                      </a:lnTo>
                      <a:lnTo>
                        <a:pt x="11" y="48"/>
                      </a:lnTo>
                      <a:lnTo>
                        <a:pt x="7" y="56"/>
                      </a:lnTo>
                      <a:lnTo>
                        <a:pt x="4" y="64"/>
                      </a:lnTo>
                      <a:lnTo>
                        <a:pt x="2" y="73"/>
                      </a:lnTo>
                      <a:lnTo>
                        <a:pt x="0" y="82"/>
                      </a:lnTo>
                      <a:lnTo>
                        <a:pt x="0" y="92"/>
                      </a:lnTo>
                      <a:lnTo>
                        <a:pt x="0" y="101"/>
                      </a:lnTo>
                      <a:lnTo>
                        <a:pt x="2" y="110"/>
                      </a:lnTo>
                      <a:lnTo>
                        <a:pt x="4" y="119"/>
                      </a:lnTo>
                      <a:lnTo>
                        <a:pt x="7" y="127"/>
                      </a:lnTo>
                      <a:lnTo>
                        <a:pt x="11" y="135"/>
                      </a:lnTo>
                      <a:lnTo>
                        <a:pt x="16" y="143"/>
                      </a:lnTo>
                      <a:lnTo>
                        <a:pt x="21" y="150"/>
                      </a:lnTo>
                      <a:lnTo>
                        <a:pt x="27"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5" name="Freeform 47"/>
                <p:cNvSpPr>
                  <a:spLocks/>
                </p:cNvSpPr>
                <p:nvPr/>
              </p:nvSpPr>
              <p:spPr bwMode="auto">
                <a:xfrm>
                  <a:off x="10495365" y="2775899"/>
                  <a:ext cx="30163" cy="30163"/>
                </a:xfrm>
                <a:custGeom>
                  <a:avLst/>
                  <a:gdLst/>
                  <a:ahLst/>
                  <a:cxnLst>
                    <a:cxn ang="0">
                      <a:pos x="101" y="183"/>
                    </a:cxn>
                    <a:cxn ang="0">
                      <a:pos x="119" y="178"/>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3" h="183">
                      <a:moveTo>
                        <a:pt x="92" y="183"/>
                      </a:moveTo>
                      <a:lnTo>
                        <a:pt x="101" y="183"/>
                      </a:lnTo>
                      <a:lnTo>
                        <a:pt x="110" y="181"/>
                      </a:lnTo>
                      <a:lnTo>
                        <a:pt x="119" y="178"/>
                      </a:lnTo>
                      <a:lnTo>
                        <a:pt x="127" y="176"/>
                      </a:lnTo>
                      <a:lnTo>
                        <a:pt x="135" y="172"/>
                      </a:lnTo>
                      <a:lnTo>
                        <a:pt x="142" y="167"/>
                      </a:lnTo>
                      <a:lnTo>
                        <a:pt x="150" y="162"/>
                      </a:lnTo>
                      <a:lnTo>
                        <a:pt x="156" y="156"/>
                      </a:lnTo>
                      <a:lnTo>
                        <a:pt x="162" y="150"/>
                      </a:lnTo>
                      <a:lnTo>
                        <a:pt x="167"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7" y="41"/>
                      </a:lnTo>
                      <a:lnTo>
                        <a:pt x="162" y="33"/>
                      </a:lnTo>
                      <a:lnTo>
                        <a:pt x="156" y="26"/>
                      </a:lnTo>
                      <a:lnTo>
                        <a:pt x="150" y="21"/>
                      </a:lnTo>
                      <a:lnTo>
                        <a:pt x="142" y="15"/>
                      </a:lnTo>
                      <a:lnTo>
                        <a:pt x="135" y="11"/>
                      </a:lnTo>
                      <a:lnTo>
                        <a:pt x="127" y="8"/>
                      </a:lnTo>
                      <a:lnTo>
                        <a:pt x="119" y="4"/>
                      </a:lnTo>
                      <a:lnTo>
                        <a:pt x="110" y="2"/>
                      </a:lnTo>
                      <a:lnTo>
                        <a:pt x="101" y="1"/>
                      </a:lnTo>
                      <a:lnTo>
                        <a:pt x="92"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8" y="56"/>
                      </a:lnTo>
                      <a:lnTo>
                        <a:pt x="4" y="64"/>
                      </a:lnTo>
                      <a:lnTo>
                        <a:pt x="2" y="73"/>
                      </a:lnTo>
                      <a:lnTo>
                        <a:pt x="1" y="82"/>
                      </a:lnTo>
                      <a:lnTo>
                        <a:pt x="0" y="92"/>
                      </a:lnTo>
                      <a:lnTo>
                        <a:pt x="1" y="101"/>
                      </a:lnTo>
                      <a:lnTo>
                        <a:pt x="2" y="110"/>
                      </a:lnTo>
                      <a:lnTo>
                        <a:pt x="4" y="119"/>
                      </a:lnTo>
                      <a:lnTo>
                        <a:pt x="8"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6" name="Freeform 48"/>
                <p:cNvSpPr>
                  <a:spLocks/>
                </p:cNvSpPr>
                <p:nvPr/>
              </p:nvSpPr>
              <p:spPr bwMode="auto">
                <a:xfrm>
                  <a:off x="10536640" y="2775899"/>
                  <a:ext cx="28575" cy="30163"/>
                </a:xfrm>
                <a:custGeom>
                  <a:avLst/>
                  <a:gdLst/>
                  <a:ahLst/>
                  <a:cxnLst>
                    <a:cxn ang="0">
                      <a:pos x="101" y="183"/>
                    </a:cxn>
                    <a:cxn ang="0">
                      <a:pos x="118" y="178"/>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8"/>
                    </a:cxn>
                    <a:cxn ang="0">
                      <a:pos x="82" y="183"/>
                    </a:cxn>
                  </a:cxnLst>
                  <a:rect l="0" t="0" r="r" b="b"/>
                  <a:pathLst>
                    <a:path w="183" h="183">
                      <a:moveTo>
                        <a:pt x="92" y="183"/>
                      </a:moveTo>
                      <a:lnTo>
                        <a:pt x="101" y="183"/>
                      </a:lnTo>
                      <a:lnTo>
                        <a:pt x="109" y="181"/>
                      </a:lnTo>
                      <a:lnTo>
                        <a:pt x="118" y="178"/>
                      </a:lnTo>
                      <a:lnTo>
                        <a:pt x="127" y="176"/>
                      </a:lnTo>
                      <a:lnTo>
                        <a:pt x="135" y="172"/>
                      </a:lnTo>
                      <a:lnTo>
                        <a:pt x="143" y="167"/>
                      </a:lnTo>
                      <a:lnTo>
                        <a:pt x="149" y="162"/>
                      </a:lnTo>
                      <a:lnTo>
                        <a:pt x="156" y="156"/>
                      </a:lnTo>
                      <a:lnTo>
                        <a:pt x="162" y="150"/>
                      </a:lnTo>
                      <a:lnTo>
                        <a:pt x="167" y="143"/>
                      </a:lnTo>
                      <a:lnTo>
                        <a:pt x="172" y="135"/>
                      </a:lnTo>
                      <a:lnTo>
                        <a:pt x="176" y="127"/>
                      </a:lnTo>
                      <a:lnTo>
                        <a:pt x="178" y="119"/>
                      </a:lnTo>
                      <a:lnTo>
                        <a:pt x="180" y="110"/>
                      </a:lnTo>
                      <a:lnTo>
                        <a:pt x="183" y="101"/>
                      </a:lnTo>
                      <a:lnTo>
                        <a:pt x="183" y="92"/>
                      </a:lnTo>
                      <a:lnTo>
                        <a:pt x="183" y="82"/>
                      </a:lnTo>
                      <a:lnTo>
                        <a:pt x="180" y="73"/>
                      </a:lnTo>
                      <a:lnTo>
                        <a:pt x="178" y="64"/>
                      </a:lnTo>
                      <a:lnTo>
                        <a:pt x="176" y="56"/>
                      </a:lnTo>
                      <a:lnTo>
                        <a:pt x="172" y="48"/>
                      </a:lnTo>
                      <a:lnTo>
                        <a:pt x="167" y="41"/>
                      </a:lnTo>
                      <a:lnTo>
                        <a:pt x="162" y="33"/>
                      </a:lnTo>
                      <a:lnTo>
                        <a:pt x="156" y="26"/>
                      </a:lnTo>
                      <a:lnTo>
                        <a:pt x="149" y="21"/>
                      </a:lnTo>
                      <a:lnTo>
                        <a:pt x="143" y="15"/>
                      </a:lnTo>
                      <a:lnTo>
                        <a:pt x="135" y="11"/>
                      </a:lnTo>
                      <a:lnTo>
                        <a:pt x="127" y="8"/>
                      </a:lnTo>
                      <a:lnTo>
                        <a:pt x="118" y="4"/>
                      </a:lnTo>
                      <a:lnTo>
                        <a:pt x="109" y="2"/>
                      </a:lnTo>
                      <a:lnTo>
                        <a:pt x="101" y="1"/>
                      </a:lnTo>
                      <a:lnTo>
                        <a:pt x="92" y="0"/>
                      </a:lnTo>
                      <a:lnTo>
                        <a:pt x="82" y="1"/>
                      </a:lnTo>
                      <a:lnTo>
                        <a:pt x="73" y="2"/>
                      </a:lnTo>
                      <a:lnTo>
                        <a:pt x="64" y="4"/>
                      </a:lnTo>
                      <a:lnTo>
                        <a:pt x="56" y="8"/>
                      </a:lnTo>
                      <a:lnTo>
                        <a:pt x="47" y="11"/>
                      </a:lnTo>
                      <a:lnTo>
                        <a:pt x="41" y="15"/>
                      </a:lnTo>
                      <a:lnTo>
                        <a:pt x="33" y="21"/>
                      </a:lnTo>
                      <a:lnTo>
                        <a:pt x="26" y="26"/>
                      </a:lnTo>
                      <a:lnTo>
                        <a:pt x="21" y="33"/>
                      </a:lnTo>
                      <a:lnTo>
                        <a:pt x="15"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5" y="143"/>
                      </a:lnTo>
                      <a:lnTo>
                        <a:pt x="21" y="150"/>
                      </a:lnTo>
                      <a:lnTo>
                        <a:pt x="26" y="156"/>
                      </a:lnTo>
                      <a:lnTo>
                        <a:pt x="33" y="162"/>
                      </a:lnTo>
                      <a:lnTo>
                        <a:pt x="41" y="167"/>
                      </a:lnTo>
                      <a:lnTo>
                        <a:pt x="47" y="172"/>
                      </a:lnTo>
                      <a:lnTo>
                        <a:pt x="56"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7" name="Freeform 49"/>
                <p:cNvSpPr>
                  <a:spLocks/>
                </p:cNvSpPr>
                <p:nvPr/>
              </p:nvSpPr>
              <p:spPr bwMode="auto">
                <a:xfrm>
                  <a:off x="10576328" y="2775899"/>
                  <a:ext cx="28575" cy="30163"/>
                </a:xfrm>
                <a:custGeom>
                  <a:avLst/>
                  <a:gdLst/>
                  <a:ahLst/>
                  <a:cxnLst>
                    <a:cxn ang="0">
                      <a:pos x="100" y="183"/>
                    </a:cxn>
                    <a:cxn ang="0">
                      <a:pos x="118" y="178"/>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2" h="183">
                      <a:moveTo>
                        <a:pt x="92" y="183"/>
                      </a:moveTo>
                      <a:lnTo>
                        <a:pt x="100" y="183"/>
                      </a:lnTo>
                      <a:lnTo>
                        <a:pt x="109" y="181"/>
                      </a:lnTo>
                      <a:lnTo>
                        <a:pt x="118" y="178"/>
                      </a:lnTo>
                      <a:lnTo>
                        <a:pt x="127" y="176"/>
                      </a:lnTo>
                      <a:lnTo>
                        <a:pt x="135" y="172"/>
                      </a:lnTo>
                      <a:lnTo>
                        <a:pt x="143" y="167"/>
                      </a:lnTo>
                      <a:lnTo>
                        <a:pt x="149" y="162"/>
                      </a:lnTo>
                      <a:lnTo>
                        <a:pt x="156" y="156"/>
                      </a:lnTo>
                      <a:lnTo>
                        <a:pt x="161" y="150"/>
                      </a:lnTo>
                      <a:lnTo>
                        <a:pt x="167" y="143"/>
                      </a:lnTo>
                      <a:lnTo>
                        <a:pt x="171" y="135"/>
                      </a:lnTo>
                      <a:lnTo>
                        <a:pt x="176" y="127"/>
                      </a:lnTo>
                      <a:lnTo>
                        <a:pt x="178" y="119"/>
                      </a:lnTo>
                      <a:lnTo>
                        <a:pt x="180" y="110"/>
                      </a:lnTo>
                      <a:lnTo>
                        <a:pt x="182" y="101"/>
                      </a:lnTo>
                      <a:lnTo>
                        <a:pt x="182" y="92"/>
                      </a:lnTo>
                      <a:lnTo>
                        <a:pt x="182" y="82"/>
                      </a:lnTo>
                      <a:lnTo>
                        <a:pt x="180" y="73"/>
                      </a:lnTo>
                      <a:lnTo>
                        <a:pt x="178" y="64"/>
                      </a:lnTo>
                      <a:lnTo>
                        <a:pt x="176" y="56"/>
                      </a:lnTo>
                      <a:lnTo>
                        <a:pt x="171" y="48"/>
                      </a:lnTo>
                      <a:lnTo>
                        <a:pt x="167" y="41"/>
                      </a:lnTo>
                      <a:lnTo>
                        <a:pt x="161" y="33"/>
                      </a:lnTo>
                      <a:lnTo>
                        <a:pt x="156" y="26"/>
                      </a:lnTo>
                      <a:lnTo>
                        <a:pt x="149" y="21"/>
                      </a:lnTo>
                      <a:lnTo>
                        <a:pt x="143" y="15"/>
                      </a:lnTo>
                      <a:lnTo>
                        <a:pt x="135" y="11"/>
                      </a:lnTo>
                      <a:lnTo>
                        <a:pt x="127" y="8"/>
                      </a:lnTo>
                      <a:lnTo>
                        <a:pt x="118" y="4"/>
                      </a:lnTo>
                      <a:lnTo>
                        <a:pt x="109" y="2"/>
                      </a:lnTo>
                      <a:lnTo>
                        <a:pt x="100" y="1"/>
                      </a:lnTo>
                      <a:lnTo>
                        <a:pt x="92" y="0"/>
                      </a:lnTo>
                      <a:lnTo>
                        <a:pt x="82" y="1"/>
                      </a:lnTo>
                      <a:lnTo>
                        <a:pt x="73" y="2"/>
                      </a:lnTo>
                      <a:lnTo>
                        <a:pt x="64" y="4"/>
                      </a:lnTo>
                      <a:lnTo>
                        <a:pt x="56" y="8"/>
                      </a:lnTo>
                      <a:lnTo>
                        <a:pt x="48" y="11"/>
                      </a:lnTo>
                      <a:lnTo>
                        <a:pt x="41" y="15"/>
                      </a:lnTo>
                      <a:lnTo>
                        <a:pt x="33" y="21"/>
                      </a:lnTo>
                      <a:lnTo>
                        <a:pt x="27" y="26"/>
                      </a:lnTo>
                      <a:lnTo>
                        <a:pt x="21" y="33"/>
                      </a:lnTo>
                      <a:lnTo>
                        <a:pt x="16"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6" y="143"/>
                      </a:lnTo>
                      <a:lnTo>
                        <a:pt x="21" y="150"/>
                      </a:lnTo>
                      <a:lnTo>
                        <a:pt x="27" y="156"/>
                      </a:lnTo>
                      <a:lnTo>
                        <a:pt x="33" y="162"/>
                      </a:lnTo>
                      <a:lnTo>
                        <a:pt x="41" y="167"/>
                      </a:lnTo>
                      <a:lnTo>
                        <a:pt x="48" y="172"/>
                      </a:lnTo>
                      <a:lnTo>
                        <a:pt x="56"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8" name="Freeform 50"/>
                <p:cNvSpPr>
                  <a:spLocks/>
                </p:cNvSpPr>
                <p:nvPr/>
              </p:nvSpPr>
              <p:spPr bwMode="auto">
                <a:xfrm>
                  <a:off x="10616015" y="2775899"/>
                  <a:ext cx="28575" cy="30163"/>
                </a:xfrm>
                <a:custGeom>
                  <a:avLst/>
                  <a:gdLst/>
                  <a:ahLst/>
                  <a:cxnLst>
                    <a:cxn ang="0">
                      <a:pos x="100" y="183"/>
                    </a:cxn>
                    <a:cxn ang="0">
                      <a:pos x="118" y="178"/>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8"/>
                    </a:cxn>
                    <a:cxn ang="0">
                      <a:pos x="82" y="183"/>
                    </a:cxn>
                  </a:cxnLst>
                  <a:rect l="0" t="0" r="r" b="b"/>
                  <a:pathLst>
                    <a:path w="182" h="183">
                      <a:moveTo>
                        <a:pt x="91" y="183"/>
                      </a:moveTo>
                      <a:lnTo>
                        <a:pt x="100" y="183"/>
                      </a:lnTo>
                      <a:lnTo>
                        <a:pt x="109" y="181"/>
                      </a:lnTo>
                      <a:lnTo>
                        <a:pt x="118" y="178"/>
                      </a:lnTo>
                      <a:lnTo>
                        <a:pt x="127" y="176"/>
                      </a:lnTo>
                      <a:lnTo>
                        <a:pt x="135" y="172"/>
                      </a:lnTo>
                      <a:lnTo>
                        <a:pt x="142" y="167"/>
                      </a:lnTo>
                      <a:lnTo>
                        <a:pt x="149" y="162"/>
                      </a:lnTo>
                      <a:lnTo>
                        <a:pt x="156" y="156"/>
                      </a:lnTo>
                      <a:lnTo>
                        <a:pt x="161" y="150"/>
                      </a:lnTo>
                      <a:lnTo>
                        <a:pt x="167" y="143"/>
                      </a:lnTo>
                      <a:lnTo>
                        <a:pt x="171" y="135"/>
                      </a:lnTo>
                      <a:lnTo>
                        <a:pt x="176" y="127"/>
                      </a:lnTo>
                      <a:lnTo>
                        <a:pt x="179" y="119"/>
                      </a:lnTo>
                      <a:lnTo>
                        <a:pt x="181" y="110"/>
                      </a:lnTo>
                      <a:lnTo>
                        <a:pt x="182" y="101"/>
                      </a:lnTo>
                      <a:lnTo>
                        <a:pt x="182" y="92"/>
                      </a:lnTo>
                      <a:lnTo>
                        <a:pt x="182" y="82"/>
                      </a:lnTo>
                      <a:lnTo>
                        <a:pt x="181" y="73"/>
                      </a:lnTo>
                      <a:lnTo>
                        <a:pt x="179" y="64"/>
                      </a:lnTo>
                      <a:lnTo>
                        <a:pt x="176" y="56"/>
                      </a:lnTo>
                      <a:lnTo>
                        <a:pt x="171" y="48"/>
                      </a:lnTo>
                      <a:lnTo>
                        <a:pt x="167" y="41"/>
                      </a:lnTo>
                      <a:lnTo>
                        <a:pt x="161" y="33"/>
                      </a:lnTo>
                      <a:lnTo>
                        <a:pt x="156" y="26"/>
                      </a:lnTo>
                      <a:lnTo>
                        <a:pt x="149" y="21"/>
                      </a:lnTo>
                      <a:lnTo>
                        <a:pt x="142" y="15"/>
                      </a:lnTo>
                      <a:lnTo>
                        <a:pt x="135" y="11"/>
                      </a:lnTo>
                      <a:lnTo>
                        <a:pt x="127" y="8"/>
                      </a:lnTo>
                      <a:lnTo>
                        <a:pt x="118" y="4"/>
                      </a:lnTo>
                      <a:lnTo>
                        <a:pt x="109" y="2"/>
                      </a:lnTo>
                      <a:lnTo>
                        <a:pt x="100" y="1"/>
                      </a:lnTo>
                      <a:lnTo>
                        <a:pt x="91" y="0"/>
                      </a:lnTo>
                      <a:lnTo>
                        <a:pt x="82" y="1"/>
                      </a:lnTo>
                      <a:lnTo>
                        <a:pt x="73" y="2"/>
                      </a:lnTo>
                      <a:lnTo>
                        <a:pt x="64" y="4"/>
                      </a:lnTo>
                      <a:lnTo>
                        <a:pt x="56" y="8"/>
                      </a:lnTo>
                      <a:lnTo>
                        <a:pt x="48" y="11"/>
                      </a:lnTo>
                      <a:lnTo>
                        <a:pt x="40" y="15"/>
                      </a:lnTo>
                      <a:lnTo>
                        <a:pt x="34" y="21"/>
                      </a:lnTo>
                      <a:lnTo>
                        <a:pt x="27" y="26"/>
                      </a:lnTo>
                      <a:lnTo>
                        <a:pt x="20" y="33"/>
                      </a:lnTo>
                      <a:lnTo>
                        <a:pt x="16" y="41"/>
                      </a:lnTo>
                      <a:lnTo>
                        <a:pt x="10" y="48"/>
                      </a:lnTo>
                      <a:lnTo>
                        <a:pt x="7" y="56"/>
                      </a:lnTo>
                      <a:lnTo>
                        <a:pt x="4" y="64"/>
                      </a:lnTo>
                      <a:lnTo>
                        <a:pt x="2" y="73"/>
                      </a:lnTo>
                      <a:lnTo>
                        <a:pt x="0" y="82"/>
                      </a:lnTo>
                      <a:lnTo>
                        <a:pt x="0" y="92"/>
                      </a:lnTo>
                      <a:lnTo>
                        <a:pt x="0" y="101"/>
                      </a:lnTo>
                      <a:lnTo>
                        <a:pt x="2" y="110"/>
                      </a:lnTo>
                      <a:lnTo>
                        <a:pt x="4" y="119"/>
                      </a:lnTo>
                      <a:lnTo>
                        <a:pt x="7" y="127"/>
                      </a:lnTo>
                      <a:lnTo>
                        <a:pt x="10" y="135"/>
                      </a:lnTo>
                      <a:lnTo>
                        <a:pt x="16" y="143"/>
                      </a:lnTo>
                      <a:lnTo>
                        <a:pt x="20" y="150"/>
                      </a:lnTo>
                      <a:lnTo>
                        <a:pt x="27" y="156"/>
                      </a:lnTo>
                      <a:lnTo>
                        <a:pt x="34" y="162"/>
                      </a:lnTo>
                      <a:lnTo>
                        <a:pt x="40" y="167"/>
                      </a:lnTo>
                      <a:lnTo>
                        <a:pt x="48" y="172"/>
                      </a:lnTo>
                      <a:lnTo>
                        <a:pt x="56"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19" name="Freeform 51"/>
                <p:cNvSpPr>
                  <a:spLocks/>
                </p:cNvSpPr>
                <p:nvPr/>
              </p:nvSpPr>
              <p:spPr bwMode="auto">
                <a:xfrm>
                  <a:off x="11073215" y="2963224"/>
                  <a:ext cx="203200" cy="34925"/>
                </a:xfrm>
                <a:custGeom>
                  <a:avLst/>
                  <a:gdLst/>
                  <a:ahLst/>
                  <a:cxnLst>
                    <a:cxn ang="0">
                      <a:pos x="1169" y="0"/>
                    </a:cxn>
                    <a:cxn ang="0">
                      <a:pos x="1190" y="2"/>
                    </a:cxn>
                    <a:cxn ang="0">
                      <a:pos x="1212" y="9"/>
                    </a:cxn>
                    <a:cxn ang="0">
                      <a:pos x="1229" y="19"/>
                    </a:cxn>
                    <a:cxn ang="0">
                      <a:pos x="1246" y="32"/>
                    </a:cxn>
                    <a:cxn ang="0">
                      <a:pos x="1259" y="48"/>
                    </a:cxn>
                    <a:cxn ang="0">
                      <a:pos x="1269" y="66"/>
                    </a:cxn>
                    <a:cxn ang="0">
                      <a:pos x="1276" y="86"/>
                    </a:cxn>
                    <a:cxn ang="0">
                      <a:pos x="1278" y="109"/>
                    </a:cxn>
                    <a:cxn ang="0">
                      <a:pos x="1276" y="131"/>
                    </a:cxn>
                    <a:cxn ang="0">
                      <a:pos x="1269" y="151"/>
                    </a:cxn>
                    <a:cxn ang="0">
                      <a:pos x="1259" y="170"/>
                    </a:cxn>
                    <a:cxn ang="0">
                      <a:pos x="1246" y="185"/>
                    </a:cxn>
                    <a:cxn ang="0">
                      <a:pos x="1229" y="198"/>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7"/>
                    </a:cxn>
                    <a:cxn ang="0">
                      <a:pos x="4" y="76"/>
                    </a:cxn>
                    <a:cxn ang="0">
                      <a:pos x="12" y="56"/>
                    </a:cxn>
                    <a:cxn ang="0">
                      <a:pos x="24" y="40"/>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9"/>
                      </a:lnTo>
                      <a:lnTo>
                        <a:pt x="1220" y="13"/>
                      </a:lnTo>
                      <a:lnTo>
                        <a:pt x="1229" y="19"/>
                      </a:lnTo>
                      <a:lnTo>
                        <a:pt x="1238" y="24"/>
                      </a:lnTo>
                      <a:lnTo>
                        <a:pt x="1246" y="32"/>
                      </a:lnTo>
                      <a:lnTo>
                        <a:pt x="1253" y="40"/>
                      </a:lnTo>
                      <a:lnTo>
                        <a:pt x="1259" y="48"/>
                      </a:lnTo>
                      <a:lnTo>
                        <a:pt x="1265" y="56"/>
                      </a:lnTo>
                      <a:lnTo>
                        <a:pt x="1269" y="66"/>
                      </a:lnTo>
                      <a:lnTo>
                        <a:pt x="1272" y="76"/>
                      </a:lnTo>
                      <a:lnTo>
                        <a:pt x="1276" y="86"/>
                      </a:lnTo>
                      <a:lnTo>
                        <a:pt x="1277" y="97"/>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8"/>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8"/>
                      </a:lnTo>
                      <a:lnTo>
                        <a:pt x="38" y="193"/>
                      </a:lnTo>
                      <a:lnTo>
                        <a:pt x="31" y="185"/>
                      </a:lnTo>
                      <a:lnTo>
                        <a:pt x="24" y="177"/>
                      </a:lnTo>
                      <a:lnTo>
                        <a:pt x="17" y="170"/>
                      </a:lnTo>
                      <a:lnTo>
                        <a:pt x="12" y="161"/>
                      </a:lnTo>
                      <a:lnTo>
                        <a:pt x="7" y="151"/>
                      </a:lnTo>
                      <a:lnTo>
                        <a:pt x="4" y="141"/>
                      </a:lnTo>
                      <a:lnTo>
                        <a:pt x="2" y="131"/>
                      </a:lnTo>
                      <a:lnTo>
                        <a:pt x="0" y="120"/>
                      </a:lnTo>
                      <a:lnTo>
                        <a:pt x="0" y="109"/>
                      </a:lnTo>
                      <a:lnTo>
                        <a:pt x="0" y="97"/>
                      </a:lnTo>
                      <a:lnTo>
                        <a:pt x="2" y="86"/>
                      </a:lnTo>
                      <a:lnTo>
                        <a:pt x="4" y="76"/>
                      </a:lnTo>
                      <a:lnTo>
                        <a:pt x="7" y="66"/>
                      </a:lnTo>
                      <a:lnTo>
                        <a:pt x="12" y="56"/>
                      </a:lnTo>
                      <a:lnTo>
                        <a:pt x="17" y="48"/>
                      </a:lnTo>
                      <a:lnTo>
                        <a:pt x="24" y="40"/>
                      </a:lnTo>
                      <a:lnTo>
                        <a:pt x="31" y="32"/>
                      </a:lnTo>
                      <a:lnTo>
                        <a:pt x="38"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0" name="Freeform 52"/>
                <p:cNvSpPr>
                  <a:spLocks/>
                </p:cNvSpPr>
                <p:nvPr/>
              </p:nvSpPr>
              <p:spPr bwMode="auto">
                <a:xfrm>
                  <a:off x="10455678" y="2964812"/>
                  <a:ext cx="28575" cy="28575"/>
                </a:xfrm>
                <a:custGeom>
                  <a:avLst/>
                  <a:gdLst/>
                  <a:ahLst/>
                  <a:cxnLst>
                    <a:cxn ang="0">
                      <a:pos x="101" y="182"/>
                    </a:cxn>
                    <a:cxn ang="0">
                      <a:pos x="119" y="179"/>
                    </a:cxn>
                    <a:cxn ang="0">
                      <a:pos x="135" y="172"/>
                    </a:cxn>
                    <a:cxn ang="0">
                      <a:pos x="150" y="162"/>
                    </a:cxn>
                    <a:cxn ang="0">
                      <a:pos x="162" y="150"/>
                    </a:cxn>
                    <a:cxn ang="0">
                      <a:pos x="172" y="136"/>
                    </a:cxn>
                    <a:cxn ang="0">
                      <a:pos x="179" y="119"/>
                    </a:cxn>
                    <a:cxn ang="0">
                      <a:pos x="182" y="101"/>
                    </a:cxn>
                    <a:cxn ang="0">
                      <a:pos x="182" y="83"/>
                    </a:cxn>
                    <a:cxn ang="0">
                      <a:pos x="179"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9" y="179"/>
                      </a:lnTo>
                      <a:lnTo>
                        <a:pt x="126" y="176"/>
                      </a:lnTo>
                      <a:lnTo>
                        <a:pt x="135" y="172"/>
                      </a:lnTo>
                      <a:lnTo>
                        <a:pt x="142" y="168"/>
                      </a:lnTo>
                      <a:lnTo>
                        <a:pt x="150" y="162"/>
                      </a:lnTo>
                      <a:lnTo>
                        <a:pt x="156" y="157"/>
                      </a:lnTo>
                      <a:lnTo>
                        <a:pt x="162" y="150"/>
                      </a:lnTo>
                      <a:lnTo>
                        <a:pt x="167" y="144"/>
                      </a:lnTo>
                      <a:lnTo>
                        <a:pt x="172" y="136"/>
                      </a:lnTo>
                      <a:lnTo>
                        <a:pt x="175" y="128"/>
                      </a:lnTo>
                      <a:lnTo>
                        <a:pt x="179" y="119"/>
                      </a:lnTo>
                      <a:lnTo>
                        <a:pt x="181" y="110"/>
                      </a:lnTo>
                      <a:lnTo>
                        <a:pt x="182" y="101"/>
                      </a:lnTo>
                      <a:lnTo>
                        <a:pt x="183" y="93"/>
                      </a:lnTo>
                      <a:lnTo>
                        <a:pt x="182" y="83"/>
                      </a:lnTo>
                      <a:lnTo>
                        <a:pt x="181" y="74"/>
                      </a:lnTo>
                      <a:lnTo>
                        <a:pt x="179" y="65"/>
                      </a:lnTo>
                      <a:lnTo>
                        <a:pt x="175" y="57"/>
                      </a:lnTo>
                      <a:lnTo>
                        <a:pt x="172" y="48"/>
                      </a:lnTo>
                      <a:lnTo>
                        <a:pt x="167" y="42"/>
                      </a:lnTo>
                      <a:lnTo>
                        <a:pt x="162" y="34"/>
                      </a:lnTo>
                      <a:lnTo>
                        <a:pt x="156" y="27"/>
                      </a:lnTo>
                      <a:lnTo>
                        <a:pt x="150" y="22"/>
                      </a:lnTo>
                      <a:lnTo>
                        <a:pt x="142" y="16"/>
                      </a:lnTo>
                      <a:lnTo>
                        <a:pt x="135" y="12"/>
                      </a:lnTo>
                      <a:lnTo>
                        <a:pt x="126" y="8"/>
                      </a:lnTo>
                      <a:lnTo>
                        <a:pt x="119" y="5"/>
                      </a:lnTo>
                      <a:lnTo>
                        <a:pt x="110" y="3"/>
                      </a:lnTo>
                      <a:lnTo>
                        <a:pt x="101" y="2"/>
                      </a:lnTo>
                      <a:lnTo>
                        <a:pt x="91" y="0"/>
                      </a:lnTo>
                      <a:lnTo>
                        <a:pt x="82" y="2"/>
                      </a:lnTo>
                      <a:lnTo>
                        <a:pt x="73" y="3"/>
                      </a:lnTo>
                      <a:lnTo>
                        <a:pt x="64" y="5"/>
                      </a:lnTo>
                      <a:lnTo>
                        <a:pt x="55" y="8"/>
                      </a:lnTo>
                      <a:lnTo>
                        <a:pt x="48" y="12"/>
                      </a:lnTo>
                      <a:lnTo>
                        <a:pt x="40" y="16"/>
                      </a:lnTo>
                      <a:lnTo>
                        <a:pt x="33" y="22"/>
                      </a:lnTo>
                      <a:lnTo>
                        <a:pt x="27" y="27"/>
                      </a:lnTo>
                      <a:lnTo>
                        <a:pt x="21" y="34"/>
                      </a:lnTo>
                      <a:lnTo>
                        <a:pt x="16" y="42"/>
                      </a:lnTo>
                      <a:lnTo>
                        <a:pt x="11" y="48"/>
                      </a:lnTo>
                      <a:lnTo>
                        <a:pt x="7" y="57"/>
                      </a:lnTo>
                      <a:lnTo>
                        <a:pt x="4" y="65"/>
                      </a:lnTo>
                      <a:lnTo>
                        <a:pt x="2" y="74"/>
                      </a:lnTo>
                      <a:lnTo>
                        <a:pt x="0" y="83"/>
                      </a:lnTo>
                      <a:lnTo>
                        <a:pt x="0" y="93"/>
                      </a:lnTo>
                      <a:lnTo>
                        <a:pt x="0" y="101"/>
                      </a:lnTo>
                      <a:lnTo>
                        <a:pt x="2" y="110"/>
                      </a:lnTo>
                      <a:lnTo>
                        <a:pt x="4" y="119"/>
                      </a:lnTo>
                      <a:lnTo>
                        <a:pt x="7" y="128"/>
                      </a:lnTo>
                      <a:lnTo>
                        <a:pt x="11" y="136"/>
                      </a:lnTo>
                      <a:lnTo>
                        <a:pt x="16" y="144"/>
                      </a:lnTo>
                      <a:lnTo>
                        <a:pt x="21" y="150"/>
                      </a:lnTo>
                      <a:lnTo>
                        <a:pt x="27"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1" name="Freeform 53"/>
                <p:cNvSpPr>
                  <a:spLocks/>
                </p:cNvSpPr>
                <p:nvPr/>
              </p:nvSpPr>
              <p:spPr bwMode="auto">
                <a:xfrm>
                  <a:off x="10495365" y="2964812"/>
                  <a:ext cx="30163" cy="28575"/>
                </a:xfrm>
                <a:custGeom>
                  <a:avLst/>
                  <a:gdLst/>
                  <a:ahLst/>
                  <a:cxnLst>
                    <a:cxn ang="0">
                      <a:pos x="101" y="182"/>
                    </a:cxn>
                    <a:cxn ang="0">
                      <a:pos x="119" y="179"/>
                    </a:cxn>
                    <a:cxn ang="0">
                      <a:pos x="135" y="172"/>
                    </a:cxn>
                    <a:cxn ang="0">
                      <a:pos x="150" y="162"/>
                    </a:cxn>
                    <a:cxn ang="0">
                      <a:pos x="162" y="150"/>
                    </a:cxn>
                    <a:cxn ang="0">
                      <a:pos x="172" y="136"/>
                    </a:cxn>
                    <a:cxn ang="0">
                      <a:pos x="178" y="119"/>
                    </a:cxn>
                    <a:cxn ang="0">
                      <a:pos x="182" y="101"/>
                    </a:cxn>
                    <a:cxn ang="0">
                      <a:pos x="182" y="83"/>
                    </a:cxn>
                    <a:cxn ang="0">
                      <a:pos x="178"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3" h="184">
                      <a:moveTo>
                        <a:pt x="92" y="184"/>
                      </a:moveTo>
                      <a:lnTo>
                        <a:pt x="101" y="182"/>
                      </a:lnTo>
                      <a:lnTo>
                        <a:pt x="110" y="181"/>
                      </a:lnTo>
                      <a:lnTo>
                        <a:pt x="119" y="179"/>
                      </a:lnTo>
                      <a:lnTo>
                        <a:pt x="127" y="176"/>
                      </a:lnTo>
                      <a:lnTo>
                        <a:pt x="135" y="172"/>
                      </a:lnTo>
                      <a:lnTo>
                        <a:pt x="142" y="168"/>
                      </a:lnTo>
                      <a:lnTo>
                        <a:pt x="150" y="162"/>
                      </a:lnTo>
                      <a:lnTo>
                        <a:pt x="156" y="157"/>
                      </a:lnTo>
                      <a:lnTo>
                        <a:pt x="162" y="150"/>
                      </a:lnTo>
                      <a:lnTo>
                        <a:pt x="167"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7" y="42"/>
                      </a:lnTo>
                      <a:lnTo>
                        <a:pt x="162" y="34"/>
                      </a:lnTo>
                      <a:lnTo>
                        <a:pt x="156" y="27"/>
                      </a:lnTo>
                      <a:lnTo>
                        <a:pt x="150" y="22"/>
                      </a:lnTo>
                      <a:lnTo>
                        <a:pt x="142" y="16"/>
                      </a:lnTo>
                      <a:lnTo>
                        <a:pt x="135" y="12"/>
                      </a:lnTo>
                      <a:lnTo>
                        <a:pt x="127" y="8"/>
                      </a:lnTo>
                      <a:lnTo>
                        <a:pt x="119" y="5"/>
                      </a:lnTo>
                      <a:lnTo>
                        <a:pt x="110" y="3"/>
                      </a:lnTo>
                      <a:lnTo>
                        <a:pt x="101" y="2"/>
                      </a:lnTo>
                      <a:lnTo>
                        <a:pt x="92"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8" y="57"/>
                      </a:lnTo>
                      <a:lnTo>
                        <a:pt x="4" y="65"/>
                      </a:lnTo>
                      <a:lnTo>
                        <a:pt x="2" y="74"/>
                      </a:lnTo>
                      <a:lnTo>
                        <a:pt x="1" y="83"/>
                      </a:lnTo>
                      <a:lnTo>
                        <a:pt x="0" y="93"/>
                      </a:lnTo>
                      <a:lnTo>
                        <a:pt x="1" y="101"/>
                      </a:lnTo>
                      <a:lnTo>
                        <a:pt x="2" y="110"/>
                      </a:lnTo>
                      <a:lnTo>
                        <a:pt x="4" y="119"/>
                      </a:lnTo>
                      <a:lnTo>
                        <a:pt x="8"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2" name="Freeform 54"/>
                <p:cNvSpPr>
                  <a:spLocks/>
                </p:cNvSpPr>
                <p:nvPr/>
              </p:nvSpPr>
              <p:spPr bwMode="auto">
                <a:xfrm>
                  <a:off x="10536640" y="2964812"/>
                  <a:ext cx="28575" cy="28575"/>
                </a:xfrm>
                <a:custGeom>
                  <a:avLst/>
                  <a:gdLst/>
                  <a:ahLst/>
                  <a:cxnLst>
                    <a:cxn ang="0">
                      <a:pos x="101" y="182"/>
                    </a:cxn>
                    <a:cxn ang="0">
                      <a:pos x="118" y="179"/>
                    </a:cxn>
                    <a:cxn ang="0">
                      <a:pos x="135" y="172"/>
                    </a:cxn>
                    <a:cxn ang="0">
                      <a:pos x="149" y="162"/>
                    </a:cxn>
                    <a:cxn ang="0">
                      <a:pos x="162" y="150"/>
                    </a:cxn>
                    <a:cxn ang="0">
                      <a:pos x="172" y="136"/>
                    </a:cxn>
                    <a:cxn ang="0">
                      <a:pos x="178" y="119"/>
                    </a:cxn>
                    <a:cxn ang="0">
                      <a:pos x="183" y="101"/>
                    </a:cxn>
                    <a:cxn ang="0">
                      <a:pos x="183" y="83"/>
                    </a:cxn>
                    <a:cxn ang="0">
                      <a:pos x="178" y="65"/>
                    </a:cxn>
                    <a:cxn ang="0">
                      <a:pos x="172" y="48"/>
                    </a:cxn>
                    <a:cxn ang="0">
                      <a:pos x="162" y="34"/>
                    </a:cxn>
                    <a:cxn ang="0">
                      <a:pos x="149" y="22"/>
                    </a:cxn>
                    <a:cxn ang="0">
                      <a:pos x="135" y="12"/>
                    </a:cxn>
                    <a:cxn ang="0">
                      <a:pos x="118" y="5"/>
                    </a:cxn>
                    <a:cxn ang="0">
                      <a:pos x="101" y="2"/>
                    </a:cxn>
                    <a:cxn ang="0">
                      <a:pos x="82" y="2"/>
                    </a:cxn>
                    <a:cxn ang="0">
                      <a:pos x="64" y="5"/>
                    </a:cxn>
                    <a:cxn ang="0">
                      <a:pos x="47"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7" y="172"/>
                    </a:cxn>
                    <a:cxn ang="0">
                      <a:pos x="64" y="179"/>
                    </a:cxn>
                    <a:cxn ang="0">
                      <a:pos x="82" y="182"/>
                    </a:cxn>
                  </a:cxnLst>
                  <a:rect l="0" t="0" r="r" b="b"/>
                  <a:pathLst>
                    <a:path w="183" h="184">
                      <a:moveTo>
                        <a:pt x="92" y="184"/>
                      </a:moveTo>
                      <a:lnTo>
                        <a:pt x="101" y="182"/>
                      </a:lnTo>
                      <a:lnTo>
                        <a:pt x="109" y="181"/>
                      </a:lnTo>
                      <a:lnTo>
                        <a:pt x="118" y="179"/>
                      </a:lnTo>
                      <a:lnTo>
                        <a:pt x="127" y="176"/>
                      </a:lnTo>
                      <a:lnTo>
                        <a:pt x="135" y="172"/>
                      </a:lnTo>
                      <a:lnTo>
                        <a:pt x="143" y="168"/>
                      </a:lnTo>
                      <a:lnTo>
                        <a:pt x="149" y="162"/>
                      </a:lnTo>
                      <a:lnTo>
                        <a:pt x="156" y="157"/>
                      </a:lnTo>
                      <a:lnTo>
                        <a:pt x="162" y="150"/>
                      </a:lnTo>
                      <a:lnTo>
                        <a:pt x="167" y="144"/>
                      </a:lnTo>
                      <a:lnTo>
                        <a:pt x="172" y="136"/>
                      </a:lnTo>
                      <a:lnTo>
                        <a:pt x="176" y="128"/>
                      </a:lnTo>
                      <a:lnTo>
                        <a:pt x="178" y="119"/>
                      </a:lnTo>
                      <a:lnTo>
                        <a:pt x="180" y="110"/>
                      </a:lnTo>
                      <a:lnTo>
                        <a:pt x="183" y="101"/>
                      </a:lnTo>
                      <a:lnTo>
                        <a:pt x="183" y="93"/>
                      </a:lnTo>
                      <a:lnTo>
                        <a:pt x="183" y="83"/>
                      </a:lnTo>
                      <a:lnTo>
                        <a:pt x="180" y="74"/>
                      </a:lnTo>
                      <a:lnTo>
                        <a:pt x="178" y="65"/>
                      </a:lnTo>
                      <a:lnTo>
                        <a:pt x="176" y="57"/>
                      </a:lnTo>
                      <a:lnTo>
                        <a:pt x="172" y="48"/>
                      </a:lnTo>
                      <a:lnTo>
                        <a:pt x="167" y="42"/>
                      </a:lnTo>
                      <a:lnTo>
                        <a:pt x="162" y="34"/>
                      </a:lnTo>
                      <a:lnTo>
                        <a:pt x="156" y="27"/>
                      </a:lnTo>
                      <a:lnTo>
                        <a:pt x="149" y="22"/>
                      </a:lnTo>
                      <a:lnTo>
                        <a:pt x="143" y="16"/>
                      </a:lnTo>
                      <a:lnTo>
                        <a:pt x="135" y="12"/>
                      </a:lnTo>
                      <a:lnTo>
                        <a:pt x="127" y="8"/>
                      </a:lnTo>
                      <a:lnTo>
                        <a:pt x="118" y="5"/>
                      </a:lnTo>
                      <a:lnTo>
                        <a:pt x="109" y="3"/>
                      </a:lnTo>
                      <a:lnTo>
                        <a:pt x="101" y="2"/>
                      </a:lnTo>
                      <a:lnTo>
                        <a:pt x="92" y="0"/>
                      </a:lnTo>
                      <a:lnTo>
                        <a:pt x="82" y="2"/>
                      </a:lnTo>
                      <a:lnTo>
                        <a:pt x="73" y="3"/>
                      </a:lnTo>
                      <a:lnTo>
                        <a:pt x="64" y="5"/>
                      </a:lnTo>
                      <a:lnTo>
                        <a:pt x="56" y="8"/>
                      </a:lnTo>
                      <a:lnTo>
                        <a:pt x="47" y="12"/>
                      </a:lnTo>
                      <a:lnTo>
                        <a:pt x="41" y="16"/>
                      </a:lnTo>
                      <a:lnTo>
                        <a:pt x="33" y="22"/>
                      </a:lnTo>
                      <a:lnTo>
                        <a:pt x="26" y="27"/>
                      </a:lnTo>
                      <a:lnTo>
                        <a:pt x="21" y="34"/>
                      </a:lnTo>
                      <a:lnTo>
                        <a:pt x="15"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5" y="144"/>
                      </a:lnTo>
                      <a:lnTo>
                        <a:pt x="21" y="150"/>
                      </a:lnTo>
                      <a:lnTo>
                        <a:pt x="26" y="157"/>
                      </a:lnTo>
                      <a:lnTo>
                        <a:pt x="33" y="162"/>
                      </a:lnTo>
                      <a:lnTo>
                        <a:pt x="41" y="168"/>
                      </a:lnTo>
                      <a:lnTo>
                        <a:pt x="47" y="172"/>
                      </a:lnTo>
                      <a:lnTo>
                        <a:pt x="56"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3" name="Freeform 55"/>
                <p:cNvSpPr>
                  <a:spLocks/>
                </p:cNvSpPr>
                <p:nvPr/>
              </p:nvSpPr>
              <p:spPr bwMode="auto">
                <a:xfrm>
                  <a:off x="10576328" y="2964812"/>
                  <a:ext cx="28575" cy="28575"/>
                </a:xfrm>
                <a:custGeom>
                  <a:avLst/>
                  <a:gdLst/>
                  <a:ahLst/>
                  <a:cxnLst>
                    <a:cxn ang="0">
                      <a:pos x="100" y="182"/>
                    </a:cxn>
                    <a:cxn ang="0">
                      <a:pos x="118" y="179"/>
                    </a:cxn>
                    <a:cxn ang="0">
                      <a:pos x="135" y="172"/>
                    </a:cxn>
                    <a:cxn ang="0">
                      <a:pos x="149" y="162"/>
                    </a:cxn>
                    <a:cxn ang="0">
                      <a:pos x="161" y="150"/>
                    </a:cxn>
                    <a:cxn ang="0">
                      <a:pos x="171" y="136"/>
                    </a:cxn>
                    <a:cxn ang="0">
                      <a:pos x="178" y="119"/>
                    </a:cxn>
                    <a:cxn ang="0">
                      <a:pos x="182" y="101"/>
                    </a:cxn>
                    <a:cxn ang="0">
                      <a:pos x="182" y="83"/>
                    </a:cxn>
                    <a:cxn ang="0">
                      <a:pos x="178"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2" h="184">
                      <a:moveTo>
                        <a:pt x="92" y="184"/>
                      </a:moveTo>
                      <a:lnTo>
                        <a:pt x="100" y="182"/>
                      </a:lnTo>
                      <a:lnTo>
                        <a:pt x="109" y="181"/>
                      </a:lnTo>
                      <a:lnTo>
                        <a:pt x="118" y="179"/>
                      </a:lnTo>
                      <a:lnTo>
                        <a:pt x="127" y="176"/>
                      </a:lnTo>
                      <a:lnTo>
                        <a:pt x="135" y="172"/>
                      </a:lnTo>
                      <a:lnTo>
                        <a:pt x="143" y="168"/>
                      </a:lnTo>
                      <a:lnTo>
                        <a:pt x="149" y="162"/>
                      </a:lnTo>
                      <a:lnTo>
                        <a:pt x="156" y="157"/>
                      </a:lnTo>
                      <a:lnTo>
                        <a:pt x="161" y="150"/>
                      </a:lnTo>
                      <a:lnTo>
                        <a:pt x="167" y="144"/>
                      </a:lnTo>
                      <a:lnTo>
                        <a:pt x="171" y="136"/>
                      </a:lnTo>
                      <a:lnTo>
                        <a:pt x="176" y="128"/>
                      </a:lnTo>
                      <a:lnTo>
                        <a:pt x="178" y="119"/>
                      </a:lnTo>
                      <a:lnTo>
                        <a:pt x="180" y="110"/>
                      </a:lnTo>
                      <a:lnTo>
                        <a:pt x="182" y="101"/>
                      </a:lnTo>
                      <a:lnTo>
                        <a:pt x="182" y="93"/>
                      </a:lnTo>
                      <a:lnTo>
                        <a:pt x="182" y="83"/>
                      </a:lnTo>
                      <a:lnTo>
                        <a:pt x="180" y="74"/>
                      </a:lnTo>
                      <a:lnTo>
                        <a:pt x="178" y="65"/>
                      </a:lnTo>
                      <a:lnTo>
                        <a:pt x="176" y="57"/>
                      </a:lnTo>
                      <a:lnTo>
                        <a:pt x="171" y="48"/>
                      </a:lnTo>
                      <a:lnTo>
                        <a:pt x="167" y="42"/>
                      </a:lnTo>
                      <a:lnTo>
                        <a:pt x="161" y="34"/>
                      </a:lnTo>
                      <a:lnTo>
                        <a:pt x="156" y="27"/>
                      </a:lnTo>
                      <a:lnTo>
                        <a:pt x="149" y="22"/>
                      </a:lnTo>
                      <a:lnTo>
                        <a:pt x="143" y="16"/>
                      </a:lnTo>
                      <a:lnTo>
                        <a:pt x="135" y="12"/>
                      </a:lnTo>
                      <a:lnTo>
                        <a:pt x="127" y="8"/>
                      </a:lnTo>
                      <a:lnTo>
                        <a:pt x="118" y="5"/>
                      </a:lnTo>
                      <a:lnTo>
                        <a:pt x="109" y="3"/>
                      </a:lnTo>
                      <a:lnTo>
                        <a:pt x="100" y="2"/>
                      </a:lnTo>
                      <a:lnTo>
                        <a:pt x="92" y="0"/>
                      </a:lnTo>
                      <a:lnTo>
                        <a:pt x="82" y="2"/>
                      </a:lnTo>
                      <a:lnTo>
                        <a:pt x="73" y="3"/>
                      </a:lnTo>
                      <a:lnTo>
                        <a:pt x="64" y="5"/>
                      </a:lnTo>
                      <a:lnTo>
                        <a:pt x="56" y="8"/>
                      </a:lnTo>
                      <a:lnTo>
                        <a:pt x="48" y="12"/>
                      </a:lnTo>
                      <a:lnTo>
                        <a:pt x="41" y="16"/>
                      </a:lnTo>
                      <a:lnTo>
                        <a:pt x="33" y="22"/>
                      </a:lnTo>
                      <a:lnTo>
                        <a:pt x="27" y="27"/>
                      </a:lnTo>
                      <a:lnTo>
                        <a:pt x="21" y="34"/>
                      </a:lnTo>
                      <a:lnTo>
                        <a:pt x="16"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6" y="144"/>
                      </a:lnTo>
                      <a:lnTo>
                        <a:pt x="21" y="150"/>
                      </a:lnTo>
                      <a:lnTo>
                        <a:pt x="27" y="157"/>
                      </a:lnTo>
                      <a:lnTo>
                        <a:pt x="33" y="162"/>
                      </a:lnTo>
                      <a:lnTo>
                        <a:pt x="41" y="168"/>
                      </a:lnTo>
                      <a:lnTo>
                        <a:pt x="48" y="172"/>
                      </a:lnTo>
                      <a:lnTo>
                        <a:pt x="56"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4" name="Freeform 56"/>
                <p:cNvSpPr>
                  <a:spLocks/>
                </p:cNvSpPr>
                <p:nvPr/>
              </p:nvSpPr>
              <p:spPr bwMode="auto">
                <a:xfrm>
                  <a:off x="10616015" y="2964812"/>
                  <a:ext cx="28575" cy="28575"/>
                </a:xfrm>
                <a:custGeom>
                  <a:avLst/>
                  <a:gdLst/>
                  <a:ahLst/>
                  <a:cxnLst>
                    <a:cxn ang="0">
                      <a:pos x="100" y="182"/>
                    </a:cxn>
                    <a:cxn ang="0">
                      <a:pos x="118" y="179"/>
                    </a:cxn>
                    <a:cxn ang="0">
                      <a:pos x="135"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4" y="22"/>
                    </a:cxn>
                    <a:cxn ang="0">
                      <a:pos x="20" y="34"/>
                    </a:cxn>
                    <a:cxn ang="0">
                      <a:pos x="10" y="48"/>
                    </a:cxn>
                    <a:cxn ang="0">
                      <a:pos x="4" y="65"/>
                    </a:cxn>
                    <a:cxn ang="0">
                      <a:pos x="0" y="83"/>
                    </a:cxn>
                    <a:cxn ang="0">
                      <a:pos x="0" y="101"/>
                    </a:cxn>
                    <a:cxn ang="0">
                      <a:pos x="4" y="119"/>
                    </a:cxn>
                    <a:cxn ang="0">
                      <a:pos x="10" y="136"/>
                    </a:cxn>
                    <a:cxn ang="0">
                      <a:pos x="20" y="150"/>
                    </a:cxn>
                    <a:cxn ang="0">
                      <a:pos x="34" y="162"/>
                    </a:cxn>
                    <a:cxn ang="0">
                      <a:pos x="48" y="172"/>
                    </a:cxn>
                    <a:cxn ang="0">
                      <a:pos x="64" y="179"/>
                    </a:cxn>
                    <a:cxn ang="0">
                      <a:pos x="82" y="182"/>
                    </a:cxn>
                  </a:cxnLst>
                  <a:rect l="0" t="0" r="r" b="b"/>
                  <a:pathLst>
                    <a:path w="182" h="184">
                      <a:moveTo>
                        <a:pt x="91" y="184"/>
                      </a:moveTo>
                      <a:lnTo>
                        <a:pt x="100" y="182"/>
                      </a:lnTo>
                      <a:lnTo>
                        <a:pt x="109" y="181"/>
                      </a:lnTo>
                      <a:lnTo>
                        <a:pt x="118" y="179"/>
                      </a:lnTo>
                      <a:lnTo>
                        <a:pt x="127" y="176"/>
                      </a:lnTo>
                      <a:lnTo>
                        <a:pt x="135" y="172"/>
                      </a:lnTo>
                      <a:lnTo>
                        <a:pt x="142" y="168"/>
                      </a:lnTo>
                      <a:lnTo>
                        <a:pt x="149" y="162"/>
                      </a:lnTo>
                      <a:lnTo>
                        <a:pt x="156" y="157"/>
                      </a:lnTo>
                      <a:lnTo>
                        <a:pt x="161" y="150"/>
                      </a:lnTo>
                      <a:lnTo>
                        <a:pt x="167" y="144"/>
                      </a:lnTo>
                      <a:lnTo>
                        <a:pt x="171" y="136"/>
                      </a:lnTo>
                      <a:lnTo>
                        <a:pt x="176" y="128"/>
                      </a:lnTo>
                      <a:lnTo>
                        <a:pt x="179" y="119"/>
                      </a:lnTo>
                      <a:lnTo>
                        <a:pt x="181" y="110"/>
                      </a:lnTo>
                      <a:lnTo>
                        <a:pt x="182" y="101"/>
                      </a:lnTo>
                      <a:lnTo>
                        <a:pt x="182" y="93"/>
                      </a:lnTo>
                      <a:lnTo>
                        <a:pt x="182" y="83"/>
                      </a:lnTo>
                      <a:lnTo>
                        <a:pt x="181" y="74"/>
                      </a:lnTo>
                      <a:lnTo>
                        <a:pt x="179" y="65"/>
                      </a:lnTo>
                      <a:lnTo>
                        <a:pt x="176" y="57"/>
                      </a:lnTo>
                      <a:lnTo>
                        <a:pt x="171" y="48"/>
                      </a:lnTo>
                      <a:lnTo>
                        <a:pt x="167" y="42"/>
                      </a:lnTo>
                      <a:lnTo>
                        <a:pt x="161" y="34"/>
                      </a:lnTo>
                      <a:lnTo>
                        <a:pt x="156" y="27"/>
                      </a:lnTo>
                      <a:lnTo>
                        <a:pt x="149" y="22"/>
                      </a:lnTo>
                      <a:lnTo>
                        <a:pt x="142" y="16"/>
                      </a:lnTo>
                      <a:lnTo>
                        <a:pt x="135" y="12"/>
                      </a:lnTo>
                      <a:lnTo>
                        <a:pt x="127" y="8"/>
                      </a:lnTo>
                      <a:lnTo>
                        <a:pt x="118" y="5"/>
                      </a:lnTo>
                      <a:lnTo>
                        <a:pt x="109" y="3"/>
                      </a:lnTo>
                      <a:lnTo>
                        <a:pt x="100" y="2"/>
                      </a:lnTo>
                      <a:lnTo>
                        <a:pt x="91" y="0"/>
                      </a:lnTo>
                      <a:lnTo>
                        <a:pt x="82" y="2"/>
                      </a:lnTo>
                      <a:lnTo>
                        <a:pt x="73" y="3"/>
                      </a:lnTo>
                      <a:lnTo>
                        <a:pt x="64" y="5"/>
                      </a:lnTo>
                      <a:lnTo>
                        <a:pt x="56" y="8"/>
                      </a:lnTo>
                      <a:lnTo>
                        <a:pt x="48" y="12"/>
                      </a:lnTo>
                      <a:lnTo>
                        <a:pt x="40" y="16"/>
                      </a:lnTo>
                      <a:lnTo>
                        <a:pt x="34" y="22"/>
                      </a:lnTo>
                      <a:lnTo>
                        <a:pt x="27" y="27"/>
                      </a:lnTo>
                      <a:lnTo>
                        <a:pt x="20" y="34"/>
                      </a:lnTo>
                      <a:lnTo>
                        <a:pt x="16" y="42"/>
                      </a:lnTo>
                      <a:lnTo>
                        <a:pt x="10" y="48"/>
                      </a:lnTo>
                      <a:lnTo>
                        <a:pt x="7" y="57"/>
                      </a:lnTo>
                      <a:lnTo>
                        <a:pt x="4" y="65"/>
                      </a:lnTo>
                      <a:lnTo>
                        <a:pt x="2" y="74"/>
                      </a:lnTo>
                      <a:lnTo>
                        <a:pt x="0" y="83"/>
                      </a:lnTo>
                      <a:lnTo>
                        <a:pt x="0" y="93"/>
                      </a:lnTo>
                      <a:lnTo>
                        <a:pt x="0" y="101"/>
                      </a:lnTo>
                      <a:lnTo>
                        <a:pt x="2" y="110"/>
                      </a:lnTo>
                      <a:lnTo>
                        <a:pt x="4" y="119"/>
                      </a:lnTo>
                      <a:lnTo>
                        <a:pt x="7" y="128"/>
                      </a:lnTo>
                      <a:lnTo>
                        <a:pt x="10" y="136"/>
                      </a:lnTo>
                      <a:lnTo>
                        <a:pt x="16" y="144"/>
                      </a:lnTo>
                      <a:lnTo>
                        <a:pt x="20" y="150"/>
                      </a:lnTo>
                      <a:lnTo>
                        <a:pt x="27" y="157"/>
                      </a:lnTo>
                      <a:lnTo>
                        <a:pt x="34" y="162"/>
                      </a:lnTo>
                      <a:lnTo>
                        <a:pt x="40" y="168"/>
                      </a:lnTo>
                      <a:lnTo>
                        <a:pt x="48" y="172"/>
                      </a:lnTo>
                      <a:lnTo>
                        <a:pt x="56"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5" name="Freeform 57"/>
                <p:cNvSpPr>
                  <a:spLocks/>
                </p:cNvSpPr>
                <p:nvPr/>
              </p:nvSpPr>
              <p:spPr bwMode="auto">
                <a:xfrm>
                  <a:off x="11073215" y="3150549"/>
                  <a:ext cx="203200" cy="34925"/>
                </a:xfrm>
                <a:custGeom>
                  <a:avLst/>
                  <a:gdLst/>
                  <a:ahLst/>
                  <a:cxnLst>
                    <a:cxn ang="0">
                      <a:pos x="1169" y="0"/>
                    </a:cxn>
                    <a:cxn ang="0">
                      <a:pos x="1190" y="3"/>
                    </a:cxn>
                    <a:cxn ang="0">
                      <a:pos x="1212" y="8"/>
                    </a:cxn>
                    <a:cxn ang="0">
                      <a:pos x="1229" y="19"/>
                    </a:cxn>
                    <a:cxn ang="0">
                      <a:pos x="1246" y="33"/>
                    </a:cxn>
                    <a:cxn ang="0">
                      <a:pos x="1259" y="48"/>
                    </a:cxn>
                    <a:cxn ang="0">
                      <a:pos x="1269" y="67"/>
                    </a:cxn>
                    <a:cxn ang="0">
                      <a:pos x="1276" y="87"/>
                    </a:cxn>
                    <a:cxn ang="0">
                      <a:pos x="1278" y="109"/>
                    </a:cxn>
                    <a:cxn ang="0">
                      <a:pos x="1276" y="131"/>
                    </a:cxn>
                    <a:cxn ang="0">
                      <a:pos x="1269" y="151"/>
                    </a:cxn>
                    <a:cxn ang="0">
                      <a:pos x="1259" y="170"/>
                    </a:cxn>
                    <a:cxn ang="0">
                      <a:pos x="1246" y="186"/>
                    </a:cxn>
                    <a:cxn ang="0">
                      <a:pos x="1229" y="199"/>
                    </a:cxn>
                    <a:cxn ang="0">
                      <a:pos x="1212" y="209"/>
                    </a:cxn>
                    <a:cxn ang="0">
                      <a:pos x="1190" y="216"/>
                    </a:cxn>
                    <a:cxn ang="0">
                      <a:pos x="1169" y="218"/>
                    </a:cxn>
                    <a:cxn ang="0">
                      <a:pos x="97" y="218"/>
                    </a:cxn>
                    <a:cxn ang="0">
                      <a:pos x="76" y="213"/>
                    </a:cxn>
                    <a:cxn ang="0">
                      <a:pos x="56" y="205"/>
                    </a:cxn>
                    <a:cxn ang="0">
                      <a:pos x="38" y="193"/>
                    </a:cxn>
                    <a:cxn ang="0">
                      <a:pos x="24" y="178"/>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3"/>
                      </a:lnTo>
                      <a:lnTo>
                        <a:pt x="1202" y="5"/>
                      </a:lnTo>
                      <a:lnTo>
                        <a:pt x="1212" y="8"/>
                      </a:lnTo>
                      <a:lnTo>
                        <a:pt x="1220" y="14"/>
                      </a:lnTo>
                      <a:lnTo>
                        <a:pt x="1229" y="19"/>
                      </a:lnTo>
                      <a:lnTo>
                        <a:pt x="1238" y="25"/>
                      </a:lnTo>
                      <a:lnTo>
                        <a:pt x="1246" y="33"/>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8"/>
                      </a:lnTo>
                      <a:lnTo>
                        <a:pt x="1246" y="186"/>
                      </a:lnTo>
                      <a:lnTo>
                        <a:pt x="1238" y="193"/>
                      </a:lnTo>
                      <a:lnTo>
                        <a:pt x="1229" y="199"/>
                      </a:lnTo>
                      <a:lnTo>
                        <a:pt x="1220" y="205"/>
                      </a:lnTo>
                      <a:lnTo>
                        <a:pt x="1212" y="209"/>
                      </a:lnTo>
                      <a:lnTo>
                        <a:pt x="1202" y="213"/>
                      </a:lnTo>
                      <a:lnTo>
                        <a:pt x="1190" y="216"/>
                      </a:lnTo>
                      <a:lnTo>
                        <a:pt x="1180" y="218"/>
                      </a:lnTo>
                      <a:lnTo>
                        <a:pt x="1169" y="218"/>
                      </a:lnTo>
                      <a:lnTo>
                        <a:pt x="108" y="218"/>
                      </a:lnTo>
                      <a:lnTo>
                        <a:pt x="97" y="218"/>
                      </a:lnTo>
                      <a:lnTo>
                        <a:pt x="86" y="216"/>
                      </a:lnTo>
                      <a:lnTo>
                        <a:pt x="76" y="213"/>
                      </a:lnTo>
                      <a:lnTo>
                        <a:pt x="66" y="209"/>
                      </a:lnTo>
                      <a:lnTo>
                        <a:pt x="56" y="205"/>
                      </a:lnTo>
                      <a:lnTo>
                        <a:pt x="47" y="199"/>
                      </a:lnTo>
                      <a:lnTo>
                        <a:pt x="38" y="193"/>
                      </a:lnTo>
                      <a:lnTo>
                        <a:pt x="31" y="186"/>
                      </a:lnTo>
                      <a:lnTo>
                        <a:pt x="24" y="178"/>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3"/>
                      </a:lnTo>
                      <a:lnTo>
                        <a:pt x="38"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6" name="Freeform 58"/>
                <p:cNvSpPr>
                  <a:spLocks/>
                </p:cNvSpPr>
                <p:nvPr/>
              </p:nvSpPr>
              <p:spPr bwMode="auto">
                <a:xfrm>
                  <a:off x="10455678" y="3152137"/>
                  <a:ext cx="28575" cy="28575"/>
                </a:xfrm>
                <a:custGeom>
                  <a:avLst/>
                  <a:gdLst/>
                  <a:ahLst/>
                  <a:cxnLst>
                    <a:cxn ang="0">
                      <a:pos x="101" y="182"/>
                    </a:cxn>
                    <a:cxn ang="0">
                      <a:pos x="119" y="179"/>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5"/>
                      </a:lnTo>
                      <a:lnTo>
                        <a:pt x="135" y="172"/>
                      </a:lnTo>
                      <a:lnTo>
                        <a:pt x="142" y="168"/>
                      </a:lnTo>
                      <a:lnTo>
                        <a:pt x="150" y="162"/>
                      </a:lnTo>
                      <a:lnTo>
                        <a:pt x="156" y="156"/>
                      </a:lnTo>
                      <a:lnTo>
                        <a:pt x="162" y="150"/>
                      </a:lnTo>
                      <a:lnTo>
                        <a:pt x="167" y="142"/>
                      </a:lnTo>
                      <a:lnTo>
                        <a:pt x="172" y="135"/>
                      </a:lnTo>
                      <a:lnTo>
                        <a:pt x="175" y="127"/>
                      </a:lnTo>
                      <a:lnTo>
                        <a:pt x="179" y="119"/>
                      </a:lnTo>
                      <a:lnTo>
                        <a:pt x="181" y="110"/>
                      </a:lnTo>
                      <a:lnTo>
                        <a:pt x="182" y="101"/>
                      </a:lnTo>
                      <a:lnTo>
                        <a:pt x="183" y="91"/>
                      </a:lnTo>
                      <a:lnTo>
                        <a:pt x="182" y="82"/>
                      </a:lnTo>
                      <a:lnTo>
                        <a:pt x="181" y="73"/>
                      </a:lnTo>
                      <a:lnTo>
                        <a:pt x="179" y="64"/>
                      </a:lnTo>
                      <a:lnTo>
                        <a:pt x="175" y="56"/>
                      </a:lnTo>
                      <a:lnTo>
                        <a:pt x="172" y="48"/>
                      </a:lnTo>
                      <a:lnTo>
                        <a:pt x="167" y="40"/>
                      </a:lnTo>
                      <a:lnTo>
                        <a:pt x="162" y="33"/>
                      </a:lnTo>
                      <a:lnTo>
                        <a:pt x="156" y="27"/>
                      </a:lnTo>
                      <a:lnTo>
                        <a:pt x="150" y="21"/>
                      </a:lnTo>
                      <a:lnTo>
                        <a:pt x="142" y="16"/>
                      </a:lnTo>
                      <a:lnTo>
                        <a:pt x="135" y="11"/>
                      </a:lnTo>
                      <a:lnTo>
                        <a:pt x="126" y="8"/>
                      </a:lnTo>
                      <a:lnTo>
                        <a:pt x="119" y="4"/>
                      </a:lnTo>
                      <a:lnTo>
                        <a:pt x="110" y="2"/>
                      </a:lnTo>
                      <a:lnTo>
                        <a:pt x="101" y="0"/>
                      </a:lnTo>
                      <a:lnTo>
                        <a:pt x="91" y="0"/>
                      </a:lnTo>
                      <a:lnTo>
                        <a:pt x="82" y="0"/>
                      </a:lnTo>
                      <a:lnTo>
                        <a:pt x="73" y="2"/>
                      </a:lnTo>
                      <a:lnTo>
                        <a:pt x="64" y="4"/>
                      </a:lnTo>
                      <a:lnTo>
                        <a:pt x="55" y="8"/>
                      </a:lnTo>
                      <a:lnTo>
                        <a:pt x="48" y="11"/>
                      </a:lnTo>
                      <a:lnTo>
                        <a:pt x="40" y="16"/>
                      </a:lnTo>
                      <a:lnTo>
                        <a:pt x="33" y="21"/>
                      </a:lnTo>
                      <a:lnTo>
                        <a:pt x="27" y="27"/>
                      </a:lnTo>
                      <a:lnTo>
                        <a:pt x="21" y="33"/>
                      </a:lnTo>
                      <a:lnTo>
                        <a:pt x="16" y="40"/>
                      </a:lnTo>
                      <a:lnTo>
                        <a:pt x="11" y="48"/>
                      </a:lnTo>
                      <a:lnTo>
                        <a:pt x="7" y="56"/>
                      </a:lnTo>
                      <a:lnTo>
                        <a:pt x="4" y="64"/>
                      </a:lnTo>
                      <a:lnTo>
                        <a:pt x="2" y="73"/>
                      </a:lnTo>
                      <a:lnTo>
                        <a:pt x="0" y="82"/>
                      </a:lnTo>
                      <a:lnTo>
                        <a:pt x="0" y="91"/>
                      </a:lnTo>
                      <a:lnTo>
                        <a:pt x="0" y="101"/>
                      </a:lnTo>
                      <a:lnTo>
                        <a:pt x="2" y="110"/>
                      </a:lnTo>
                      <a:lnTo>
                        <a:pt x="4" y="119"/>
                      </a:lnTo>
                      <a:lnTo>
                        <a:pt x="7" y="127"/>
                      </a:lnTo>
                      <a:lnTo>
                        <a:pt x="11" y="135"/>
                      </a:lnTo>
                      <a:lnTo>
                        <a:pt x="16" y="142"/>
                      </a:lnTo>
                      <a:lnTo>
                        <a:pt x="21" y="150"/>
                      </a:lnTo>
                      <a:lnTo>
                        <a:pt x="27"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7" name="Freeform 59"/>
                <p:cNvSpPr>
                  <a:spLocks/>
                </p:cNvSpPr>
                <p:nvPr/>
              </p:nvSpPr>
              <p:spPr bwMode="auto">
                <a:xfrm>
                  <a:off x="10495365" y="3152137"/>
                  <a:ext cx="30163" cy="28575"/>
                </a:xfrm>
                <a:custGeom>
                  <a:avLst/>
                  <a:gdLst/>
                  <a:ahLst/>
                  <a:cxnLst>
                    <a:cxn ang="0">
                      <a:pos x="101" y="182"/>
                    </a:cxn>
                    <a:cxn ang="0">
                      <a:pos x="119" y="179"/>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5"/>
                      </a:lnTo>
                      <a:lnTo>
                        <a:pt x="135" y="172"/>
                      </a:lnTo>
                      <a:lnTo>
                        <a:pt x="142" y="168"/>
                      </a:lnTo>
                      <a:lnTo>
                        <a:pt x="150" y="162"/>
                      </a:lnTo>
                      <a:lnTo>
                        <a:pt x="156" y="156"/>
                      </a:lnTo>
                      <a:lnTo>
                        <a:pt x="162" y="150"/>
                      </a:lnTo>
                      <a:lnTo>
                        <a:pt x="167"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7" y="40"/>
                      </a:lnTo>
                      <a:lnTo>
                        <a:pt x="162" y="33"/>
                      </a:lnTo>
                      <a:lnTo>
                        <a:pt x="156" y="27"/>
                      </a:lnTo>
                      <a:lnTo>
                        <a:pt x="150" y="21"/>
                      </a:lnTo>
                      <a:lnTo>
                        <a:pt x="142" y="16"/>
                      </a:lnTo>
                      <a:lnTo>
                        <a:pt x="135" y="11"/>
                      </a:lnTo>
                      <a:lnTo>
                        <a:pt x="127" y="8"/>
                      </a:lnTo>
                      <a:lnTo>
                        <a:pt x="119" y="4"/>
                      </a:lnTo>
                      <a:lnTo>
                        <a:pt x="110" y="2"/>
                      </a:lnTo>
                      <a:lnTo>
                        <a:pt x="101" y="0"/>
                      </a:lnTo>
                      <a:lnTo>
                        <a:pt x="92"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8" y="56"/>
                      </a:lnTo>
                      <a:lnTo>
                        <a:pt x="4" y="64"/>
                      </a:lnTo>
                      <a:lnTo>
                        <a:pt x="2" y="73"/>
                      </a:lnTo>
                      <a:lnTo>
                        <a:pt x="1" y="82"/>
                      </a:lnTo>
                      <a:lnTo>
                        <a:pt x="0" y="91"/>
                      </a:lnTo>
                      <a:lnTo>
                        <a:pt x="1" y="101"/>
                      </a:lnTo>
                      <a:lnTo>
                        <a:pt x="2" y="110"/>
                      </a:lnTo>
                      <a:lnTo>
                        <a:pt x="4" y="119"/>
                      </a:lnTo>
                      <a:lnTo>
                        <a:pt x="8"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8" name="Freeform 60"/>
                <p:cNvSpPr>
                  <a:spLocks/>
                </p:cNvSpPr>
                <p:nvPr/>
              </p:nvSpPr>
              <p:spPr bwMode="auto">
                <a:xfrm>
                  <a:off x="10536640" y="3152137"/>
                  <a:ext cx="28575" cy="28575"/>
                </a:xfrm>
                <a:custGeom>
                  <a:avLst/>
                  <a:gdLst/>
                  <a:ahLst/>
                  <a:cxnLst>
                    <a:cxn ang="0">
                      <a:pos x="101" y="182"/>
                    </a:cxn>
                    <a:cxn ang="0">
                      <a:pos x="118" y="179"/>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5"/>
                      </a:lnTo>
                      <a:lnTo>
                        <a:pt x="135" y="172"/>
                      </a:lnTo>
                      <a:lnTo>
                        <a:pt x="143" y="168"/>
                      </a:lnTo>
                      <a:lnTo>
                        <a:pt x="149" y="162"/>
                      </a:lnTo>
                      <a:lnTo>
                        <a:pt x="156" y="156"/>
                      </a:lnTo>
                      <a:lnTo>
                        <a:pt x="162" y="150"/>
                      </a:lnTo>
                      <a:lnTo>
                        <a:pt x="167" y="142"/>
                      </a:lnTo>
                      <a:lnTo>
                        <a:pt x="172" y="135"/>
                      </a:lnTo>
                      <a:lnTo>
                        <a:pt x="176" y="127"/>
                      </a:lnTo>
                      <a:lnTo>
                        <a:pt x="178" y="119"/>
                      </a:lnTo>
                      <a:lnTo>
                        <a:pt x="180" y="110"/>
                      </a:lnTo>
                      <a:lnTo>
                        <a:pt x="183" y="101"/>
                      </a:lnTo>
                      <a:lnTo>
                        <a:pt x="183" y="91"/>
                      </a:lnTo>
                      <a:lnTo>
                        <a:pt x="183" y="82"/>
                      </a:lnTo>
                      <a:lnTo>
                        <a:pt x="180" y="73"/>
                      </a:lnTo>
                      <a:lnTo>
                        <a:pt x="178" y="64"/>
                      </a:lnTo>
                      <a:lnTo>
                        <a:pt x="176" y="56"/>
                      </a:lnTo>
                      <a:lnTo>
                        <a:pt x="172" y="48"/>
                      </a:lnTo>
                      <a:lnTo>
                        <a:pt x="167" y="40"/>
                      </a:lnTo>
                      <a:lnTo>
                        <a:pt x="162" y="33"/>
                      </a:lnTo>
                      <a:lnTo>
                        <a:pt x="156" y="27"/>
                      </a:lnTo>
                      <a:lnTo>
                        <a:pt x="149" y="21"/>
                      </a:lnTo>
                      <a:lnTo>
                        <a:pt x="143" y="16"/>
                      </a:lnTo>
                      <a:lnTo>
                        <a:pt x="135" y="11"/>
                      </a:lnTo>
                      <a:lnTo>
                        <a:pt x="127" y="8"/>
                      </a:lnTo>
                      <a:lnTo>
                        <a:pt x="118" y="4"/>
                      </a:lnTo>
                      <a:lnTo>
                        <a:pt x="109" y="2"/>
                      </a:lnTo>
                      <a:lnTo>
                        <a:pt x="101" y="0"/>
                      </a:lnTo>
                      <a:lnTo>
                        <a:pt x="92" y="0"/>
                      </a:lnTo>
                      <a:lnTo>
                        <a:pt x="82" y="0"/>
                      </a:lnTo>
                      <a:lnTo>
                        <a:pt x="73" y="2"/>
                      </a:lnTo>
                      <a:lnTo>
                        <a:pt x="64" y="4"/>
                      </a:lnTo>
                      <a:lnTo>
                        <a:pt x="56" y="8"/>
                      </a:lnTo>
                      <a:lnTo>
                        <a:pt x="47" y="11"/>
                      </a:lnTo>
                      <a:lnTo>
                        <a:pt x="41" y="16"/>
                      </a:lnTo>
                      <a:lnTo>
                        <a:pt x="33" y="21"/>
                      </a:lnTo>
                      <a:lnTo>
                        <a:pt x="26" y="27"/>
                      </a:lnTo>
                      <a:lnTo>
                        <a:pt x="21" y="33"/>
                      </a:lnTo>
                      <a:lnTo>
                        <a:pt x="15"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5" y="142"/>
                      </a:lnTo>
                      <a:lnTo>
                        <a:pt x="21" y="150"/>
                      </a:lnTo>
                      <a:lnTo>
                        <a:pt x="26" y="156"/>
                      </a:lnTo>
                      <a:lnTo>
                        <a:pt x="33" y="162"/>
                      </a:lnTo>
                      <a:lnTo>
                        <a:pt x="41" y="168"/>
                      </a:lnTo>
                      <a:lnTo>
                        <a:pt x="47" y="172"/>
                      </a:lnTo>
                      <a:lnTo>
                        <a:pt x="56"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29" name="Freeform 61"/>
                <p:cNvSpPr>
                  <a:spLocks/>
                </p:cNvSpPr>
                <p:nvPr/>
              </p:nvSpPr>
              <p:spPr bwMode="auto">
                <a:xfrm>
                  <a:off x="10576328" y="3152137"/>
                  <a:ext cx="28575" cy="28575"/>
                </a:xfrm>
                <a:custGeom>
                  <a:avLst/>
                  <a:gdLst/>
                  <a:ahLst/>
                  <a:cxnLst>
                    <a:cxn ang="0">
                      <a:pos x="100" y="182"/>
                    </a:cxn>
                    <a:cxn ang="0">
                      <a:pos x="118" y="179"/>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5"/>
                      </a:lnTo>
                      <a:lnTo>
                        <a:pt x="135" y="172"/>
                      </a:lnTo>
                      <a:lnTo>
                        <a:pt x="143" y="168"/>
                      </a:lnTo>
                      <a:lnTo>
                        <a:pt x="149" y="162"/>
                      </a:lnTo>
                      <a:lnTo>
                        <a:pt x="156" y="156"/>
                      </a:lnTo>
                      <a:lnTo>
                        <a:pt x="161" y="150"/>
                      </a:lnTo>
                      <a:lnTo>
                        <a:pt x="167" y="142"/>
                      </a:lnTo>
                      <a:lnTo>
                        <a:pt x="171" y="135"/>
                      </a:lnTo>
                      <a:lnTo>
                        <a:pt x="176" y="127"/>
                      </a:lnTo>
                      <a:lnTo>
                        <a:pt x="178" y="119"/>
                      </a:lnTo>
                      <a:lnTo>
                        <a:pt x="180" y="110"/>
                      </a:lnTo>
                      <a:lnTo>
                        <a:pt x="182" y="101"/>
                      </a:lnTo>
                      <a:lnTo>
                        <a:pt x="182" y="91"/>
                      </a:lnTo>
                      <a:lnTo>
                        <a:pt x="182" y="82"/>
                      </a:lnTo>
                      <a:lnTo>
                        <a:pt x="180" y="73"/>
                      </a:lnTo>
                      <a:lnTo>
                        <a:pt x="178" y="64"/>
                      </a:lnTo>
                      <a:lnTo>
                        <a:pt x="176" y="56"/>
                      </a:lnTo>
                      <a:lnTo>
                        <a:pt x="171" y="48"/>
                      </a:lnTo>
                      <a:lnTo>
                        <a:pt x="167" y="40"/>
                      </a:lnTo>
                      <a:lnTo>
                        <a:pt x="161" y="33"/>
                      </a:lnTo>
                      <a:lnTo>
                        <a:pt x="156" y="27"/>
                      </a:lnTo>
                      <a:lnTo>
                        <a:pt x="149" y="21"/>
                      </a:lnTo>
                      <a:lnTo>
                        <a:pt x="143" y="16"/>
                      </a:lnTo>
                      <a:lnTo>
                        <a:pt x="135" y="11"/>
                      </a:lnTo>
                      <a:lnTo>
                        <a:pt x="127" y="8"/>
                      </a:lnTo>
                      <a:lnTo>
                        <a:pt x="118" y="4"/>
                      </a:lnTo>
                      <a:lnTo>
                        <a:pt x="109" y="2"/>
                      </a:lnTo>
                      <a:lnTo>
                        <a:pt x="100" y="0"/>
                      </a:lnTo>
                      <a:lnTo>
                        <a:pt x="92" y="0"/>
                      </a:lnTo>
                      <a:lnTo>
                        <a:pt x="82" y="0"/>
                      </a:lnTo>
                      <a:lnTo>
                        <a:pt x="73" y="2"/>
                      </a:lnTo>
                      <a:lnTo>
                        <a:pt x="64" y="4"/>
                      </a:lnTo>
                      <a:lnTo>
                        <a:pt x="56" y="8"/>
                      </a:lnTo>
                      <a:lnTo>
                        <a:pt x="48" y="11"/>
                      </a:lnTo>
                      <a:lnTo>
                        <a:pt x="41" y="16"/>
                      </a:lnTo>
                      <a:lnTo>
                        <a:pt x="33" y="21"/>
                      </a:lnTo>
                      <a:lnTo>
                        <a:pt x="27" y="27"/>
                      </a:lnTo>
                      <a:lnTo>
                        <a:pt x="21" y="33"/>
                      </a:lnTo>
                      <a:lnTo>
                        <a:pt x="16"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6" y="142"/>
                      </a:lnTo>
                      <a:lnTo>
                        <a:pt x="21" y="150"/>
                      </a:lnTo>
                      <a:lnTo>
                        <a:pt x="27" y="156"/>
                      </a:lnTo>
                      <a:lnTo>
                        <a:pt x="33" y="162"/>
                      </a:lnTo>
                      <a:lnTo>
                        <a:pt x="41" y="168"/>
                      </a:lnTo>
                      <a:lnTo>
                        <a:pt x="48" y="172"/>
                      </a:lnTo>
                      <a:lnTo>
                        <a:pt x="56"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0" name="Freeform 62"/>
                <p:cNvSpPr>
                  <a:spLocks/>
                </p:cNvSpPr>
                <p:nvPr/>
              </p:nvSpPr>
              <p:spPr bwMode="auto">
                <a:xfrm>
                  <a:off x="10616015" y="3152137"/>
                  <a:ext cx="28575" cy="28575"/>
                </a:xfrm>
                <a:custGeom>
                  <a:avLst/>
                  <a:gdLst/>
                  <a:ahLst/>
                  <a:cxnLst>
                    <a:cxn ang="0">
                      <a:pos x="100" y="182"/>
                    </a:cxn>
                    <a:cxn ang="0">
                      <a:pos x="118" y="179"/>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5"/>
                      </a:lnTo>
                      <a:lnTo>
                        <a:pt x="135" y="172"/>
                      </a:lnTo>
                      <a:lnTo>
                        <a:pt x="142" y="168"/>
                      </a:lnTo>
                      <a:lnTo>
                        <a:pt x="149" y="162"/>
                      </a:lnTo>
                      <a:lnTo>
                        <a:pt x="156" y="156"/>
                      </a:lnTo>
                      <a:lnTo>
                        <a:pt x="161" y="150"/>
                      </a:lnTo>
                      <a:lnTo>
                        <a:pt x="167" y="142"/>
                      </a:lnTo>
                      <a:lnTo>
                        <a:pt x="171" y="135"/>
                      </a:lnTo>
                      <a:lnTo>
                        <a:pt x="176" y="127"/>
                      </a:lnTo>
                      <a:lnTo>
                        <a:pt x="179" y="119"/>
                      </a:lnTo>
                      <a:lnTo>
                        <a:pt x="181" y="110"/>
                      </a:lnTo>
                      <a:lnTo>
                        <a:pt x="182" y="101"/>
                      </a:lnTo>
                      <a:lnTo>
                        <a:pt x="182" y="91"/>
                      </a:lnTo>
                      <a:lnTo>
                        <a:pt x="182" y="82"/>
                      </a:lnTo>
                      <a:lnTo>
                        <a:pt x="181" y="73"/>
                      </a:lnTo>
                      <a:lnTo>
                        <a:pt x="179" y="64"/>
                      </a:lnTo>
                      <a:lnTo>
                        <a:pt x="176" y="56"/>
                      </a:lnTo>
                      <a:lnTo>
                        <a:pt x="171" y="48"/>
                      </a:lnTo>
                      <a:lnTo>
                        <a:pt x="167" y="40"/>
                      </a:lnTo>
                      <a:lnTo>
                        <a:pt x="161" y="33"/>
                      </a:lnTo>
                      <a:lnTo>
                        <a:pt x="156" y="27"/>
                      </a:lnTo>
                      <a:lnTo>
                        <a:pt x="149" y="21"/>
                      </a:lnTo>
                      <a:lnTo>
                        <a:pt x="142" y="16"/>
                      </a:lnTo>
                      <a:lnTo>
                        <a:pt x="135" y="11"/>
                      </a:lnTo>
                      <a:lnTo>
                        <a:pt x="127" y="8"/>
                      </a:lnTo>
                      <a:lnTo>
                        <a:pt x="118" y="4"/>
                      </a:lnTo>
                      <a:lnTo>
                        <a:pt x="109" y="2"/>
                      </a:lnTo>
                      <a:lnTo>
                        <a:pt x="100" y="0"/>
                      </a:lnTo>
                      <a:lnTo>
                        <a:pt x="91" y="0"/>
                      </a:lnTo>
                      <a:lnTo>
                        <a:pt x="82" y="0"/>
                      </a:lnTo>
                      <a:lnTo>
                        <a:pt x="73" y="2"/>
                      </a:lnTo>
                      <a:lnTo>
                        <a:pt x="64" y="4"/>
                      </a:lnTo>
                      <a:lnTo>
                        <a:pt x="56" y="8"/>
                      </a:lnTo>
                      <a:lnTo>
                        <a:pt x="48" y="11"/>
                      </a:lnTo>
                      <a:lnTo>
                        <a:pt x="40" y="16"/>
                      </a:lnTo>
                      <a:lnTo>
                        <a:pt x="34" y="21"/>
                      </a:lnTo>
                      <a:lnTo>
                        <a:pt x="27" y="27"/>
                      </a:lnTo>
                      <a:lnTo>
                        <a:pt x="20" y="33"/>
                      </a:lnTo>
                      <a:lnTo>
                        <a:pt x="16" y="40"/>
                      </a:lnTo>
                      <a:lnTo>
                        <a:pt x="10" y="48"/>
                      </a:lnTo>
                      <a:lnTo>
                        <a:pt x="7" y="56"/>
                      </a:lnTo>
                      <a:lnTo>
                        <a:pt x="4" y="64"/>
                      </a:lnTo>
                      <a:lnTo>
                        <a:pt x="2" y="73"/>
                      </a:lnTo>
                      <a:lnTo>
                        <a:pt x="0" y="82"/>
                      </a:lnTo>
                      <a:lnTo>
                        <a:pt x="0" y="91"/>
                      </a:lnTo>
                      <a:lnTo>
                        <a:pt x="0" y="101"/>
                      </a:lnTo>
                      <a:lnTo>
                        <a:pt x="2" y="110"/>
                      </a:lnTo>
                      <a:lnTo>
                        <a:pt x="4" y="119"/>
                      </a:lnTo>
                      <a:lnTo>
                        <a:pt x="7" y="127"/>
                      </a:lnTo>
                      <a:lnTo>
                        <a:pt x="10" y="135"/>
                      </a:lnTo>
                      <a:lnTo>
                        <a:pt x="16" y="142"/>
                      </a:lnTo>
                      <a:lnTo>
                        <a:pt x="20" y="150"/>
                      </a:lnTo>
                      <a:lnTo>
                        <a:pt x="27" y="156"/>
                      </a:lnTo>
                      <a:lnTo>
                        <a:pt x="34" y="162"/>
                      </a:lnTo>
                      <a:lnTo>
                        <a:pt x="40" y="168"/>
                      </a:lnTo>
                      <a:lnTo>
                        <a:pt x="48" y="172"/>
                      </a:lnTo>
                      <a:lnTo>
                        <a:pt x="56"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1" name="Freeform 63"/>
                <p:cNvSpPr>
                  <a:spLocks/>
                </p:cNvSpPr>
                <p:nvPr/>
              </p:nvSpPr>
              <p:spPr bwMode="auto">
                <a:xfrm>
                  <a:off x="11073215" y="3337874"/>
                  <a:ext cx="203200" cy="34925"/>
                </a:xfrm>
                <a:custGeom>
                  <a:avLst/>
                  <a:gdLst/>
                  <a:ahLst/>
                  <a:cxnLst>
                    <a:cxn ang="0">
                      <a:pos x="1169" y="0"/>
                    </a:cxn>
                    <a:cxn ang="0">
                      <a:pos x="1190" y="2"/>
                    </a:cxn>
                    <a:cxn ang="0">
                      <a:pos x="1212" y="8"/>
                    </a:cxn>
                    <a:cxn ang="0">
                      <a:pos x="1229" y="18"/>
                    </a:cxn>
                    <a:cxn ang="0">
                      <a:pos x="1246" y="31"/>
                    </a:cxn>
                    <a:cxn ang="0">
                      <a:pos x="1259" y="48"/>
                    </a:cxn>
                    <a:cxn ang="0">
                      <a:pos x="1269" y="67"/>
                    </a:cxn>
                    <a:cxn ang="0">
                      <a:pos x="1276" y="87"/>
                    </a:cxn>
                    <a:cxn ang="0">
                      <a:pos x="1278" y="109"/>
                    </a:cxn>
                    <a:cxn ang="0">
                      <a:pos x="1276" y="131"/>
                    </a:cxn>
                    <a:cxn ang="0">
                      <a:pos x="1269" y="151"/>
                    </a:cxn>
                    <a:cxn ang="0">
                      <a:pos x="1259" y="170"/>
                    </a:cxn>
                    <a:cxn ang="0">
                      <a:pos x="1246" y="185"/>
                    </a:cxn>
                    <a:cxn ang="0">
                      <a:pos x="1229" y="199"/>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8"/>
                    </a:cxn>
                    <a:cxn ang="0">
                      <a:pos x="4" y="77"/>
                    </a:cxn>
                    <a:cxn ang="0">
                      <a:pos x="12" y="57"/>
                    </a:cxn>
                    <a:cxn ang="0">
                      <a:pos x="24" y="39"/>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8"/>
                      </a:lnTo>
                      <a:lnTo>
                        <a:pt x="1220" y="13"/>
                      </a:lnTo>
                      <a:lnTo>
                        <a:pt x="1229" y="18"/>
                      </a:lnTo>
                      <a:lnTo>
                        <a:pt x="1238" y="24"/>
                      </a:lnTo>
                      <a:lnTo>
                        <a:pt x="1246" y="31"/>
                      </a:lnTo>
                      <a:lnTo>
                        <a:pt x="1253" y="39"/>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9"/>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9"/>
                      </a:lnTo>
                      <a:lnTo>
                        <a:pt x="38" y="193"/>
                      </a:lnTo>
                      <a:lnTo>
                        <a:pt x="31" y="185"/>
                      </a:lnTo>
                      <a:lnTo>
                        <a:pt x="24" y="177"/>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39"/>
                      </a:lnTo>
                      <a:lnTo>
                        <a:pt x="31" y="31"/>
                      </a:lnTo>
                      <a:lnTo>
                        <a:pt x="38"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2" name="Freeform 64"/>
                <p:cNvSpPr>
                  <a:spLocks/>
                </p:cNvSpPr>
                <p:nvPr/>
              </p:nvSpPr>
              <p:spPr bwMode="auto">
                <a:xfrm>
                  <a:off x="10455678" y="3339462"/>
                  <a:ext cx="28575" cy="28575"/>
                </a:xfrm>
                <a:custGeom>
                  <a:avLst/>
                  <a:gdLst/>
                  <a:ahLst/>
                  <a:cxnLst>
                    <a:cxn ang="0">
                      <a:pos x="101" y="182"/>
                    </a:cxn>
                    <a:cxn ang="0">
                      <a:pos x="119" y="178"/>
                    </a:cxn>
                    <a:cxn ang="0">
                      <a:pos x="135" y="172"/>
                    </a:cxn>
                    <a:cxn ang="0">
                      <a:pos x="150" y="162"/>
                    </a:cxn>
                    <a:cxn ang="0">
                      <a:pos x="162" y="149"/>
                    </a:cxn>
                    <a:cxn ang="0">
                      <a:pos x="172" y="135"/>
                    </a:cxn>
                    <a:cxn ang="0">
                      <a:pos x="179" y="118"/>
                    </a:cxn>
                    <a:cxn ang="0">
                      <a:pos x="182" y="101"/>
                    </a:cxn>
                    <a:cxn ang="0">
                      <a:pos x="182" y="82"/>
                    </a:cxn>
                    <a:cxn ang="0">
                      <a:pos x="179"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9" y="178"/>
                      </a:lnTo>
                      <a:lnTo>
                        <a:pt x="126" y="175"/>
                      </a:lnTo>
                      <a:lnTo>
                        <a:pt x="135" y="172"/>
                      </a:lnTo>
                      <a:lnTo>
                        <a:pt x="142" y="167"/>
                      </a:lnTo>
                      <a:lnTo>
                        <a:pt x="150" y="162"/>
                      </a:lnTo>
                      <a:lnTo>
                        <a:pt x="156" y="156"/>
                      </a:lnTo>
                      <a:lnTo>
                        <a:pt x="162" y="149"/>
                      </a:lnTo>
                      <a:lnTo>
                        <a:pt x="167" y="142"/>
                      </a:lnTo>
                      <a:lnTo>
                        <a:pt x="172" y="135"/>
                      </a:lnTo>
                      <a:lnTo>
                        <a:pt x="175" y="126"/>
                      </a:lnTo>
                      <a:lnTo>
                        <a:pt x="179" y="118"/>
                      </a:lnTo>
                      <a:lnTo>
                        <a:pt x="181" y="109"/>
                      </a:lnTo>
                      <a:lnTo>
                        <a:pt x="182" y="101"/>
                      </a:lnTo>
                      <a:lnTo>
                        <a:pt x="183" y="91"/>
                      </a:lnTo>
                      <a:lnTo>
                        <a:pt x="182" y="82"/>
                      </a:lnTo>
                      <a:lnTo>
                        <a:pt x="181" y="73"/>
                      </a:lnTo>
                      <a:lnTo>
                        <a:pt x="179" y="64"/>
                      </a:lnTo>
                      <a:lnTo>
                        <a:pt x="175" y="55"/>
                      </a:lnTo>
                      <a:lnTo>
                        <a:pt x="172" y="47"/>
                      </a:lnTo>
                      <a:lnTo>
                        <a:pt x="167" y="40"/>
                      </a:lnTo>
                      <a:lnTo>
                        <a:pt x="162" y="33"/>
                      </a:lnTo>
                      <a:lnTo>
                        <a:pt x="156" y="26"/>
                      </a:lnTo>
                      <a:lnTo>
                        <a:pt x="150" y="21"/>
                      </a:lnTo>
                      <a:lnTo>
                        <a:pt x="142" y="15"/>
                      </a:lnTo>
                      <a:lnTo>
                        <a:pt x="135" y="11"/>
                      </a:lnTo>
                      <a:lnTo>
                        <a:pt x="126" y="6"/>
                      </a:lnTo>
                      <a:lnTo>
                        <a:pt x="119" y="4"/>
                      </a:lnTo>
                      <a:lnTo>
                        <a:pt x="110" y="2"/>
                      </a:lnTo>
                      <a:lnTo>
                        <a:pt x="101" y="0"/>
                      </a:lnTo>
                      <a:lnTo>
                        <a:pt x="91" y="0"/>
                      </a:lnTo>
                      <a:lnTo>
                        <a:pt x="82" y="0"/>
                      </a:lnTo>
                      <a:lnTo>
                        <a:pt x="73" y="2"/>
                      </a:lnTo>
                      <a:lnTo>
                        <a:pt x="64" y="4"/>
                      </a:lnTo>
                      <a:lnTo>
                        <a:pt x="55" y="6"/>
                      </a:lnTo>
                      <a:lnTo>
                        <a:pt x="48" y="11"/>
                      </a:lnTo>
                      <a:lnTo>
                        <a:pt x="40" y="15"/>
                      </a:lnTo>
                      <a:lnTo>
                        <a:pt x="33" y="21"/>
                      </a:lnTo>
                      <a:lnTo>
                        <a:pt x="27" y="26"/>
                      </a:lnTo>
                      <a:lnTo>
                        <a:pt x="21" y="33"/>
                      </a:lnTo>
                      <a:lnTo>
                        <a:pt x="16" y="40"/>
                      </a:lnTo>
                      <a:lnTo>
                        <a:pt x="11" y="47"/>
                      </a:lnTo>
                      <a:lnTo>
                        <a:pt x="7" y="55"/>
                      </a:lnTo>
                      <a:lnTo>
                        <a:pt x="4" y="64"/>
                      </a:lnTo>
                      <a:lnTo>
                        <a:pt x="2" y="73"/>
                      </a:lnTo>
                      <a:lnTo>
                        <a:pt x="0" y="82"/>
                      </a:lnTo>
                      <a:lnTo>
                        <a:pt x="0" y="91"/>
                      </a:lnTo>
                      <a:lnTo>
                        <a:pt x="0" y="101"/>
                      </a:lnTo>
                      <a:lnTo>
                        <a:pt x="2" y="109"/>
                      </a:lnTo>
                      <a:lnTo>
                        <a:pt x="4" y="118"/>
                      </a:lnTo>
                      <a:lnTo>
                        <a:pt x="7" y="126"/>
                      </a:lnTo>
                      <a:lnTo>
                        <a:pt x="11" y="135"/>
                      </a:lnTo>
                      <a:lnTo>
                        <a:pt x="16" y="142"/>
                      </a:lnTo>
                      <a:lnTo>
                        <a:pt x="21" y="149"/>
                      </a:lnTo>
                      <a:lnTo>
                        <a:pt x="27"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3" name="Freeform 65"/>
                <p:cNvSpPr>
                  <a:spLocks/>
                </p:cNvSpPr>
                <p:nvPr/>
              </p:nvSpPr>
              <p:spPr bwMode="auto">
                <a:xfrm>
                  <a:off x="10495365" y="3339462"/>
                  <a:ext cx="30163" cy="28575"/>
                </a:xfrm>
                <a:custGeom>
                  <a:avLst/>
                  <a:gdLst/>
                  <a:ahLst/>
                  <a:cxnLst>
                    <a:cxn ang="0">
                      <a:pos x="101" y="182"/>
                    </a:cxn>
                    <a:cxn ang="0">
                      <a:pos x="119" y="178"/>
                    </a:cxn>
                    <a:cxn ang="0">
                      <a:pos x="135" y="172"/>
                    </a:cxn>
                    <a:cxn ang="0">
                      <a:pos x="150" y="162"/>
                    </a:cxn>
                    <a:cxn ang="0">
                      <a:pos x="162" y="149"/>
                    </a:cxn>
                    <a:cxn ang="0">
                      <a:pos x="172" y="135"/>
                    </a:cxn>
                    <a:cxn ang="0">
                      <a:pos x="178" y="118"/>
                    </a:cxn>
                    <a:cxn ang="0">
                      <a:pos x="182" y="101"/>
                    </a:cxn>
                    <a:cxn ang="0">
                      <a:pos x="182" y="82"/>
                    </a:cxn>
                    <a:cxn ang="0">
                      <a:pos x="178"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3" h="183">
                      <a:moveTo>
                        <a:pt x="92" y="183"/>
                      </a:moveTo>
                      <a:lnTo>
                        <a:pt x="101" y="182"/>
                      </a:lnTo>
                      <a:lnTo>
                        <a:pt x="110" y="180"/>
                      </a:lnTo>
                      <a:lnTo>
                        <a:pt x="119" y="178"/>
                      </a:lnTo>
                      <a:lnTo>
                        <a:pt x="127" y="175"/>
                      </a:lnTo>
                      <a:lnTo>
                        <a:pt x="135" y="172"/>
                      </a:lnTo>
                      <a:lnTo>
                        <a:pt x="142" y="167"/>
                      </a:lnTo>
                      <a:lnTo>
                        <a:pt x="150" y="162"/>
                      </a:lnTo>
                      <a:lnTo>
                        <a:pt x="156" y="156"/>
                      </a:lnTo>
                      <a:lnTo>
                        <a:pt x="162" y="149"/>
                      </a:lnTo>
                      <a:lnTo>
                        <a:pt x="167"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7" y="40"/>
                      </a:lnTo>
                      <a:lnTo>
                        <a:pt x="162" y="33"/>
                      </a:lnTo>
                      <a:lnTo>
                        <a:pt x="156" y="26"/>
                      </a:lnTo>
                      <a:lnTo>
                        <a:pt x="150" y="21"/>
                      </a:lnTo>
                      <a:lnTo>
                        <a:pt x="142" y="15"/>
                      </a:lnTo>
                      <a:lnTo>
                        <a:pt x="135" y="11"/>
                      </a:lnTo>
                      <a:lnTo>
                        <a:pt x="127" y="6"/>
                      </a:lnTo>
                      <a:lnTo>
                        <a:pt x="119" y="4"/>
                      </a:lnTo>
                      <a:lnTo>
                        <a:pt x="110" y="2"/>
                      </a:lnTo>
                      <a:lnTo>
                        <a:pt x="101" y="0"/>
                      </a:lnTo>
                      <a:lnTo>
                        <a:pt x="92"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8" y="55"/>
                      </a:lnTo>
                      <a:lnTo>
                        <a:pt x="4" y="64"/>
                      </a:lnTo>
                      <a:lnTo>
                        <a:pt x="2" y="73"/>
                      </a:lnTo>
                      <a:lnTo>
                        <a:pt x="1" y="82"/>
                      </a:lnTo>
                      <a:lnTo>
                        <a:pt x="0" y="91"/>
                      </a:lnTo>
                      <a:lnTo>
                        <a:pt x="1" y="101"/>
                      </a:lnTo>
                      <a:lnTo>
                        <a:pt x="2" y="109"/>
                      </a:lnTo>
                      <a:lnTo>
                        <a:pt x="4" y="118"/>
                      </a:lnTo>
                      <a:lnTo>
                        <a:pt x="8"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4" name="Freeform 66"/>
                <p:cNvSpPr>
                  <a:spLocks/>
                </p:cNvSpPr>
                <p:nvPr/>
              </p:nvSpPr>
              <p:spPr bwMode="auto">
                <a:xfrm>
                  <a:off x="10536640" y="3339462"/>
                  <a:ext cx="28575" cy="28575"/>
                </a:xfrm>
                <a:custGeom>
                  <a:avLst/>
                  <a:gdLst/>
                  <a:ahLst/>
                  <a:cxnLst>
                    <a:cxn ang="0">
                      <a:pos x="101" y="182"/>
                    </a:cxn>
                    <a:cxn ang="0">
                      <a:pos x="118" y="178"/>
                    </a:cxn>
                    <a:cxn ang="0">
                      <a:pos x="135" y="172"/>
                    </a:cxn>
                    <a:cxn ang="0">
                      <a:pos x="149" y="162"/>
                    </a:cxn>
                    <a:cxn ang="0">
                      <a:pos x="162" y="149"/>
                    </a:cxn>
                    <a:cxn ang="0">
                      <a:pos x="172" y="135"/>
                    </a:cxn>
                    <a:cxn ang="0">
                      <a:pos x="178" y="118"/>
                    </a:cxn>
                    <a:cxn ang="0">
                      <a:pos x="183" y="101"/>
                    </a:cxn>
                    <a:cxn ang="0">
                      <a:pos x="183" y="82"/>
                    </a:cxn>
                    <a:cxn ang="0">
                      <a:pos x="178" y="64"/>
                    </a:cxn>
                    <a:cxn ang="0">
                      <a:pos x="172" y="47"/>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7" y="172"/>
                    </a:cxn>
                    <a:cxn ang="0">
                      <a:pos x="64" y="178"/>
                    </a:cxn>
                    <a:cxn ang="0">
                      <a:pos x="82" y="182"/>
                    </a:cxn>
                  </a:cxnLst>
                  <a:rect l="0" t="0" r="r" b="b"/>
                  <a:pathLst>
                    <a:path w="183" h="183">
                      <a:moveTo>
                        <a:pt x="92" y="183"/>
                      </a:moveTo>
                      <a:lnTo>
                        <a:pt x="101" y="182"/>
                      </a:lnTo>
                      <a:lnTo>
                        <a:pt x="109" y="180"/>
                      </a:lnTo>
                      <a:lnTo>
                        <a:pt x="118" y="178"/>
                      </a:lnTo>
                      <a:lnTo>
                        <a:pt x="127" y="175"/>
                      </a:lnTo>
                      <a:lnTo>
                        <a:pt x="135" y="172"/>
                      </a:lnTo>
                      <a:lnTo>
                        <a:pt x="143" y="167"/>
                      </a:lnTo>
                      <a:lnTo>
                        <a:pt x="149" y="162"/>
                      </a:lnTo>
                      <a:lnTo>
                        <a:pt x="156" y="156"/>
                      </a:lnTo>
                      <a:lnTo>
                        <a:pt x="162" y="149"/>
                      </a:lnTo>
                      <a:lnTo>
                        <a:pt x="167" y="142"/>
                      </a:lnTo>
                      <a:lnTo>
                        <a:pt x="172" y="135"/>
                      </a:lnTo>
                      <a:lnTo>
                        <a:pt x="176" y="126"/>
                      </a:lnTo>
                      <a:lnTo>
                        <a:pt x="178" y="118"/>
                      </a:lnTo>
                      <a:lnTo>
                        <a:pt x="180" y="109"/>
                      </a:lnTo>
                      <a:lnTo>
                        <a:pt x="183" y="101"/>
                      </a:lnTo>
                      <a:lnTo>
                        <a:pt x="183" y="91"/>
                      </a:lnTo>
                      <a:lnTo>
                        <a:pt x="183" y="82"/>
                      </a:lnTo>
                      <a:lnTo>
                        <a:pt x="180" y="73"/>
                      </a:lnTo>
                      <a:lnTo>
                        <a:pt x="178" y="64"/>
                      </a:lnTo>
                      <a:lnTo>
                        <a:pt x="176" y="55"/>
                      </a:lnTo>
                      <a:lnTo>
                        <a:pt x="172" y="47"/>
                      </a:lnTo>
                      <a:lnTo>
                        <a:pt x="167" y="40"/>
                      </a:lnTo>
                      <a:lnTo>
                        <a:pt x="162" y="33"/>
                      </a:lnTo>
                      <a:lnTo>
                        <a:pt x="156" y="26"/>
                      </a:lnTo>
                      <a:lnTo>
                        <a:pt x="149" y="21"/>
                      </a:lnTo>
                      <a:lnTo>
                        <a:pt x="143" y="15"/>
                      </a:lnTo>
                      <a:lnTo>
                        <a:pt x="135" y="11"/>
                      </a:lnTo>
                      <a:lnTo>
                        <a:pt x="127" y="6"/>
                      </a:lnTo>
                      <a:lnTo>
                        <a:pt x="118" y="4"/>
                      </a:lnTo>
                      <a:lnTo>
                        <a:pt x="109" y="2"/>
                      </a:lnTo>
                      <a:lnTo>
                        <a:pt x="101" y="0"/>
                      </a:lnTo>
                      <a:lnTo>
                        <a:pt x="92" y="0"/>
                      </a:lnTo>
                      <a:lnTo>
                        <a:pt x="82" y="0"/>
                      </a:lnTo>
                      <a:lnTo>
                        <a:pt x="73" y="2"/>
                      </a:lnTo>
                      <a:lnTo>
                        <a:pt x="64" y="4"/>
                      </a:lnTo>
                      <a:lnTo>
                        <a:pt x="56" y="6"/>
                      </a:lnTo>
                      <a:lnTo>
                        <a:pt x="47" y="11"/>
                      </a:lnTo>
                      <a:lnTo>
                        <a:pt x="41" y="15"/>
                      </a:lnTo>
                      <a:lnTo>
                        <a:pt x="33" y="21"/>
                      </a:lnTo>
                      <a:lnTo>
                        <a:pt x="26" y="26"/>
                      </a:lnTo>
                      <a:lnTo>
                        <a:pt x="21" y="33"/>
                      </a:lnTo>
                      <a:lnTo>
                        <a:pt x="15"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5" y="142"/>
                      </a:lnTo>
                      <a:lnTo>
                        <a:pt x="21" y="149"/>
                      </a:lnTo>
                      <a:lnTo>
                        <a:pt x="26" y="156"/>
                      </a:lnTo>
                      <a:lnTo>
                        <a:pt x="33" y="162"/>
                      </a:lnTo>
                      <a:lnTo>
                        <a:pt x="41" y="167"/>
                      </a:lnTo>
                      <a:lnTo>
                        <a:pt x="47" y="172"/>
                      </a:lnTo>
                      <a:lnTo>
                        <a:pt x="56"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5" name="Freeform 67"/>
                <p:cNvSpPr>
                  <a:spLocks/>
                </p:cNvSpPr>
                <p:nvPr/>
              </p:nvSpPr>
              <p:spPr bwMode="auto">
                <a:xfrm>
                  <a:off x="10576328" y="3339462"/>
                  <a:ext cx="28575" cy="28575"/>
                </a:xfrm>
                <a:custGeom>
                  <a:avLst/>
                  <a:gdLst/>
                  <a:ahLst/>
                  <a:cxnLst>
                    <a:cxn ang="0">
                      <a:pos x="100" y="182"/>
                    </a:cxn>
                    <a:cxn ang="0">
                      <a:pos x="118" y="178"/>
                    </a:cxn>
                    <a:cxn ang="0">
                      <a:pos x="135" y="172"/>
                    </a:cxn>
                    <a:cxn ang="0">
                      <a:pos x="149" y="162"/>
                    </a:cxn>
                    <a:cxn ang="0">
                      <a:pos x="161" y="149"/>
                    </a:cxn>
                    <a:cxn ang="0">
                      <a:pos x="171" y="135"/>
                    </a:cxn>
                    <a:cxn ang="0">
                      <a:pos x="178" y="118"/>
                    </a:cxn>
                    <a:cxn ang="0">
                      <a:pos x="182" y="101"/>
                    </a:cxn>
                    <a:cxn ang="0">
                      <a:pos x="182" y="82"/>
                    </a:cxn>
                    <a:cxn ang="0">
                      <a:pos x="178"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2" h="183">
                      <a:moveTo>
                        <a:pt x="92" y="183"/>
                      </a:moveTo>
                      <a:lnTo>
                        <a:pt x="100" y="182"/>
                      </a:lnTo>
                      <a:lnTo>
                        <a:pt x="109" y="180"/>
                      </a:lnTo>
                      <a:lnTo>
                        <a:pt x="118" y="178"/>
                      </a:lnTo>
                      <a:lnTo>
                        <a:pt x="127" y="175"/>
                      </a:lnTo>
                      <a:lnTo>
                        <a:pt x="135" y="172"/>
                      </a:lnTo>
                      <a:lnTo>
                        <a:pt x="143" y="167"/>
                      </a:lnTo>
                      <a:lnTo>
                        <a:pt x="149" y="162"/>
                      </a:lnTo>
                      <a:lnTo>
                        <a:pt x="156" y="156"/>
                      </a:lnTo>
                      <a:lnTo>
                        <a:pt x="161" y="149"/>
                      </a:lnTo>
                      <a:lnTo>
                        <a:pt x="167" y="142"/>
                      </a:lnTo>
                      <a:lnTo>
                        <a:pt x="171" y="135"/>
                      </a:lnTo>
                      <a:lnTo>
                        <a:pt x="176" y="126"/>
                      </a:lnTo>
                      <a:lnTo>
                        <a:pt x="178" y="118"/>
                      </a:lnTo>
                      <a:lnTo>
                        <a:pt x="180" y="109"/>
                      </a:lnTo>
                      <a:lnTo>
                        <a:pt x="182" y="101"/>
                      </a:lnTo>
                      <a:lnTo>
                        <a:pt x="182" y="91"/>
                      </a:lnTo>
                      <a:lnTo>
                        <a:pt x="182" y="82"/>
                      </a:lnTo>
                      <a:lnTo>
                        <a:pt x="180" y="73"/>
                      </a:lnTo>
                      <a:lnTo>
                        <a:pt x="178" y="64"/>
                      </a:lnTo>
                      <a:lnTo>
                        <a:pt x="176" y="55"/>
                      </a:lnTo>
                      <a:lnTo>
                        <a:pt x="171" y="47"/>
                      </a:lnTo>
                      <a:lnTo>
                        <a:pt x="167" y="40"/>
                      </a:lnTo>
                      <a:lnTo>
                        <a:pt x="161" y="33"/>
                      </a:lnTo>
                      <a:lnTo>
                        <a:pt x="156" y="26"/>
                      </a:lnTo>
                      <a:lnTo>
                        <a:pt x="149" y="21"/>
                      </a:lnTo>
                      <a:lnTo>
                        <a:pt x="143" y="15"/>
                      </a:lnTo>
                      <a:lnTo>
                        <a:pt x="135" y="11"/>
                      </a:lnTo>
                      <a:lnTo>
                        <a:pt x="127" y="6"/>
                      </a:lnTo>
                      <a:lnTo>
                        <a:pt x="118" y="4"/>
                      </a:lnTo>
                      <a:lnTo>
                        <a:pt x="109" y="2"/>
                      </a:lnTo>
                      <a:lnTo>
                        <a:pt x="100" y="0"/>
                      </a:lnTo>
                      <a:lnTo>
                        <a:pt x="92" y="0"/>
                      </a:lnTo>
                      <a:lnTo>
                        <a:pt x="82" y="0"/>
                      </a:lnTo>
                      <a:lnTo>
                        <a:pt x="73" y="2"/>
                      </a:lnTo>
                      <a:lnTo>
                        <a:pt x="64" y="4"/>
                      </a:lnTo>
                      <a:lnTo>
                        <a:pt x="56" y="6"/>
                      </a:lnTo>
                      <a:lnTo>
                        <a:pt x="48" y="11"/>
                      </a:lnTo>
                      <a:lnTo>
                        <a:pt x="41" y="15"/>
                      </a:lnTo>
                      <a:lnTo>
                        <a:pt x="33" y="21"/>
                      </a:lnTo>
                      <a:lnTo>
                        <a:pt x="27" y="26"/>
                      </a:lnTo>
                      <a:lnTo>
                        <a:pt x="21" y="33"/>
                      </a:lnTo>
                      <a:lnTo>
                        <a:pt x="16"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6" y="142"/>
                      </a:lnTo>
                      <a:lnTo>
                        <a:pt x="21" y="149"/>
                      </a:lnTo>
                      <a:lnTo>
                        <a:pt x="27" y="156"/>
                      </a:lnTo>
                      <a:lnTo>
                        <a:pt x="33" y="162"/>
                      </a:lnTo>
                      <a:lnTo>
                        <a:pt x="41" y="167"/>
                      </a:lnTo>
                      <a:lnTo>
                        <a:pt x="48" y="172"/>
                      </a:lnTo>
                      <a:lnTo>
                        <a:pt x="56"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6" name="Freeform 68"/>
                <p:cNvSpPr>
                  <a:spLocks/>
                </p:cNvSpPr>
                <p:nvPr/>
              </p:nvSpPr>
              <p:spPr bwMode="auto">
                <a:xfrm>
                  <a:off x="10616015" y="3339462"/>
                  <a:ext cx="28575" cy="28575"/>
                </a:xfrm>
                <a:custGeom>
                  <a:avLst/>
                  <a:gdLst/>
                  <a:ahLst/>
                  <a:cxnLst>
                    <a:cxn ang="0">
                      <a:pos x="100" y="182"/>
                    </a:cxn>
                    <a:cxn ang="0">
                      <a:pos x="118" y="178"/>
                    </a:cxn>
                    <a:cxn ang="0">
                      <a:pos x="135"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7"/>
                    </a:cxn>
                    <a:cxn ang="0">
                      <a:pos x="4" y="64"/>
                    </a:cxn>
                    <a:cxn ang="0">
                      <a:pos x="0" y="82"/>
                    </a:cxn>
                    <a:cxn ang="0">
                      <a:pos x="0" y="101"/>
                    </a:cxn>
                    <a:cxn ang="0">
                      <a:pos x="4" y="118"/>
                    </a:cxn>
                    <a:cxn ang="0">
                      <a:pos x="10" y="135"/>
                    </a:cxn>
                    <a:cxn ang="0">
                      <a:pos x="20" y="149"/>
                    </a:cxn>
                    <a:cxn ang="0">
                      <a:pos x="34" y="162"/>
                    </a:cxn>
                    <a:cxn ang="0">
                      <a:pos x="48" y="172"/>
                    </a:cxn>
                    <a:cxn ang="0">
                      <a:pos x="64" y="178"/>
                    </a:cxn>
                    <a:cxn ang="0">
                      <a:pos x="82" y="182"/>
                    </a:cxn>
                  </a:cxnLst>
                  <a:rect l="0" t="0" r="r" b="b"/>
                  <a:pathLst>
                    <a:path w="182" h="183">
                      <a:moveTo>
                        <a:pt x="91" y="183"/>
                      </a:moveTo>
                      <a:lnTo>
                        <a:pt x="100" y="182"/>
                      </a:lnTo>
                      <a:lnTo>
                        <a:pt x="109" y="180"/>
                      </a:lnTo>
                      <a:lnTo>
                        <a:pt x="118" y="178"/>
                      </a:lnTo>
                      <a:lnTo>
                        <a:pt x="127" y="175"/>
                      </a:lnTo>
                      <a:lnTo>
                        <a:pt x="135" y="172"/>
                      </a:lnTo>
                      <a:lnTo>
                        <a:pt x="142" y="167"/>
                      </a:lnTo>
                      <a:lnTo>
                        <a:pt x="149" y="162"/>
                      </a:lnTo>
                      <a:lnTo>
                        <a:pt x="156" y="156"/>
                      </a:lnTo>
                      <a:lnTo>
                        <a:pt x="161" y="149"/>
                      </a:lnTo>
                      <a:lnTo>
                        <a:pt x="167" y="142"/>
                      </a:lnTo>
                      <a:lnTo>
                        <a:pt x="171" y="135"/>
                      </a:lnTo>
                      <a:lnTo>
                        <a:pt x="176" y="126"/>
                      </a:lnTo>
                      <a:lnTo>
                        <a:pt x="179" y="118"/>
                      </a:lnTo>
                      <a:lnTo>
                        <a:pt x="181" y="109"/>
                      </a:lnTo>
                      <a:lnTo>
                        <a:pt x="182" y="101"/>
                      </a:lnTo>
                      <a:lnTo>
                        <a:pt x="182" y="91"/>
                      </a:lnTo>
                      <a:lnTo>
                        <a:pt x="182" y="82"/>
                      </a:lnTo>
                      <a:lnTo>
                        <a:pt x="181" y="73"/>
                      </a:lnTo>
                      <a:lnTo>
                        <a:pt x="179" y="64"/>
                      </a:lnTo>
                      <a:lnTo>
                        <a:pt x="176" y="55"/>
                      </a:lnTo>
                      <a:lnTo>
                        <a:pt x="171" y="47"/>
                      </a:lnTo>
                      <a:lnTo>
                        <a:pt x="167" y="40"/>
                      </a:lnTo>
                      <a:lnTo>
                        <a:pt x="161" y="33"/>
                      </a:lnTo>
                      <a:lnTo>
                        <a:pt x="156" y="26"/>
                      </a:lnTo>
                      <a:lnTo>
                        <a:pt x="149" y="21"/>
                      </a:lnTo>
                      <a:lnTo>
                        <a:pt x="142" y="15"/>
                      </a:lnTo>
                      <a:lnTo>
                        <a:pt x="135" y="11"/>
                      </a:lnTo>
                      <a:lnTo>
                        <a:pt x="127" y="6"/>
                      </a:lnTo>
                      <a:lnTo>
                        <a:pt x="118" y="4"/>
                      </a:lnTo>
                      <a:lnTo>
                        <a:pt x="109" y="2"/>
                      </a:lnTo>
                      <a:lnTo>
                        <a:pt x="100" y="0"/>
                      </a:lnTo>
                      <a:lnTo>
                        <a:pt x="91" y="0"/>
                      </a:lnTo>
                      <a:lnTo>
                        <a:pt x="82" y="0"/>
                      </a:lnTo>
                      <a:lnTo>
                        <a:pt x="73" y="2"/>
                      </a:lnTo>
                      <a:lnTo>
                        <a:pt x="64" y="4"/>
                      </a:lnTo>
                      <a:lnTo>
                        <a:pt x="56" y="6"/>
                      </a:lnTo>
                      <a:lnTo>
                        <a:pt x="48" y="11"/>
                      </a:lnTo>
                      <a:lnTo>
                        <a:pt x="40" y="15"/>
                      </a:lnTo>
                      <a:lnTo>
                        <a:pt x="34" y="21"/>
                      </a:lnTo>
                      <a:lnTo>
                        <a:pt x="27" y="26"/>
                      </a:lnTo>
                      <a:lnTo>
                        <a:pt x="20" y="33"/>
                      </a:lnTo>
                      <a:lnTo>
                        <a:pt x="16" y="40"/>
                      </a:lnTo>
                      <a:lnTo>
                        <a:pt x="10" y="47"/>
                      </a:lnTo>
                      <a:lnTo>
                        <a:pt x="7" y="55"/>
                      </a:lnTo>
                      <a:lnTo>
                        <a:pt x="4" y="64"/>
                      </a:lnTo>
                      <a:lnTo>
                        <a:pt x="2" y="73"/>
                      </a:lnTo>
                      <a:lnTo>
                        <a:pt x="0" y="82"/>
                      </a:lnTo>
                      <a:lnTo>
                        <a:pt x="0" y="91"/>
                      </a:lnTo>
                      <a:lnTo>
                        <a:pt x="0" y="101"/>
                      </a:lnTo>
                      <a:lnTo>
                        <a:pt x="2" y="109"/>
                      </a:lnTo>
                      <a:lnTo>
                        <a:pt x="4" y="118"/>
                      </a:lnTo>
                      <a:lnTo>
                        <a:pt x="7" y="126"/>
                      </a:lnTo>
                      <a:lnTo>
                        <a:pt x="10" y="135"/>
                      </a:lnTo>
                      <a:lnTo>
                        <a:pt x="16" y="142"/>
                      </a:lnTo>
                      <a:lnTo>
                        <a:pt x="20" y="149"/>
                      </a:lnTo>
                      <a:lnTo>
                        <a:pt x="27" y="156"/>
                      </a:lnTo>
                      <a:lnTo>
                        <a:pt x="34" y="162"/>
                      </a:lnTo>
                      <a:lnTo>
                        <a:pt x="40" y="167"/>
                      </a:lnTo>
                      <a:lnTo>
                        <a:pt x="48" y="172"/>
                      </a:lnTo>
                      <a:lnTo>
                        <a:pt x="56"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7" name="Freeform 69"/>
                <p:cNvSpPr>
                  <a:spLocks/>
                </p:cNvSpPr>
                <p:nvPr/>
              </p:nvSpPr>
              <p:spPr bwMode="auto">
                <a:xfrm>
                  <a:off x="11073215" y="3526787"/>
                  <a:ext cx="203200" cy="33338"/>
                </a:xfrm>
                <a:custGeom>
                  <a:avLst/>
                  <a:gdLst/>
                  <a:ahLst/>
                  <a:cxnLst>
                    <a:cxn ang="0">
                      <a:pos x="1169" y="0"/>
                    </a:cxn>
                    <a:cxn ang="0">
                      <a:pos x="1190" y="2"/>
                    </a:cxn>
                    <a:cxn ang="0">
                      <a:pos x="1212" y="7"/>
                    </a:cxn>
                    <a:cxn ang="0">
                      <a:pos x="1229" y="17"/>
                    </a:cxn>
                    <a:cxn ang="0">
                      <a:pos x="1246" y="31"/>
                    </a:cxn>
                    <a:cxn ang="0">
                      <a:pos x="1259" y="47"/>
                    </a:cxn>
                    <a:cxn ang="0">
                      <a:pos x="1269" y="66"/>
                    </a:cxn>
                    <a:cxn ang="0">
                      <a:pos x="1276" y="86"/>
                    </a:cxn>
                    <a:cxn ang="0">
                      <a:pos x="1278" y="108"/>
                    </a:cxn>
                    <a:cxn ang="0">
                      <a:pos x="1276" y="130"/>
                    </a:cxn>
                    <a:cxn ang="0">
                      <a:pos x="1269" y="150"/>
                    </a:cxn>
                    <a:cxn ang="0">
                      <a:pos x="1259" y="169"/>
                    </a:cxn>
                    <a:cxn ang="0">
                      <a:pos x="1246" y="185"/>
                    </a:cxn>
                    <a:cxn ang="0">
                      <a:pos x="1229" y="198"/>
                    </a:cxn>
                    <a:cxn ang="0">
                      <a:pos x="1212" y="208"/>
                    </a:cxn>
                    <a:cxn ang="0">
                      <a:pos x="1190" y="215"/>
                    </a:cxn>
                    <a:cxn ang="0">
                      <a:pos x="1169" y="217"/>
                    </a:cxn>
                    <a:cxn ang="0">
                      <a:pos x="97" y="216"/>
                    </a:cxn>
                    <a:cxn ang="0">
                      <a:pos x="76" y="213"/>
                    </a:cxn>
                    <a:cxn ang="0">
                      <a:pos x="56" y="204"/>
                    </a:cxn>
                    <a:cxn ang="0">
                      <a:pos x="38" y="192"/>
                    </a:cxn>
                    <a:cxn ang="0">
                      <a:pos x="24" y="177"/>
                    </a:cxn>
                    <a:cxn ang="0">
                      <a:pos x="12" y="159"/>
                    </a:cxn>
                    <a:cxn ang="0">
                      <a:pos x="4" y="140"/>
                    </a:cxn>
                    <a:cxn ang="0">
                      <a:pos x="0" y="119"/>
                    </a:cxn>
                    <a:cxn ang="0">
                      <a:pos x="0" y="97"/>
                    </a:cxn>
                    <a:cxn ang="0">
                      <a:pos x="4" y="76"/>
                    </a:cxn>
                    <a:cxn ang="0">
                      <a:pos x="12" y="56"/>
                    </a:cxn>
                    <a:cxn ang="0">
                      <a:pos x="24" y="38"/>
                    </a:cxn>
                    <a:cxn ang="0">
                      <a:pos x="38" y="24"/>
                    </a:cxn>
                    <a:cxn ang="0">
                      <a:pos x="56" y="12"/>
                    </a:cxn>
                    <a:cxn ang="0">
                      <a:pos x="76" y="4"/>
                    </a:cxn>
                    <a:cxn ang="0">
                      <a:pos x="97" y="0"/>
                    </a:cxn>
                  </a:cxnLst>
                  <a:rect l="0" t="0" r="r" b="b"/>
                  <a:pathLst>
                    <a:path w="1278" h="217">
                      <a:moveTo>
                        <a:pt x="108" y="0"/>
                      </a:moveTo>
                      <a:lnTo>
                        <a:pt x="1169" y="0"/>
                      </a:lnTo>
                      <a:lnTo>
                        <a:pt x="1180" y="0"/>
                      </a:lnTo>
                      <a:lnTo>
                        <a:pt x="1190" y="2"/>
                      </a:lnTo>
                      <a:lnTo>
                        <a:pt x="1202" y="4"/>
                      </a:lnTo>
                      <a:lnTo>
                        <a:pt x="1212" y="7"/>
                      </a:lnTo>
                      <a:lnTo>
                        <a:pt x="1220" y="12"/>
                      </a:lnTo>
                      <a:lnTo>
                        <a:pt x="1229" y="17"/>
                      </a:lnTo>
                      <a:lnTo>
                        <a:pt x="1238" y="24"/>
                      </a:lnTo>
                      <a:lnTo>
                        <a:pt x="1246" y="31"/>
                      </a:lnTo>
                      <a:lnTo>
                        <a:pt x="1253" y="38"/>
                      </a:lnTo>
                      <a:lnTo>
                        <a:pt x="1259" y="47"/>
                      </a:lnTo>
                      <a:lnTo>
                        <a:pt x="1265" y="56"/>
                      </a:lnTo>
                      <a:lnTo>
                        <a:pt x="1269" y="66"/>
                      </a:lnTo>
                      <a:lnTo>
                        <a:pt x="1272" y="76"/>
                      </a:lnTo>
                      <a:lnTo>
                        <a:pt x="1276" y="86"/>
                      </a:lnTo>
                      <a:lnTo>
                        <a:pt x="1277" y="97"/>
                      </a:lnTo>
                      <a:lnTo>
                        <a:pt x="1278" y="108"/>
                      </a:lnTo>
                      <a:lnTo>
                        <a:pt x="1277" y="119"/>
                      </a:lnTo>
                      <a:lnTo>
                        <a:pt x="1276" y="130"/>
                      </a:lnTo>
                      <a:lnTo>
                        <a:pt x="1272" y="140"/>
                      </a:lnTo>
                      <a:lnTo>
                        <a:pt x="1269" y="150"/>
                      </a:lnTo>
                      <a:lnTo>
                        <a:pt x="1265" y="159"/>
                      </a:lnTo>
                      <a:lnTo>
                        <a:pt x="1259" y="169"/>
                      </a:lnTo>
                      <a:lnTo>
                        <a:pt x="1253" y="177"/>
                      </a:lnTo>
                      <a:lnTo>
                        <a:pt x="1246" y="185"/>
                      </a:lnTo>
                      <a:lnTo>
                        <a:pt x="1238" y="192"/>
                      </a:lnTo>
                      <a:lnTo>
                        <a:pt x="1229" y="198"/>
                      </a:lnTo>
                      <a:lnTo>
                        <a:pt x="1220" y="204"/>
                      </a:lnTo>
                      <a:lnTo>
                        <a:pt x="1212" y="208"/>
                      </a:lnTo>
                      <a:lnTo>
                        <a:pt x="1202" y="213"/>
                      </a:lnTo>
                      <a:lnTo>
                        <a:pt x="1190" y="215"/>
                      </a:lnTo>
                      <a:lnTo>
                        <a:pt x="1180" y="216"/>
                      </a:lnTo>
                      <a:lnTo>
                        <a:pt x="1169" y="217"/>
                      </a:lnTo>
                      <a:lnTo>
                        <a:pt x="108" y="217"/>
                      </a:lnTo>
                      <a:lnTo>
                        <a:pt x="97" y="216"/>
                      </a:lnTo>
                      <a:lnTo>
                        <a:pt x="86" y="215"/>
                      </a:lnTo>
                      <a:lnTo>
                        <a:pt x="76" y="213"/>
                      </a:lnTo>
                      <a:lnTo>
                        <a:pt x="66" y="208"/>
                      </a:lnTo>
                      <a:lnTo>
                        <a:pt x="56" y="204"/>
                      </a:lnTo>
                      <a:lnTo>
                        <a:pt x="47" y="198"/>
                      </a:lnTo>
                      <a:lnTo>
                        <a:pt x="38" y="192"/>
                      </a:lnTo>
                      <a:lnTo>
                        <a:pt x="31" y="185"/>
                      </a:lnTo>
                      <a:lnTo>
                        <a:pt x="24" y="177"/>
                      </a:lnTo>
                      <a:lnTo>
                        <a:pt x="17" y="169"/>
                      </a:lnTo>
                      <a:lnTo>
                        <a:pt x="12" y="159"/>
                      </a:lnTo>
                      <a:lnTo>
                        <a:pt x="7" y="150"/>
                      </a:lnTo>
                      <a:lnTo>
                        <a:pt x="4" y="140"/>
                      </a:lnTo>
                      <a:lnTo>
                        <a:pt x="2" y="130"/>
                      </a:lnTo>
                      <a:lnTo>
                        <a:pt x="0" y="119"/>
                      </a:lnTo>
                      <a:lnTo>
                        <a:pt x="0" y="108"/>
                      </a:lnTo>
                      <a:lnTo>
                        <a:pt x="0" y="97"/>
                      </a:lnTo>
                      <a:lnTo>
                        <a:pt x="2" y="86"/>
                      </a:lnTo>
                      <a:lnTo>
                        <a:pt x="4" y="76"/>
                      </a:lnTo>
                      <a:lnTo>
                        <a:pt x="7" y="66"/>
                      </a:lnTo>
                      <a:lnTo>
                        <a:pt x="12" y="56"/>
                      </a:lnTo>
                      <a:lnTo>
                        <a:pt x="17" y="47"/>
                      </a:lnTo>
                      <a:lnTo>
                        <a:pt x="24" y="38"/>
                      </a:lnTo>
                      <a:lnTo>
                        <a:pt x="31" y="31"/>
                      </a:lnTo>
                      <a:lnTo>
                        <a:pt x="38"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8" name="Freeform 70"/>
                <p:cNvSpPr>
                  <a:spLocks/>
                </p:cNvSpPr>
                <p:nvPr/>
              </p:nvSpPr>
              <p:spPr bwMode="auto">
                <a:xfrm>
                  <a:off x="10455678" y="3526787"/>
                  <a:ext cx="28575" cy="30163"/>
                </a:xfrm>
                <a:custGeom>
                  <a:avLst/>
                  <a:gdLst/>
                  <a:ahLst/>
                  <a:cxnLst>
                    <a:cxn ang="0">
                      <a:pos x="101" y="182"/>
                    </a:cxn>
                    <a:cxn ang="0">
                      <a:pos x="119" y="179"/>
                    </a:cxn>
                    <a:cxn ang="0">
                      <a:pos x="135" y="172"/>
                    </a:cxn>
                    <a:cxn ang="0">
                      <a:pos x="150" y="162"/>
                    </a:cxn>
                    <a:cxn ang="0">
                      <a:pos x="162" y="150"/>
                    </a:cxn>
                    <a:cxn ang="0">
                      <a:pos x="172" y="134"/>
                    </a:cxn>
                    <a:cxn ang="0">
                      <a:pos x="179" y="119"/>
                    </a:cxn>
                    <a:cxn ang="0">
                      <a:pos x="182" y="101"/>
                    </a:cxn>
                    <a:cxn ang="0">
                      <a:pos x="182" y="82"/>
                    </a:cxn>
                    <a:cxn ang="0">
                      <a:pos x="179"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6"/>
                      </a:lnTo>
                      <a:lnTo>
                        <a:pt x="135" y="172"/>
                      </a:lnTo>
                      <a:lnTo>
                        <a:pt x="142" y="168"/>
                      </a:lnTo>
                      <a:lnTo>
                        <a:pt x="150" y="162"/>
                      </a:lnTo>
                      <a:lnTo>
                        <a:pt x="156" y="156"/>
                      </a:lnTo>
                      <a:lnTo>
                        <a:pt x="162" y="150"/>
                      </a:lnTo>
                      <a:lnTo>
                        <a:pt x="167" y="142"/>
                      </a:lnTo>
                      <a:lnTo>
                        <a:pt x="172" y="134"/>
                      </a:lnTo>
                      <a:lnTo>
                        <a:pt x="175" y="127"/>
                      </a:lnTo>
                      <a:lnTo>
                        <a:pt x="179" y="119"/>
                      </a:lnTo>
                      <a:lnTo>
                        <a:pt x="181" y="110"/>
                      </a:lnTo>
                      <a:lnTo>
                        <a:pt x="182" y="101"/>
                      </a:lnTo>
                      <a:lnTo>
                        <a:pt x="183" y="91"/>
                      </a:lnTo>
                      <a:lnTo>
                        <a:pt x="182" y="82"/>
                      </a:lnTo>
                      <a:lnTo>
                        <a:pt x="181" y="73"/>
                      </a:lnTo>
                      <a:lnTo>
                        <a:pt x="179" y="65"/>
                      </a:lnTo>
                      <a:lnTo>
                        <a:pt x="175" y="56"/>
                      </a:lnTo>
                      <a:lnTo>
                        <a:pt x="172" y="48"/>
                      </a:lnTo>
                      <a:lnTo>
                        <a:pt x="167" y="40"/>
                      </a:lnTo>
                      <a:lnTo>
                        <a:pt x="162" y="34"/>
                      </a:lnTo>
                      <a:lnTo>
                        <a:pt x="156" y="27"/>
                      </a:lnTo>
                      <a:lnTo>
                        <a:pt x="150" y="21"/>
                      </a:lnTo>
                      <a:lnTo>
                        <a:pt x="142" y="16"/>
                      </a:lnTo>
                      <a:lnTo>
                        <a:pt x="135" y="11"/>
                      </a:lnTo>
                      <a:lnTo>
                        <a:pt x="126" y="7"/>
                      </a:lnTo>
                      <a:lnTo>
                        <a:pt x="119" y="5"/>
                      </a:lnTo>
                      <a:lnTo>
                        <a:pt x="110" y="2"/>
                      </a:lnTo>
                      <a:lnTo>
                        <a:pt x="101" y="0"/>
                      </a:lnTo>
                      <a:lnTo>
                        <a:pt x="91" y="0"/>
                      </a:lnTo>
                      <a:lnTo>
                        <a:pt x="82" y="0"/>
                      </a:lnTo>
                      <a:lnTo>
                        <a:pt x="73" y="2"/>
                      </a:lnTo>
                      <a:lnTo>
                        <a:pt x="64" y="5"/>
                      </a:lnTo>
                      <a:lnTo>
                        <a:pt x="55" y="7"/>
                      </a:lnTo>
                      <a:lnTo>
                        <a:pt x="48" y="11"/>
                      </a:lnTo>
                      <a:lnTo>
                        <a:pt x="40" y="16"/>
                      </a:lnTo>
                      <a:lnTo>
                        <a:pt x="33" y="21"/>
                      </a:lnTo>
                      <a:lnTo>
                        <a:pt x="27" y="27"/>
                      </a:lnTo>
                      <a:lnTo>
                        <a:pt x="21" y="34"/>
                      </a:lnTo>
                      <a:lnTo>
                        <a:pt x="16" y="40"/>
                      </a:lnTo>
                      <a:lnTo>
                        <a:pt x="11" y="48"/>
                      </a:lnTo>
                      <a:lnTo>
                        <a:pt x="7" y="56"/>
                      </a:lnTo>
                      <a:lnTo>
                        <a:pt x="4" y="65"/>
                      </a:lnTo>
                      <a:lnTo>
                        <a:pt x="2" y="73"/>
                      </a:lnTo>
                      <a:lnTo>
                        <a:pt x="0" y="82"/>
                      </a:lnTo>
                      <a:lnTo>
                        <a:pt x="0" y="91"/>
                      </a:lnTo>
                      <a:lnTo>
                        <a:pt x="0" y="101"/>
                      </a:lnTo>
                      <a:lnTo>
                        <a:pt x="2" y="110"/>
                      </a:lnTo>
                      <a:lnTo>
                        <a:pt x="4" y="119"/>
                      </a:lnTo>
                      <a:lnTo>
                        <a:pt x="7" y="127"/>
                      </a:lnTo>
                      <a:lnTo>
                        <a:pt x="11" y="134"/>
                      </a:lnTo>
                      <a:lnTo>
                        <a:pt x="16" y="142"/>
                      </a:lnTo>
                      <a:lnTo>
                        <a:pt x="21" y="150"/>
                      </a:lnTo>
                      <a:lnTo>
                        <a:pt x="27"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39" name="Freeform 71"/>
                <p:cNvSpPr>
                  <a:spLocks/>
                </p:cNvSpPr>
                <p:nvPr/>
              </p:nvSpPr>
              <p:spPr bwMode="auto">
                <a:xfrm>
                  <a:off x="10495365" y="3526787"/>
                  <a:ext cx="30163" cy="30163"/>
                </a:xfrm>
                <a:custGeom>
                  <a:avLst/>
                  <a:gdLst/>
                  <a:ahLst/>
                  <a:cxnLst>
                    <a:cxn ang="0">
                      <a:pos x="101" y="182"/>
                    </a:cxn>
                    <a:cxn ang="0">
                      <a:pos x="119" y="179"/>
                    </a:cxn>
                    <a:cxn ang="0">
                      <a:pos x="135" y="172"/>
                    </a:cxn>
                    <a:cxn ang="0">
                      <a:pos x="150" y="162"/>
                    </a:cxn>
                    <a:cxn ang="0">
                      <a:pos x="162" y="150"/>
                    </a:cxn>
                    <a:cxn ang="0">
                      <a:pos x="172" y="134"/>
                    </a:cxn>
                    <a:cxn ang="0">
                      <a:pos x="178" y="119"/>
                    </a:cxn>
                    <a:cxn ang="0">
                      <a:pos x="182" y="101"/>
                    </a:cxn>
                    <a:cxn ang="0">
                      <a:pos x="182" y="82"/>
                    </a:cxn>
                    <a:cxn ang="0">
                      <a:pos x="178"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6"/>
                      </a:lnTo>
                      <a:lnTo>
                        <a:pt x="135" y="172"/>
                      </a:lnTo>
                      <a:lnTo>
                        <a:pt x="142" y="168"/>
                      </a:lnTo>
                      <a:lnTo>
                        <a:pt x="150" y="162"/>
                      </a:lnTo>
                      <a:lnTo>
                        <a:pt x="156" y="156"/>
                      </a:lnTo>
                      <a:lnTo>
                        <a:pt x="162" y="150"/>
                      </a:lnTo>
                      <a:lnTo>
                        <a:pt x="167"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7" y="40"/>
                      </a:lnTo>
                      <a:lnTo>
                        <a:pt x="162" y="34"/>
                      </a:lnTo>
                      <a:lnTo>
                        <a:pt x="156" y="27"/>
                      </a:lnTo>
                      <a:lnTo>
                        <a:pt x="150" y="21"/>
                      </a:lnTo>
                      <a:lnTo>
                        <a:pt x="142" y="16"/>
                      </a:lnTo>
                      <a:lnTo>
                        <a:pt x="135" y="11"/>
                      </a:lnTo>
                      <a:lnTo>
                        <a:pt x="127" y="7"/>
                      </a:lnTo>
                      <a:lnTo>
                        <a:pt x="119" y="5"/>
                      </a:lnTo>
                      <a:lnTo>
                        <a:pt x="110" y="2"/>
                      </a:lnTo>
                      <a:lnTo>
                        <a:pt x="101" y="0"/>
                      </a:lnTo>
                      <a:lnTo>
                        <a:pt x="92"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8" y="56"/>
                      </a:lnTo>
                      <a:lnTo>
                        <a:pt x="4" y="65"/>
                      </a:lnTo>
                      <a:lnTo>
                        <a:pt x="2" y="73"/>
                      </a:lnTo>
                      <a:lnTo>
                        <a:pt x="1" y="82"/>
                      </a:lnTo>
                      <a:lnTo>
                        <a:pt x="0" y="91"/>
                      </a:lnTo>
                      <a:lnTo>
                        <a:pt x="1" y="101"/>
                      </a:lnTo>
                      <a:lnTo>
                        <a:pt x="2" y="110"/>
                      </a:lnTo>
                      <a:lnTo>
                        <a:pt x="4" y="119"/>
                      </a:lnTo>
                      <a:lnTo>
                        <a:pt x="8"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0" name="Freeform 72"/>
                <p:cNvSpPr>
                  <a:spLocks/>
                </p:cNvSpPr>
                <p:nvPr/>
              </p:nvSpPr>
              <p:spPr bwMode="auto">
                <a:xfrm>
                  <a:off x="10536640" y="3526787"/>
                  <a:ext cx="28575" cy="30163"/>
                </a:xfrm>
                <a:custGeom>
                  <a:avLst/>
                  <a:gdLst/>
                  <a:ahLst/>
                  <a:cxnLst>
                    <a:cxn ang="0">
                      <a:pos x="101" y="182"/>
                    </a:cxn>
                    <a:cxn ang="0">
                      <a:pos x="118" y="179"/>
                    </a:cxn>
                    <a:cxn ang="0">
                      <a:pos x="135" y="172"/>
                    </a:cxn>
                    <a:cxn ang="0">
                      <a:pos x="149" y="162"/>
                    </a:cxn>
                    <a:cxn ang="0">
                      <a:pos x="162" y="150"/>
                    </a:cxn>
                    <a:cxn ang="0">
                      <a:pos x="172" y="134"/>
                    </a:cxn>
                    <a:cxn ang="0">
                      <a:pos x="178" y="119"/>
                    </a:cxn>
                    <a:cxn ang="0">
                      <a:pos x="183" y="101"/>
                    </a:cxn>
                    <a:cxn ang="0">
                      <a:pos x="183" y="82"/>
                    </a:cxn>
                    <a:cxn ang="0">
                      <a:pos x="178" y="65"/>
                    </a:cxn>
                    <a:cxn ang="0">
                      <a:pos x="172" y="48"/>
                    </a:cxn>
                    <a:cxn ang="0">
                      <a:pos x="162" y="34"/>
                    </a:cxn>
                    <a:cxn ang="0">
                      <a:pos x="149" y="21"/>
                    </a:cxn>
                    <a:cxn ang="0">
                      <a:pos x="135" y="11"/>
                    </a:cxn>
                    <a:cxn ang="0">
                      <a:pos x="118" y="5"/>
                    </a:cxn>
                    <a:cxn ang="0">
                      <a:pos x="101" y="0"/>
                    </a:cxn>
                    <a:cxn ang="0">
                      <a:pos x="82" y="0"/>
                    </a:cxn>
                    <a:cxn ang="0">
                      <a:pos x="64" y="5"/>
                    </a:cxn>
                    <a:cxn ang="0">
                      <a:pos x="47"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6"/>
                      </a:lnTo>
                      <a:lnTo>
                        <a:pt x="135" y="172"/>
                      </a:lnTo>
                      <a:lnTo>
                        <a:pt x="143" y="168"/>
                      </a:lnTo>
                      <a:lnTo>
                        <a:pt x="149" y="162"/>
                      </a:lnTo>
                      <a:lnTo>
                        <a:pt x="156" y="156"/>
                      </a:lnTo>
                      <a:lnTo>
                        <a:pt x="162" y="150"/>
                      </a:lnTo>
                      <a:lnTo>
                        <a:pt x="167" y="142"/>
                      </a:lnTo>
                      <a:lnTo>
                        <a:pt x="172" y="134"/>
                      </a:lnTo>
                      <a:lnTo>
                        <a:pt x="176" y="127"/>
                      </a:lnTo>
                      <a:lnTo>
                        <a:pt x="178" y="119"/>
                      </a:lnTo>
                      <a:lnTo>
                        <a:pt x="180" y="110"/>
                      </a:lnTo>
                      <a:lnTo>
                        <a:pt x="183" y="101"/>
                      </a:lnTo>
                      <a:lnTo>
                        <a:pt x="183" y="91"/>
                      </a:lnTo>
                      <a:lnTo>
                        <a:pt x="183" y="82"/>
                      </a:lnTo>
                      <a:lnTo>
                        <a:pt x="180" y="73"/>
                      </a:lnTo>
                      <a:lnTo>
                        <a:pt x="178" y="65"/>
                      </a:lnTo>
                      <a:lnTo>
                        <a:pt x="176" y="56"/>
                      </a:lnTo>
                      <a:lnTo>
                        <a:pt x="172" y="48"/>
                      </a:lnTo>
                      <a:lnTo>
                        <a:pt x="167" y="40"/>
                      </a:lnTo>
                      <a:lnTo>
                        <a:pt x="162" y="34"/>
                      </a:lnTo>
                      <a:lnTo>
                        <a:pt x="156" y="27"/>
                      </a:lnTo>
                      <a:lnTo>
                        <a:pt x="149" y="21"/>
                      </a:lnTo>
                      <a:lnTo>
                        <a:pt x="143" y="16"/>
                      </a:lnTo>
                      <a:lnTo>
                        <a:pt x="135" y="11"/>
                      </a:lnTo>
                      <a:lnTo>
                        <a:pt x="127" y="7"/>
                      </a:lnTo>
                      <a:lnTo>
                        <a:pt x="118" y="5"/>
                      </a:lnTo>
                      <a:lnTo>
                        <a:pt x="109" y="2"/>
                      </a:lnTo>
                      <a:lnTo>
                        <a:pt x="101" y="0"/>
                      </a:lnTo>
                      <a:lnTo>
                        <a:pt x="92" y="0"/>
                      </a:lnTo>
                      <a:lnTo>
                        <a:pt x="82" y="0"/>
                      </a:lnTo>
                      <a:lnTo>
                        <a:pt x="73" y="2"/>
                      </a:lnTo>
                      <a:lnTo>
                        <a:pt x="64" y="5"/>
                      </a:lnTo>
                      <a:lnTo>
                        <a:pt x="56" y="7"/>
                      </a:lnTo>
                      <a:lnTo>
                        <a:pt x="47" y="11"/>
                      </a:lnTo>
                      <a:lnTo>
                        <a:pt x="41" y="16"/>
                      </a:lnTo>
                      <a:lnTo>
                        <a:pt x="33" y="21"/>
                      </a:lnTo>
                      <a:lnTo>
                        <a:pt x="26" y="27"/>
                      </a:lnTo>
                      <a:lnTo>
                        <a:pt x="21" y="34"/>
                      </a:lnTo>
                      <a:lnTo>
                        <a:pt x="15"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5" y="142"/>
                      </a:lnTo>
                      <a:lnTo>
                        <a:pt x="21" y="150"/>
                      </a:lnTo>
                      <a:lnTo>
                        <a:pt x="26" y="156"/>
                      </a:lnTo>
                      <a:lnTo>
                        <a:pt x="33" y="162"/>
                      </a:lnTo>
                      <a:lnTo>
                        <a:pt x="41" y="168"/>
                      </a:lnTo>
                      <a:lnTo>
                        <a:pt x="47" y="172"/>
                      </a:lnTo>
                      <a:lnTo>
                        <a:pt x="56"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1" name="Freeform 73"/>
                <p:cNvSpPr>
                  <a:spLocks/>
                </p:cNvSpPr>
                <p:nvPr/>
              </p:nvSpPr>
              <p:spPr bwMode="auto">
                <a:xfrm>
                  <a:off x="10576328" y="3526787"/>
                  <a:ext cx="28575" cy="30163"/>
                </a:xfrm>
                <a:custGeom>
                  <a:avLst/>
                  <a:gdLst/>
                  <a:ahLst/>
                  <a:cxnLst>
                    <a:cxn ang="0">
                      <a:pos x="100" y="182"/>
                    </a:cxn>
                    <a:cxn ang="0">
                      <a:pos x="118" y="179"/>
                    </a:cxn>
                    <a:cxn ang="0">
                      <a:pos x="135" y="172"/>
                    </a:cxn>
                    <a:cxn ang="0">
                      <a:pos x="149" y="162"/>
                    </a:cxn>
                    <a:cxn ang="0">
                      <a:pos x="161" y="150"/>
                    </a:cxn>
                    <a:cxn ang="0">
                      <a:pos x="171" y="134"/>
                    </a:cxn>
                    <a:cxn ang="0">
                      <a:pos x="178" y="119"/>
                    </a:cxn>
                    <a:cxn ang="0">
                      <a:pos x="182" y="101"/>
                    </a:cxn>
                    <a:cxn ang="0">
                      <a:pos x="182" y="82"/>
                    </a:cxn>
                    <a:cxn ang="0">
                      <a:pos x="178"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6"/>
                      </a:lnTo>
                      <a:lnTo>
                        <a:pt x="135" y="172"/>
                      </a:lnTo>
                      <a:lnTo>
                        <a:pt x="143" y="168"/>
                      </a:lnTo>
                      <a:lnTo>
                        <a:pt x="149" y="162"/>
                      </a:lnTo>
                      <a:lnTo>
                        <a:pt x="156" y="156"/>
                      </a:lnTo>
                      <a:lnTo>
                        <a:pt x="161" y="150"/>
                      </a:lnTo>
                      <a:lnTo>
                        <a:pt x="167" y="142"/>
                      </a:lnTo>
                      <a:lnTo>
                        <a:pt x="171" y="134"/>
                      </a:lnTo>
                      <a:lnTo>
                        <a:pt x="176" y="127"/>
                      </a:lnTo>
                      <a:lnTo>
                        <a:pt x="178" y="119"/>
                      </a:lnTo>
                      <a:lnTo>
                        <a:pt x="180" y="110"/>
                      </a:lnTo>
                      <a:lnTo>
                        <a:pt x="182" y="101"/>
                      </a:lnTo>
                      <a:lnTo>
                        <a:pt x="182" y="91"/>
                      </a:lnTo>
                      <a:lnTo>
                        <a:pt x="182" y="82"/>
                      </a:lnTo>
                      <a:lnTo>
                        <a:pt x="180" y="73"/>
                      </a:lnTo>
                      <a:lnTo>
                        <a:pt x="178" y="65"/>
                      </a:lnTo>
                      <a:lnTo>
                        <a:pt x="176" y="56"/>
                      </a:lnTo>
                      <a:lnTo>
                        <a:pt x="171" y="48"/>
                      </a:lnTo>
                      <a:lnTo>
                        <a:pt x="167" y="40"/>
                      </a:lnTo>
                      <a:lnTo>
                        <a:pt x="161" y="34"/>
                      </a:lnTo>
                      <a:lnTo>
                        <a:pt x="156" y="27"/>
                      </a:lnTo>
                      <a:lnTo>
                        <a:pt x="149" y="21"/>
                      </a:lnTo>
                      <a:lnTo>
                        <a:pt x="143" y="16"/>
                      </a:lnTo>
                      <a:lnTo>
                        <a:pt x="135" y="11"/>
                      </a:lnTo>
                      <a:lnTo>
                        <a:pt x="127" y="7"/>
                      </a:lnTo>
                      <a:lnTo>
                        <a:pt x="118" y="5"/>
                      </a:lnTo>
                      <a:lnTo>
                        <a:pt x="109" y="2"/>
                      </a:lnTo>
                      <a:lnTo>
                        <a:pt x="100" y="0"/>
                      </a:lnTo>
                      <a:lnTo>
                        <a:pt x="92" y="0"/>
                      </a:lnTo>
                      <a:lnTo>
                        <a:pt x="82" y="0"/>
                      </a:lnTo>
                      <a:lnTo>
                        <a:pt x="73" y="2"/>
                      </a:lnTo>
                      <a:lnTo>
                        <a:pt x="64" y="5"/>
                      </a:lnTo>
                      <a:lnTo>
                        <a:pt x="56" y="7"/>
                      </a:lnTo>
                      <a:lnTo>
                        <a:pt x="48" y="11"/>
                      </a:lnTo>
                      <a:lnTo>
                        <a:pt x="41" y="16"/>
                      </a:lnTo>
                      <a:lnTo>
                        <a:pt x="33" y="21"/>
                      </a:lnTo>
                      <a:lnTo>
                        <a:pt x="27" y="27"/>
                      </a:lnTo>
                      <a:lnTo>
                        <a:pt x="21" y="34"/>
                      </a:lnTo>
                      <a:lnTo>
                        <a:pt x="16"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6" y="142"/>
                      </a:lnTo>
                      <a:lnTo>
                        <a:pt x="21" y="150"/>
                      </a:lnTo>
                      <a:lnTo>
                        <a:pt x="27" y="156"/>
                      </a:lnTo>
                      <a:lnTo>
                        <a:pt x="33" y="162"/>
                      </a:lnTo>
                      <a:lnTo>
                        <a:pt x="41" y="168"/>
                      </a:lnTo>
                      <a:lnTo>
                        <a:pt x="48" y="172"/>
                      </a:lnTo>
                      <a:lnTo>
                        <a:pt x="56"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2" name="Freeform 74"/>
                <p:cNvSpPr>
                  <a:spLocks/>
                </p:cNvSpPr>
                <p:nvPr/>
              </p:nvSpPr>
              <p:spPr bwMode="auto">
                <a:xfrm>
                  <a:off x="10616015" y="3526787"/>
                  <a:ext cx="28575" cy="30163"/>
                </a:xfrm>
                <a:custGeom>
                  <a:avLst/>
                  <a:gdLst/>
                  <a:ahLst/>
                  <a:cxnLst>
                    <a:cxn ang="0">
                      <a:pos x="100" y="182"/>
                    </a:cxn>
                    <a:cxn ang="0">
                      <a:pos x="118" y="179"/>
                    </a:cxn>
                    <a:cxn ang="0">
                      <a:pos x="135"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4" y="21"/>
                    </a:cxn>
                    <a:cxn ang="0">
                      <a:pos x="20" y="34"/>
                    </a:cxn>
                    <a:cxn ang="0">
                      <a:pos x="10" y="48"/>
                    </a:cxn>
                    <a:cxn ang="0">
                      <a:pos x="4" y="65"/>
                    </a:cxn>
                    <a:cxn ang="0">
                      <a:pos x="0" y="82"/>
                    </a:cxn>
                    <a:cxn ang="0">
                      <a:pos x="0" y="101"/>
                    </a:cxn>
                    <a:cxn ang="0">
                      <a:pos x="4" y="119"/>
                    </a:cxn>
                    <a:cxn ang="0">
                      <a:pos x="10" y="134"/>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6"/>
                      </a:lnTo>
                      <a:lnTo>
                        <a:pt x="135" y="172"/>
                      </a:lnTo>
                      <a:lnTo>
                        <a:pt x="142" y="168"/>
                      </a:lnTo>
                      <a:lnTo>
                        <a:pt x="149" y="162"/>
                      </a:lnTo>
                      <a:lnTo>
                        <a:pt x="156" y="156"/>
                      </a:lnTo>
                      <a:lnTo>
                        <a:pt x="161" y="150"/>
                      </a:lnTo>
                      <a:lnTo>
                        <a:pt x="167" y="142"/>
                      </a:lnTo>
                      <a:lnTo>
                        <a:pt x="171" y="134"/>
                      </a:lnTo>
                      <a:lnTo>
                        <a:pt x="176" y="127"/>
                      </a:lnTo>
                      <a:lnTo>
                        <a:pt x="179" y="119"/>
                      </a:lnTo>
                      <a:lnTo>
                        <a:pt x="181" y="110"/>
                      </a:lnTo>
                      <a:lnTo>
                        <a:pt x="182" y="101"/>
                      </a:lnTo>
                      <a:lnTo>
                        <a:pt x="182" y="91"/>
                      </a:lnTo>
                      <a:lnTo>
                        <a:pt x="182" y="82"/>
                      </a:lnTo>
                      <a:lnTo>
                        <a:pt x="181" y="73"/>
                      </a:lnTo>
                      <a:lnTo>
                        <a:pt x="179" y="65"/>
                      </a:lnTo>
                      <a:lnTo>
                        <a:pt x="176" y="56"/>
                      </a:lnTo>
                      <a:lnTo>
                        <a:pt x="171" y="48"/>
                      </a:lnTo>
                      <a:lnTo>
                        <a:pt x="167" y="40"/>
                      </a:lnTo>
                      <a:lnTo>
                        <a:pt x="161" y="34"/>
                      </a:lnTo>
                      <a:lnTo>
                        <a:pt x="156" y="27"/>
                      </a:lnTo>
                      <a:lnTo>
                        <a:pt x="149" y="21"/>
                      </a:lnTo>
                      <a:lnTo>
                        <a:pt x="142" y="16"/>
                      </a:lnTo>
                      <a:lnTo>
                        <a:pt x="135" y="11"/>
                      </a:lnTo>
                      <a:lnTo>
                        <a:pt x="127" y="7"/>
                      </a:lnTo>
                      <a:lnTo>
                        <a:pt x="118" y="5"/>
                      </a:lnTo>
                      <a:lnTo>
                        <a:pt x="109" y="2"/>
                      </a:lnTo>
                      <a:lnTo>
                        <a:pt x="100" y="0"/>
                      </a:lnTo>
                      <a:lnTo>
                        <a:pt x="91" y="0"/>
                      </a:lnTo>
                      <a:lnTo>
                        <a:pt x="82" y="0"/>
                      </a:lnTo>
                      <a:lnTo>
                        <a:pt x="73" y="2"/>
                      </a:lnTo>
                      <a:lnTo>
                        <a:pt x="64" y="5"/>
                      </a:lnTo>
                      <a:lnTo>
                        <a:pt x="56" y="7"/>
                      </a:lnTo>
                      <a:lnTo>
                        <a:pt x="48" y="11"/>
                      </a:lnTo>
                      <a:lnTo>
                        <a:pt x="40" y="16"/>
                      </a:lnTo>
                      <a:lnTo>
                        <a:pt x="34" y="21"/>
                      </a:lnTo>
                      <a:lnTo>
                        <a:pt x="27" y="27"/>
                      </a:lnTo>
                      <a:lnTo>
                        <a:pt x="20" y="34"/>
                      </a:lnTo>
                      <a:lnTo>
                        <a:pt x="16" y="40"/>
                      </a:lnTo>
                      <a:lnTo>
                        <a:pt x="10" y="48"/>
                      </a:lnTo>
                      <a:lnTo>
                        <a:pt x="7" y="56"/>
                      </a:lnTo>
                      <a:lnTo>
                        <a:pt x="4" y="65"/>
                      </a:lnTo>
                      <a:lnTo>
                        <a:pt x="2" y="73"/>
                      </a:lnTo>
                      <a:lnTo>
                        <a:pt x="0" y="82"/>
                      </a:lnTo>
                      <a:lnTo>
                        <a:pt x="0" y="91"/>
                      </a:lnTo>
                      <a:lnTo>
                        <a:pt x="0" y="101"/>
                      </a:lnTo>
                      <a:lnTo>
                        <a:pt x="2" y="110"/>
                      </a:lnTo>
                      <a:lnTo>
                        <a:pt x="4" y="119"/>
                      </a:lnTo>
                      <a:lnTo>
                        <a:pt x="7" y="127"/>
                      </a:lnTo>
                      <a:lnTo>
                        <a:pt x="10" y="134"/>
                      </a:lnTo>
                      <a:lnTo>
                        <a:pt x="16" y="142"/>
                      </a:lnTo>
                      <a:lnTo>
                        <a:pt x="20" y="150"/>
                      </a:lnTo>
                      <a:lnTo>
                        <a:pt x="27" y="156"/>
                      </a:lnTo>
                      <a:lnTo>
                        <a:pt x="34" y="162"/>
                      </a:lnTo>
                      <a:lnTo>
                        <a:pt x="40" y="168"/>
                      </a:lnTo>
                      <a:lnTo>
                        <a:pt x="48" y="172"/>
                      </a:lnTo>
                      <a:lnTo>
                        <a:pt x="56"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3" name="Freeform 75"/>
                <p:cNvSpPr>
                  <a:spLocks/>
                </p:cNvSpPr>
                <p:nvPr/>
              </p:nvSpPr>
              <p:spPr bwMode="auto">
                <a:xfrm>
                  <a:off x="11073215" y="2586987"/>
                  <a:ext cx="203200" cy="34925"/>
                </a:xfrm>
                <a:custGeom>
                  <a:avLst/>
                  <a:gdLst/>
                  <a:ahLst/>
                  <a:cxnLst>
                    <a:cxn ang="0">
                      <a:pos x="1169" y="0"/>
                    </a:cxn>
                    <a:cxn ang="0">
                      <a:pos x="1190" y="2"/>
                    </a:cxn>
                    <a:cxn ang="0">
                      <a:pos x="1212" y="8"/>
                    </a:cxn>
                    <a:cxn ang="0">
                      <a:pos x="1229" y="18"/>
                    </a:cxn>
                    <a:cxn ang="0">
                      <a:pos x="1246" y="32"/>
                    </a:cxn>
                    <a:cxn ang="0">
                      <a:pos x="1259" y="47"/>
                    </a:cxn>
                    <a:cxn ang="0">
                      <a:pos x="1269" y="66"/>
                    </a:cxn>
                    <a:cxn ang="0">
                      <a:pos x="1276" y="87"/>
                    </a:cxn>
                    <a:cxn ang="0">
                      <a:pos x="1278" y="108"/>
                    </a:cxn>
                    <a:cxn ang="0">
                      <a:pos x="1276" y="131"/>
                    </a:cxn>
                    <a:cxn ang="0">
                      <a:pos x="1269" y="150"/>
                    </a:cxn>
                    <a:cxn ang="0">
                      <a:pos x="1259" y="169"/>
                    </a:cxn>
                    <a:cxn ang="0">
                      <a:pos x="1246" y="186"/>
                    </a:cxn>
                    <a:cxn ang="0">
                      <a:pos x="1229" y="199"/>
                    </a:cxn>
                    <a:cxn ang="0">
                      <a:pos x="1212" y="209"/>
                    </a:cxn>
                    <a:cxn ang="0">
                      <a:pos x="1190" y="215"/>
                    </a:cxn>
                    <a:cxn ang="0">
                      <a:pos x="1169" y="217"/>
                    </a:cxn>
                    <a:cxn ang="0">
                      <a:pos x="97" y="217"/>
                    </a:cxn>
                    <a:cxn ang="0">
                      <a:pos x="76" y="213"/>
                    </a:cxn>
                    <a:cxn ang="0">
                      <a:pos x="56" y="205"/>
                    </a:cxn>
                    <a:cxn ang="0">
                      <a:pos x="38" y="193"/>
                    </a:cxn>
                    <a:cxn ang="0">
                      <a:pos x="24" y="178"/>
                    </a:cxn>
                    <a:cxn ang="0">
                      <a:pos x="12" y="160"/>
                    </a:cxn>
                    <a:cxn ang="0">
                      <a:pos x="4" y="141"/>
                    </a:cxn>
                    <a:cxn ang="0">
                      <a:pos x="0" y="119"/>
                    </a:cxn>
                    <a:cxn ang="0">
                      <a:pos x="0" y="97"/>
                    </a:cxn>
                    <a:cxn ang="0">
                      <a:pos x="4" y="76"/>
                    </a:cxn>
                    <a:cxn ang="0">
                      <a:pos x="12" y="57"/>
                    </a:cxn>
                    <a:cxn ang="0">
                      <a:pos x="24" y="40"/>
                    </a:cxn>
                    <a:cxn ang="0">
                      <a:pos x="38" y="25"/>
                    </a:cxn>
                    <a:cxn ang="0">
                      <a:pos x="56" y="13"/>
                    </a:cxn>
                    <a:cxn ang="0">
                      <a:pos x="76" y="4"/>
                    </a:cxn>
                    <a:cxn ang="0">
                      <a:pos x="97" y="1"/>
                    </a:cxn>
                  </a:cxnLst>
                  <a:rect l="0" t="0" r="r" b="b"/>
                  <a:pathLst>
                    <a:path w="1278" h="217">
                      <a:moveTo>
                        <a:pt x="108" y="0"/>
                      </a:moveTo>
                      <a:lnTo>
                        <a:pt x="1169" y="0"/>
                      </a:lnTo>
                      <a:lnTo>
                        <a:pt x="1180" y="1"/>
                      </a:lnTo>
                      <a:lnTo>
                        <a:pt x="1190" y="2"/>
                      </a:lnTo>
                      <a:lnTo>
                        <a:pt x="1202" y="4"/>
                      </a:lnTo>
                      <a:lnTo>
                        <a:pt x="1212" y="8"/>
                      </a:lnTo>
                      <a:lnTo>
                        <a:pt x="1220" y="13"/>
                      </a:lnTo>
                      <a:lnTo>
                        <a:pt x="1229" y="18"/>
                      </a:lnTo>
                      <a:lnTo>
                        <a:pt x="1238" y="25"/>
                      </a:lnTo>
                      <a:lnTo>
                        <a:pt x="1246" y="32"/>
                      </a:lnTo>
                      <a:lnTo>
                        <a:pt x="1253" y="40"/>
                      </a:lnTo>
                      <a:lnTo>
                        <a:pt x="1259" y="47"/>
                      </a:lnTo>
                      <a:lnTo>
                        <a:pt x="1265" y="57"/>
                      </a:lnTo>
                      <a:lnTo>
                        <a:pt x="1269" y="66"/>
                      </a:lnTo>
                      <a:lnTo>
                        <a:pt x="1272" y="76"/>
                      </a:lnTo>
                      <a:lnTo>
                        <a:pt x="1276" y="87"/>
                      </a:lnTo>
                      <a:lnTo>
                        <a:pt x="1277" y="97"/>
                      </a:lnTo>
                      <a:lnTo>
                        <a:pt x="1278" y="108"/>
                      </a:lnTo>
                      <a:lnTo>
                        <a:pt x="1277" y="119"/>
                      </a:lnTo>
                      <a:lnTo>
                        <a:pt x="1276" y="131"/>
                      </a:lnTo>
                      <a:lnTo>
                        <a:pt x="1272" y="141"/>
                      </a:lnTo>
                      <a:lnTo>
                        <a:pt x="1269" y="150"/>
                      </a:lnTo>
                      <a:lnTo>
                        <a:pt x="1265" y="160"/>
                      </a:lnTo>
                      <a:lnTo>
                        <a:pt x="1259" y="169"/>
                      </a:lnTo>
                      <a:lnTo>
                        <a:pt x="1253" y="178"/>
                      </a:lnTo>
                      <a:lnTo>
                        <a:pt x="1246" y="186"/>
                      </a:lnTo>
                      <a:lnTo>
                        <a:pt x="1238" y="193"/>
                      </a:lnTo>
                      <a:lnTo>
                        <a:pt x="1229" y="199"/>
                      </a:lnTo>
                      <a:lnTo>
                        <a:pt x="1220" y="205"/>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5"/>
                      </a:lnTo>
                      <a:lnTo>
                        <a:pt x="47" y="199"/>
                      </a:lnTo>
                      <a:lnTo>
                        <a:pt x="38" y="193"/>
                      </a:lnTo>
                      <a:lnTo>
                        <a:pt x="31" y="186"/>
                      </a:lnTo>
                      <a:lnTo>
                        <a:pt x="24" y="178"/>
                      </a:lnTo>
                      <a:lnTo>
                        <a:pt x="17" y="169"/>
                      </a:lnTo>
                      <a:lnTo>
                        <a:pt x="12" y="160"/>
                      </a:lnTo>
                      <a:lnTo>
                        <a:pt x="7" y="150"/>
                      </a:lnTo>
                      <a:lnTo>
                        <a:pt x="4" y="141"/>
                      </a:lnTo>
                      <a:lnTo>
                        <a:pt x="2" y="131"/>
                      </a:lnTo>
                      <a:lnTo>
                        <a:pt x="0" y="119"/>
                      </a:lnTo>
                      <a:lnTo>
                        <a:pt x="0" y="108"/>
                      </a:lnTo>
                      <a:lnTo>
                        <a:pt x="0" y="97"/>
                      </a:lnTo>
                      <a:lnTo>
                        <a:pt x="2" y="87"/>
                      </a:lnTo>
                      <a:lnTo>
                        <a:pt x="4" y="76"/>
                      </a:lnTo>
                      <a:lnTo>
                        <a:pt x="7" y="66"/>
                      </a:lnTo>
                      <a:lnTo>
                        <a:pt x="12" y="57"/>
                      </a:lnTo>
                      <a:lnTo>
                        <a:pt x="17" y="47"/>
                      </a:lnTo>
                      <a:lnTo>
                        <a:pt x="24" y="40"/>
                      </a:lnTo>
                      <a:lnTo>
                        <a:pt x="31" y="32"/>
                      </a:lnTo>
                      <a:lnTo>
                        <a:pt x="38"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4" name="Freeform 76"/>
                <p:cNvSpPr>
                  <a:spLocks/>
                </p:cNvSpPr>
                <p:nvPr/>
              </p:nvSpPr>
              <p:spPr bwMode="auto">
                <a:xfrm>
                  <a:off x="10455678" y="2588574"/>
                  <a:ext cx="28575" cy="28575"/>
                </a:xfrm>
                <a:custGeom>
                  <a:avLst/>
                  <a:gdLst/>
                  <a:ahLst/>
                  <a:cxnLst>
                    <a:cxn ang="0">
                      <a:pos x="101" y="183"/>
                    </a:cxn>
                    <a:cxn ang="0">
                      <a:pos x="119" y="179"/>
                    </a:cxn>
                    <a:cxn ang="0">
                      <a:pos x="135" y="172"/>
                    </a:cxn>
                    <a:cxn ang="0">
                      <a:pos x="150" y="162"/>
                    </a:cxn>
                    <a:cxn ang="0">
                      <a:pos x="162" y="150"/>
                    </a:cxn>
                    <a:cxn ang="0">
                      <a:pos x="172" y="136"/>
                    </a:cxn>
                    <a:cxn ang="0">
                      <a:pos x="179" y="119"/>
                    </a:cxn>
                    <a:cxn ang="0">
                      <a:pos x="182" y="101"/>
                    </a:cxn>
                    <a:cxn ang="0">
                      <a:pos x="182" y="82"/>
                    </a:cxn>
                    <a:cxn ang="0">
                      <a:pos x="179"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9" y="179"/>
                      </a:lnTo>
                      <a:lnTo>
                        <a:pt x="126" y="177"/>
                      </a:lnTo>
                      <a:lnTo>
                        <a:pt x="135" y="172"/>
                      </a:lnTo>
                      <a:lnTo>
                        <a:pt x="142" y="168"/>
                      </a:lnTo>
                      <a:lnTo>
                        <a:pt x="150" y="162"/>
                      </a:lnTo>
                      <a:lnTo>
                        <a:pt x="156" y="157"/>
                      </a:lnTo>
                      <a:lnTo>
                        <a:pt x="162" y="150"/>
                      </a:lnTo>
                      <a:lnTo>
                        <a:pt x="167" y="143"/>
                      </a:lnTo>
                      <a:lnTo>
                        <a:pt x="172" y="136"/>
                      </a:lnTo>
                      <a:lnTo>
                        <a:pt x="175" y="128"/>
                      </a:lnTo>
                      <a:lnTo>
                        <a:pt x="179" y="119"/>
                      </a:lnTo>
                      <a:lnTo>
                        <a:pt x="181" y="110"/>
                      </a:lnTo>
                      <a:lnTo>
                        <a:pt x="182" y="101"/>
                      </a:lnTo>
                      <a:lnTo>
                        <a:pt x="183" y="92"/>
                      </a:lnTo>
                      <a:lnTo>
                        <a:pt x="182" y="82"/>
                      </a:lnTo>
                      <a:lnTo>
                        <a:pt x="181" y="73"/>
                      </a:lnTo>
                      <a:lnTo>
                        <a:pt x="179" y="65"/>
                      </a:lnTo>
                      <a:lnTo>
                        <a:pt x="175" y="57"/>
                      </a:lnTo>
                      <a:lnTo>
                        <a:pt x="172" y="49"/>
                      </a:lnTo>
                      <a:lnTo>
                        <a:pt x="167" y="41"/>
                      </a:lnTo>
                      <a:lnTo>
                        <a:pt x="162" y="34"/>
                      </a:lnTo>
                      <a:lnTo>
                        <a:pt x="156" y="28"/>
                      </a:lnTo>
                      <a:lnTo>
                        <a:pt x="150" y="21"/>
                      </a:lnTo>
                      <a:lnTo>
                        <a:pt x="142" y="16"/>
                      </a:lnTo>
                      <a:lnTo>
                        <a:pt x="135" y="11"/>
                      </a:lnTo>
                      <a:lnTo>
                        <a:pt x="126" y="8"/>
                      </a:lnTo>
                      <a:lnTo>
                        <a:pt x="119" y="5"/>
                      </a:lnTo>
                      <a:lnTo>
                        <a:pt x="110" y="2"/>
                      </a:lnTo>
                      <a:lnTo>
                        <a:pt x="101" y="1"/>
                      </a:lnTo>
                      <a:lnTo>
                        <a:pt x="91" y="0"/>
                      </a:lnTo>
                      <a:lnTo>
                        <a:pt x="82" y="1"/>
                      </a:lnTo>
                      <a:lnTo>
                        <a:pt x="73" y="2"/>
                      </a:lnTo>
                      <a:lnTo>
                        <a:pt x="64" y="5"/>
                      </a:lnTo>
                      <a:lnTo>
                        <a:pt x="55" y="8"/>
                      </a:lnTo>
                      <a:lnTo>
                        <a:pt x="48" y="11"/>
                      </a:lnTo>
                      <a:lnTo>
                        <a:pt x="40" y="16"/>
                      </a:lnTo>
                      <a:lnTo>
                        <a:pt x="33" y="21"/>
                      </a:lnTo>
                      <a:lnTo>
                        <a:pt x="27" y="28"/>
                      </a:lnTo>
                      <a:lnTo>
                        <a:pt x="21" y="34"/>
                      </a:lnTo>
                      <a:lnTo>
                        <a:pt x="16" y="41"/>
                      </a:lnTo>
                      <a:lnTo>
                        <a:pt x="11" y="49"/>
                      </a:lnTo>
                      <a:lnTo>
                        <a:pt x="7" y="57"/>
                      </a:lnTo>
                      <a:lnTo>
                        <a:pt x="4" y="65"/>
                      </a:lnTo>
                      <a:lnTo>
                        <a:pt x="2" y="73"/>
                      </a:lnTo>
                      <a:lnTo>
                        <a:pt x="0" y="82"/>
                      </a:lnTo>
                      <a:lnTo>
                        <a:pt x="0" y="92"/>
                      </a:lnTo>
                      <a:lnTo>
                        <a:pt x="0" y="101"/>
                      </a:lnTo>
                      <a:lnTo>
                        <a:pt x="2" y="110"/>
                      </a:lnTo>
                      <a:lnTo>
                        <a:pt x="4" y="119"/>
                      </a:lnTo>
                      <a:lnTo>
                        <a:pt x="7" y="128"/>
                      </a:lnTo>
                      <a:lnTo>
                        <a:pt x="11" y="136"/>
                      </a:lnTo>
                      <a:lnTo>
                        <a:pt x="16" y="143"/>
                      </a:lnTo>
                      <a:lnTo>
                        <a:pt x="21" y="150"/>
                      </a:lnTo>
                      <a:lnTo>
                        <a:pt x="27"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5" name="Freeform 77"/>
                <p:cNvSpPr>
                  <a:spLocks/>
                </p:cNvSpPr>
                <p:nvPr/>
              </p:nvSpPr>
              <p:spPr bwMode="auto">
                <a:xfrm>
                  <a:off x="10495365" y="2588574"/>
                  <a:ext cx="30163" cy="28575"/>
                </a:xfrm>
                <a:custGeom>
                  <a:avLst/>
                  <a:gdLst/>
                  <a:ahLst/>
                  <a:cxnLst>
                    <a:cxn ang="0">
                      <a:pos x="101" y="183"/>
                    </a:cxn>
                    <a:cxn ang="0">
                      <a:pos x="119" y="179"/>
                    </a:cxn>
                    <a:cxn ang="0">
                      <a:pos x="135" y="172"/>
                    </a:cxn>
                    <a:cxn ang="0">
                      <a:pos x="150" y="162"/>
                    </a:cxn>
                    <a:cxn ang="0">
                      <a:pos x="162" y="150"/>
                    </a:cxn>
                    <a:cxn ang="0">
                      <a:pos x="172" y="136"/>
                    </a:cxn>
                    <a:cxn ang="0">
                      <a:pos x="178" y="119"/>
                    </a:cxn>
                    <a:cxn ang="0">
                      <a:pos x="182" y="101"/>
                    </a:cxn>
                    <a:cxn ang="0">
                      <a:pos x="182" y="82"/>
                    </a:cxn>
                    <a:cxn ang="0">
                      <a:pos x="178"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3" h="183">
                      <a:moveTo>
                        <a:pt x="92" y="183"/>
                      </a:moveTo>
                      <a:lnTo>
                        <a:pt x="101" y="183"/>
                      </a:lnTo>
                      <a:lnTo>
                        <a:pt x="110" y="181"/>
                      </a:lnTo>
                      <a:lnTo>
                        <a:pt x="119" y="179"/>
                      </a:lnTo>
                      <a:lnTo>
                        <a:pt x="127" y="177"/>
                      </a:lnTo>
                      <a:lnTo>
                        <a:pt x="135" y="172"/>
                      </a:lnTo>
                      <a:lnTo>
                        <a:pt x="142" y="168"/>
                      </a:lnTo>
                      <a:lnTo>
                        <a:pt x="150" y="162"/>
                      </a:lnTo>
                      <a:lnTo>
                        <a:pt x="156" y="157"/>
                      </a:lnTo>
                      <a:lnTo>
                        <a:pt x="162" y="150"/>
                      </a:lnTo>
                      <a:lnTo>
                        <a:pt x="167"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7" y="41"/>
                      </a:lnTo>
                      <a:lnTo>
                        <a:pt x="162" y="34"/>
                      </a:lnTo>
                      <a:lnTo>
                        <a:pt x="156" y="28"/>
                      </a:lnTo>
                      <a:lnTo>
                        <a:pt x="150" y="21"/>
                      </a:lnTo>
                      <a:lnTo>
                        <a:pt x="142" y="16"/>
                      </a:lnTo>
                      <a:lnTo>
                        <a:pt x="135" y="11"/>
                      </a:lnTo>
                      <a:lnTo>
                        <a:pt x="127" y="8"/>
                      </a:lnTo>
                      <a:lnTo>
                        <a:pt x="119" y="5"/>
                      </a:lnTo>
                      <a:lnTo>
                        <a:pt x="110" y="2"/>
                      </a:lnTo>
                      <a:lnTo>
                        <a:pt x="101" y="1"/>
                      </a:lnTo>
                      <a:lnTo>
                        <a:pt x="92"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8" y="57"/>
                      </a:lnTo>
                      <a:lnTo>
                        <a:pt x="4" y="65"/>
                      </a:lnTo>
                      <a:lnTo>
                        <a:pt x="2" y="73"/>
                      </a:lnTo>
                      <a:lnTo>
                        <a:pt x="1" y="82"/>
                      </a:lnTo>
                      <a:lnTo>
                        <a:pt x="0" y="92"/>
                      </a:lnTo>
                      <a:lnTo>
                        <a:pt x="1" y="101"/>
                      </a:lnTo>
                      <a:lnTo>
                        <a:pt x="2" y="110"/>
                      </a:lnTo>
                      <a:lnTo>
                        <a:pt x="4" y="119"/>
                      </a:lnTo>
                      <a:lnTo>
                        <a:pt x="8"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6" name="Freeform 78"/>
                <p:cNvSpPr>
                  <a:spLocks/>
                </p:cNvSpPr>
                <p:nvPr/>
              </p:nvSpPr>
              <p:spPr bwMode="auto">
                <a:xfrm>
                  <a:off x="10536640" y="2588574"/>
                  <a:ext cx="28575" cy="28575"/>
                </a:xfrm>
                <a:custGeom>
                  <a:avLst/>
                  <a:gdLst/>
                  <a:ahLst/>
                  <a:cxnLst>
                    <a:cxn ang="0">
                      <a:pos x="101" y="183"/>
                    </a:cxn>
                    <a:cxn ang="0">
                      <a:pos x="118" y="179"/>
                    </a:cxn>
                    <a:cxn ang="0">
                      <a:pos x="135" y="172"/>
                    </a:cxn>
                    <a:cxn ang="0">
                      <a:pos x="149" y="162"/>
                    </a:cxn>
                    <a:cxn ang="0">
                      <a:pos x="162" y="150"/>
                    </a:cxn>
                    <a:cxn ang="0">
                      <a:pos x="172" y="136"/>
                    </a:cxn>
                    <a:cxn ang="0">
                      <a:pos x="178" y="119"/>
                    </a:cxn>
                    <a:cxn ang="0">
                      <a:pos x="183" y="101"/>
                    </a:cxn>
                    <a:cxn ang="0">
                      <a:pos x="183" y="82"/>
                    </a:cxn>
                    <a:cxn ang="0">
                      <a:pos x="178" y="65"/>
                    </a:cxn>
                    <a:cxn ang="0">
                      <a:pos x="172" y="49"/>
                    </a:cxn>
                    <a:cxn ang="0">
                      <a:pos x="162" y="34"/>
                    </a:cxn>
                    <a:cxn ang="0">
                      <a:pos x="149" y="21"/>
                    </a:cxn>
                    <a:cxn ang="0">
                      <a:pos x="135" y="11"/>
                    </a:cxn>
                    <a:cxn ang="0">
                      <a:pos x="118" y="5"/>
                    </a:cxn>
                    <a:cxn ang="0">
                      <a:pos x="101" y="1"/>
                    </a:cxn>
                    <a:cxn ang="0">
                      <a:pos x="82" y="1"/>
                    </a:cxn>
                    <a:cxn ang="0">
                      <a:pos x="64" y="5"/>
                    </a:cxn>
                    <a:cxn ang="0">
                      <a:pos x="47"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7" y="172"/>
                    </a:cxn>
                    <a:cxn ang="0">
                      <a:pos x="64" y="179"/>
                    </a:cxn>
                    <a:cxn ang="0">
                      <a:pos x="82" y="183"/>
                    </a:cxn>
                  </a:cxnLst>
                  <a:rect l="0" t="0" r="r" b="b"/>
                  <a:pathLst>
                    <a:path w="183" h="183">
                      <a:moveTo>
                        <a:pt x="92" y="183"/>
                      </a:moveTo>
                      <a:lnTo>
                        <a:pt x="101" y="183"/>
                      </a:lnTo>
                      <a:lnTo>
                        <a:pt x="109" y="181"/>
                      </a:lnTo>
                      <a:lnTo>
                        <a:pt x="118" y="179"/>
                      </a:lnTo>
                      <a:lnTo>
                        <a:pt x="127" y="177"/>
                      </a:lnTo>
                      <a:lnTo>
                        <a:pt x="135" y="172"/>
                      </a:lnTo>
                      <a:lnTo>
                        <a:pt x="143" y="168"/>
                      </a:lnTo>
                      <a:lnTo>
                        <a:pt x="149" y="162"/>
                      </a:lnTo>
                      <a:lnTo>
                        <a:pt x="156" y="157"/>
                      </a:lnTo>
                      <a:lnTo>
                        <a:pt x="162" y="150"/>
                      </a:lnTo>
                      <a:lnTo>
                        <a:pt x="167" y="143"/>
                      </a:lnTo>
                      <a:lnTo>
                        <a:pt x="172" y="136"/>
                      </a:lnTo>
                      <a:lnTo>
                        <a:pt x="176" y="128"/>
                      </a:lnTo>
                      <a:lnTo>
                        <a:pt x="178" y="119"/>
                      </a:lnTo>
                      <a:lnTo>
                        <a:pt x="180" y="110"/>
                      </a:lnTo>
                      <a:lnTo>
                        <a:pt x="183" y="101"/>
                      </a:lnTo>
                      <a:lnTo>
                        <a:pt x="183" y="92"/>
                      </a:lnTo>
                      <a:lnTo>
                        <a:pt x="183" y="82"/>
                      </a:lnTo>
                      <a:lnTo>
                        <a:pt x="180" y="73"/>
                      </a:lnTo>
                      <a:lnTo>
                        <a:pt x="178" y="65"/>
                      </a:lnTo>
                      <a:lnTo>
                        <a:pt x="176" y="57"/>
                      </a:lnTo>
                      <a:lnTo>
                        <a:pt x="172" y="49"/>
                      </a:lnTo>
                      <a:lnTo>
                        <a:pt x="167" y="41"/>
                      </a:lnTo>
                      <a:lnTo>
                        <a:pt x="162" y="34"/>
                      </a:lnTo>
                      <a:lnTo>
                        <a:pt x="156" y="28"/>
                      </a:lnTo>
                      <a:lnTo>
                        <a:pt x="149" y="21"/>
                      </a:lnTo>
                      <a:lnTo>
                        <a:pt x="143" y="16"/>
                      </a:lnTo>
                      <a:lnTo>
                        <a:pt x="135" y="11"/>
                      </a:lnTo>
                      <a:lnTo>
                        <a:pt x="127" y="8"/>
                      </a:lnTo>
                      <a:lnTo>
                        <a:pt x="118" y="5"/>
                      </a:lnTo>
                      <a:lnTo>
                        <a:pt x="109" y="2"/>
                      </a:lnTo>
                      <a:lnTo>
                        <a:pt x="101" y="1"/>
                      </a:lnTo>
                      <a:lnTo>
                        <a:pt x="92" y="0"/>
                      </a:lnTo>
                      <a:lnTo>
                        <a:pt x="82" y="1"/>
                      </a:lnTo>
                      <a:lnTo>
                        <a:pt x="73" y="2"/>
                      </a:lnTo>
                      <a:lnTo>
                        <a:pt x="64" y="5"/>
                      </a:lnTo>
                      <a:lnTo>
                        <a:pt x="56" y="8"/>
                      </a:lnTo>
                      <a:lnTo>
                        <a:pt x="47" y="11"/>
                      </a:lnTo>
                      <a:lnTo>
                        <a:pt x="41" y="16"/>
                      </a:lnTo>
                      <a:lnTo>
                        <a:pt x="33" y="21"/>
                      </a:lnTo>
                      <a:lnTo>
                        <a:pt x="26" y="28"/>
                      </a:lnTo>
                      <a:lnTo>
                        <a:pt x="21" y="34"/>
                      </a:lnTo>
                      <a:lnTo>
                        <a:pt x="15"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5" y="143"/>
                      </a:lnTo>
                      <a:lnTo>
                        <a:pt x="21" y="150"/>
                      </a:lnTo>
                      <a:lnTo>
                        <a:pt x="26" y="157"/>
                      </a:lnTo>
                      <a:lnTo>
                        <a:pt x="33" y="162"/>
                      </a:lnTo>
                      <a:lnTo>
                        <a:pt x="41" y="168"/>
                      </a:lnTo>
                      <a:lnTo>
                        <a:pt x="47" y="172"/>
                      </a:lnTo>
                      <a:lnTo>
                        <a:pt x="56"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7" name="Freeform 79"/>
                <p:cNvSpPr>
                  <a:spLocks/>
                </p:cNvSpPr>
                <p:nvPr/>
              </p:nvSpPr>
              <p:spPr bwMode="auto">
                <a:xfrm>
                  <a:off x="10576328" y="2588574"/>
                  <a:ext cx="28575" cy="28575"/>
                </a:xfrm>
                <a:custGeom>
                  <a:avLst/>
                  <a:gdLst/>
                  <a:ahLst/>
                  <a:cxnLst>
                    <a:cxn ang="0">
                      <a:pos x="100" y="183"/>
                    </a:cxn>
                    <a:cxn ang="0">
                      <a:pos x="118" y="179"/>
                    </a:cxn>
                    <a:cxn ang="0">
                      <a:pos x="135" y="172"/>
                    </a:cxn>
                    <a:cxn ang="0">
                      <a:pos x="149" y="162"/>
                    </a:cxn>
                    <a:cxn ang="0">
                      <a:pos x="161" y="150"/>
                    </a:cxn>
                    <a:cxn ang="0">
                      <a:pos x="171" y="136"/>
                    </a:cxn>
                    <a:cxn ang="0">
                      <a:pos x="178" y="119"/>
                    </a:cxn>
                    <a:cxn ang="0">
                      <a:pos x="182" y="101"/>
                    </a:cxn>
                    <a:cxn ang="0">
                      <a:pos x="182" y="82"/>
                    </a:cxn>
                    <a:cxn ang="0">
                      <a:pos x="178"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2" h="183">
                      <a:moveTo>
                        <a:pt x="92" y="183"/>
                      </a:moveTo>
                      <a:lnTo>
                        <a:pt x="100" y="183"/>
                      </a:lnTo>
                      <a:lnTo>
                        <a:pt x="109" y="181"/>
                      </a:lnTo>
                      <a:lnTo>
                        <a:pt x="118" y="179"/>
                      </a:lnTo>
                      <a:lnTo>
                        <a:pt x="127" y="177"/>
                      </a:lnTo>
                      <a:lnTo>
                        <a:pt x="135" y="172"/>
                      </a:lnTo>
                      <a:lnTo>
                        <a:pt x="143" y="168"/>
                      </a:lnTo>
                      <a:lnTo>
                        <a:pt x="149" y="162"/>
                      </a:lnTo>
                      <a:lnTo>
                        <a:pt x="156" y="157"/>
                      </a:lnTo>
                      <a:lnTo>
                        <a:pt x="161" y="150"/>
                      </a:lnTo>
                      <a:lnTo>
                        <a:pt x="167" y="143"/>
                      </a:lnTo>
                      <a:lnTo>
                        <a:pt x="171" y="136"/>
                      </a:lnTo>
                      <a:lnTo>
                        <a:pt x="176" y="128"/>
                      </a:lnTo>
                      <a:lnTo>
                        <a:pt x="178" y="119"/>
                      </a:lnTo>
                      <a:lnTo>
                        <a:pt x="180" y="110"/>
                      </a:lnTo>
                      <a:lnTo>
                        <a:pt x="182" y="101"/>
                      </a:lnTo>
                      <a:lnTo>
                        <a:pt x="182" y="92"/>
                      </a:lnTo>
                      <a:lnTo>
                        <a:pt x="182" y="82"/>
                      </a:lnTo>
                      <a:lnTo>
                        <a:pt x="180" y="73"/>
                      </a:lnTo>
                      <a:lnTo>
                        <a:pt x="178" y="65"/>
                      </a:lnTo>
                      <a:lnTo>
                        <a:pt x="176" y="57"/>
                      </a:lnTo>
                      <a:lnTo>
                        <a:pt x="171" y="49"/>
                      </a:lnTo>
                      <a:lnTo>
                        <a:pt x="167" y="41"/>
                      </a:lnTo>
                      <a:lnTo>
                        <a:pt x="161" y="34"/>
                      </a:lnTo>
                      <a:lnTo>
                        <a:pt x="156" y="28"/>
                      </a:lnTo>
                      <a:lnTo>
                        <a:pt x="149" y="21"/>
                      </a:lnTo>
                      <a:lnTo>
                        <a:pt x="143" y="16"/>
                      </a:lnTo>
                      <a:lnTo>
                        <a:pt x="135" y="11"/>
                      </a:lnTo>
                      <a:lnTo>
                        <a:pt x="127" y="8"/>
                      </a:lnTo>
                      <a:lnTo>
                        <a:pt x="118" y="5"/>
                      </a:lnTo>
                      <a:lnTo>
                        <a:pt x="109" y="2"/>
                      </a:lnTo>
                      <a:lnTo>
                        <a:pt x="100" y="1"/>
                      </a:lnTo>
                      <a:lnTo>
                        <a:pt x="92" y="0"/>
                      </a:lnTo>
                      <a:lnTo>
                        <a:pt x="82" y="1"/>
                      </a:lnTo>
                      <a:lnTo>
                        <a:pt x="73" y="2"/>
                      </a:lnTo>
                      <a:lnTo>
                        <a:pt x="64" y="5"/>
                      </a:lnTo>
                      <a:lnTo>
                        <a:pt x="56" y="8"/>
                      </a:lnTo>
                      <a:lnTo>
                        <a:pt x="48" y="11"/>
                      </a:lnTo>
                      <a:lnTo>
                        <a:pt x="41" y="16"/>
                      </a:lnTo>
                      <a:lnTo>
                        <a:pt x="33" y="21"/>
                      </a:lnTo>
                      <a:lnTo>
                        <a:pt x="27" y="28"/>
                      </a:lnTo>
                      <a:lnTo>
                        <a:pt x="21" y="34"/>
                      </a:lnTo>
                      <a:lnTo>
                        <a:pt x="16"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6" y="143"/>
                      </a:lnTo>
                      <a:lnTo>
                        <a:pt x="21" y="150"/>
                      </a:lnTo>
                      <a:lnTo>
                        <a:pt x="27" y="157"/>
                      </a:lnTo>
                      <a:lnTo>
                        <a:pt x="33" y="162"/>
                      </a:lnTo>
                      <a:lnTo>
                        <a:pt x="41" y="168"/>
                      </a:lnTo>
                      <a:lnTo>
                        <a:pt x="48" y="172"/>
                      </a:lnTo>
                      <a:lnTo>
                        <a:pt x="56"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8" name="Freeform 80"/>
                <p:cNvSpPr>
                  <a:spLocks/>
                </p:cNvSpPr>
                <p:nvPr/>
              </p:nvSpPr>
              <p:spPr bwMode="auto">
                <a:xfrm>
                  <a:off x="10616015" y="2588574"/>
                  <a:ext cx="28575" cy="28575"/>
                </a:xfrm>
                <a:custGeom>
                  <a:avLst/>
                  <a:gdLst/>
                  <a:ahLst/>
                  <a:cxnLst>
                    <a:cxn ang="0">
                      <a:pos x="100" y="183"/>
                    </a:cxn>
                    <a:cxn ang="0">
                      <a:pos x="118" y="179"/>
                    </a:cxn>
                    <a:cxn ang="0">
                      <a:pos x="135"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4" y="21"/>
                    </a:cxn>
                    <a:cxn ang="0">
                      <a:pos x="20" y="34"/>
                    </a:cxn>
                    <a:cxn ang="0">
                      <a:pos x="10" y="49"/>
                    </a:cxn>
                    <a:cxn ang="0">
                      <a:pos x="4" y="65"/>
                    </a:cxn>
                    <a:cxn ang="0">
                      <a:pos x="0" y="82"/>
                    </a:cxn>
                    <a:cxn ang="0">
                      <a:pos x="0" y="101"/>
                    </a:cxn>
                    <a:cxn ang="0">
                      <a:pos x="4" y="119"/>
                    </a:cxn>
                    <a:cxn ang="0">
                      <a:pos x="10" y="136"/>
                    </a:cxn>
                    <a:cxn ang="0">
                      <a:pos x="20" y="150"/>
                    </a:cxn>
                    <a:cxn ang="0">
                      <a:pos x="34" y="162"/>
                    </a:cxn>
                    <a:cxn ang="0">
                      <a:pos x="48" y="172"/>
                    </a:cxn>
                    <a:cxn ang="0">
                      <a:pos x="64" y="179"/>
                    </a:cxn>
                    <a:cxn ang="0">
                      <a:pos x="82" y="183"/>
                    </a:cxn>
                  </a:cxnLst>
                  <a:rect l="0" t="0" r="r" b="b"/>
                  <a:pathLst>
                    <a:path w="182" h="183">
                      <a:moveTo>
                        <a:pt x="91" y="183"/>
                      </a:moveTo>
                      <a:lnTo>
                        <a:pt x="100" y="183"/>
                      </a:lnTo>
                      <a:lnTo>
                        <a:pt x="109" y="181"/>
                      </a:lnTo>
                      <a:lnTo>
                        <a:pt x="118" y="179"/>
                      </a:lnTo>
                      <a:lnTo>
                        <a:pt x="127" y="177"/>
                      </a:lnTo>
                      <a:lnTo>
                        <a:pt x="135" y="172"/>
                      </a:lnTo>
                      <a:lnTo>
                        <a:pt x="142" y="168"/>
                      </a:lnTo>
                      <a:lnTo>
                        <a:pt x="149" y="162"/>
                      </a:lnTo>
                      <a:lnTo>
                        <a:pt x="156" y="157"/>
                      </a:lnTo>
                      <a:lnTo>
                        <a:pt x="161" y="150"/>
                      </a:lnTo>
                      <a:lnTo>
                        <a:pt x="167" y="143"/>
                      </a:lnTo>
                      <a:lnTo>
                        <a:pt x="171" y="136"/>
                      </a:lnTo>
                      <a:lnTo>
                        <a:pt x="176" y="128"/>
                      </a:lnTo>
                      <a:lnTo>
                        <a:pt x="179" y="119"/>
                      </a:lnTo>
                      <a:lnTo>
                        <a:pt x="181" y="110"/>
                      </a:lnTo>
                      <a:lnTo>
                        <a:pt x="182" y="101"/>
                      </a:lnTo>
                      <a:lnTo>
                        <a:pt x="182" y="92"/>
                      </a:lnTo>
                      <a:lnTo>
                        <a:pt x="182" y="82"/>
                      </a:lnTo>
                      <a:lnTo>
                        <a:pt x="181" y="73"/>
                      </a:lnTo>
                      <a:lnTo>
                        <a:pt x="179" y="65"/>
                      </a:lnTo>
                      <a:lnTo>
                        <a:pt x="176" y="57"/>
                      </a:lnTo>
                      <a:lnTo>
                        <a:pt x="171" y="49"/>
                      </a:lnTo>
                      <a:lnTo>
                        <a:pt x="167" y="41"/>
                      </a:lnTo>
                      <a:lnTo>
                        <a:pt x="161" y="34"/>
                      </a:lnTo>
                      <a:lnTo>
                        <a:pt x="156" y="28"/>
                      </a:lnTo>
                      <a:lnTo>
                        <a:pt x="149" y="21"/>
                      </a:lnTo>
                      <a:lnTo>
                        <a:pt x="142" y="16"/>
                      </a:lnTo>
                      <a:lnTo>
                        <a:pt x="135" y="11"/>
                      </a:lnTo>
                      <a:lnTo>
                        <a:pt x="127" y="8"/>
                      </a:lnTo>
                      <a:lnTo>
                        <a:pt x="118" y="5"/>
                      </a:lnTo>
                      <a:lnTo>
                        <a:pt x="109" y="2"/>
                      </a:lnTo>
                      <a:lnTo>
                        <a:pt x="100" y="1"/>
                      </a:lnTo>
                      <a:lnTo>
                        <a:pt x="91" y="0"/>
                      </a:lnTo>
                      <a:lnTo>
                        <a:pt x="82" y="1"/>
                      </a:lnTo>
                      <a:lnTo>
                        <a:pt x="73" y="2"/>
                      </a:lnTo>
                      <a:lnTo>
                        <a:pt x="64" y="5"/>
                      </a:lnTo>
                      <a:lnTo>
                        <a:pt x="56" y="8"/>
                      </a:lnTo>
                      <a:lnTo>
                        <a:pt x="48" y="11"/>
                      </a:lnTo>
                      <a:lnTo>
                        <a:pt x="40" y="16"/>
                      </a:lnTo>
                      <a:lnTo>
                        <a:pt x="34" y="21"/>
                      </a:lnTo>
                      <a:lnTo>
                        <a:pt x="27" y="28"/>
                      </a:lnTo>
                      <a:lnTo>
                        <a:pt x="20" y="34"/>
                      </a:lnTo>
                      <a:lnTo>
                        <a:pt x="16" y="41"/>
                      </a:lnTo>
                      <a:lnTo>
                        <a:pt x="10" y="49"/>
                      </a:lnTo>
                      <a:lnTo>
                        <a:pt x="7" y="57"/>
                      </a:lnTo>
                      <a:lnTo>
                        <a:pt x="4" y="65"/>
                      </a:lnTo>
                      <a:lnTo>
                        <a:pt x="2" y="73"/>
                      </a:lnTo>
                      <a:lnTo>
                        <a:pt x="0" y="82"/>
                      </a:lnTo>
                      <a:lnTo>
                        <a:pt x="0" y="92"/>
                      </a:lnTo>
                      <a:lnTo>
                        <a:pt x="0" y="101"/>
                      </a:lnTo>
                      <a:lnTo>
                        <a:pt x="2" y="110"/>
                      </a:lnTo>
                      <a:lnTo>
                        <a:pt x="4" y="119"/>
                      </a:lnTo>
                      <a:lnTo>
                        <a:pt x="7" y="128"/>
                      </a:lnTo>
                      <a:lnTo>
                        <a:pt x="10" y="136"/>
                      </a:lnTo>
                      <a:lnTo>
                        <a:pt x="16" y="143"/>
                      </a:lnTo>
                      <a:lnTo>
                        <a:pt x="20" y="150"/>
                      </a:lnTo>
                      <a:lnTo>
                        <a:pt x="27" y="157"/>
                      </a:lnTo>
                      <a:lnTo>
                        <a:pt x="34" y="162"/>
                      </a:lnTo>
                      <a:lnTo>
                        <a:pt x="40" y="168"/>
                      </a:lnTo>
                      <a:lnTo>
                        <a:pt x="48" y="172"/>
                      </a:lnTo>
                      <a:lnTo>
                        <a:pt x="56"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49" name="Freeform 81"/>
                <p:cNvSpPr>
                  <a:spLocks noEditPoints="1"/>
                </p:cNvSpPr>
                <p:nvPr/>
              </p:nvSpPr>
              <p:spPr bwMode="auto">
                <a:xfrm>
                  <a:off x="10287403" y="1826574"/>
                  <a:ext cx="1163638" cy="2817813"/>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0" name="Freeform 82"/>
                <p:cNvSpPr>
                  <a:spLocks/>
                </p:cNvSpPr>
                <p:nvPr/>
              </p:nvSpPr>
              <p:spPr bwMode="auto">
                <a:xfrm>
                  <a:off x="12235265" y="2025012"/>
                  <a:ext cx="203200" cy="33338"/>
                </a:xfrm>
                <a:custGeom>
                  <a:avLst/>
                  <a:gdLst/>
                  <a:ahLst/>
                  <a:cxnLst>
                    <a:cxn ang="0">
                      <a:pos x="1170" y="0"/>
                    </a:cxn>
                    <a:cxn ang="0">
                      <a:pos x="1192" y="2"/>
                    </a:cxn>
                    <a:cxn ang="0">
                      <a:pos x="1212" y="9"/>
                    </a:cxn>
                    <a:cxn ang="0">
                      <a:pos x="1231" y="19"/>
                    </a:cxn>
                    <a:cxn ang="0">
                      <a:pos x="1246" y="32"/>
                    </a:cxn>
                    <a:cxn ang="0">
                      <a:pos x="1259" y="49"/>
                    </a:cxn>
                    <a:cxn ang="0">
                      <a:pos x="1271" y="66"/>
                    </a:cxn>
                    <a:cxn ang="0">
                      <a:pos x="1276" y="87"/>
                    </a:cxn>
                    <a:cxn ang="0">
                      <a:pos x="1278" y="110"/>
                    </a:cxn>
                    <a:cxn ang="0">
                      <a:pos x="1276" y="131"/>
                    </a:cxn>
                    <a:cxn ang="0">
                      <a:pos x="1271" y="152"/>
                    </a:cxn>
                    <a:cxn ang="0">
                      <a:pos x="1259" y="170"/>
                    </a:cxn>
                    <a:cxn ang="0">
                      <a:pos x="1246" y="186"/>
                    </a:cxn>
                    <a:cxn ang="0">
                      <a:pos x="1231" y="200"/>
                    </a:cxn>
                    <a:cxn ang="0">
                      <a:pos x="1212" y="210"/>
                    </a:cxn>
                    <a:cxn ang="0">
                      <a:pos x="1192" y="216"/>
                    </a:cxn>
                    <a:cxn ang="0">
                      <a:pos x="1170" y="218"/>
                    </a:cxn>
                    <a:cxn ang="0">
                      <a:pos x="97" y="217"/>
                    </a:cxn>
                    <a:cxn ang="0">
                      <a:pos x="76" y="213"/>
                    </a:cxn>
                    <a:cxn ang="0">
                      <a:pos x="56" y="205"/>
                    </a:cxn>
                    <a:cxn ang="0">
                      <a:pos x="40" y="193"/>
                    </a:cxn>
                    <a:cxn ang="0">
                      <a:pos x="24" y="178"/>
                    </a:cxn>
                    <a:cxn ang="0">
                      <a:pos x="13" y="161"/>
                    </a:cxn>
                    <a:cxn ang="0">
                      <a:pos x="4" y="142"/>
                    </a:cxn>
                    <a:cxn ang="0">
                      <a:pos x="0" y="121"/>
                    </a:cxn>
                    <a:cxn ang="0">
                      <a:pos x="0" y="99"/>
                    </a:cxn>
                    <a:cxn ang="0">
                      <a:pos x="4" y="76"/>
                    </a:cxn>
                    <a:cxn ang="0">
                      <a:pos x="13" y="58"/>
                    </a:cxn>
                    <a:cxn ang="0">
                      <a:pos x="24" y="40"/>
                    </a:cxn>
                    <a:cxn ang="0">
                      <a:pos x="40" y="25"/>
                    </a:cxn>
                    <a:cxn ang="0">
                      <a:pos x="56" y="13"/>
                    </a:cxn>
                    <a:cxn ang="0">
                      <a:pos x="76" y="5"/>
                    </a:cxn>
                    <a:cxn ang="0">
                      <a:pos x="97" y="1"/>
                    </a:cxn>
                  </a:cxnLst>
                  <a:rect l="0" t="0" r="r" b="b"/>
                  <a:pathLst>
                    <a:path w="1278" h="218">
                      <a:moveTo>
                        <a:pt x="108" y="0"/>
                      </a:moveTo>
                      <a:lnTo>
                        <a:pt x="1170" y="0"/>
                      </a:lnTo>
                      <a:lnTo>
                        <a:pt x="1181" y="1"/>
                      </a:lnTo>
                      <a:lnTo>
                        <a:pt x="1192" y="2"/>
                      </a:lnTo>
                      <a:lnTo>
                        <a:pt x="1202" y="5"/>
                      </a:lnTo>
                      <a:lnTo>
                        <a:pt x="1212" y="9"/>
                      </a:lnTo>
                      <a:lnTo>
                        <a:pt x="1222" y="13"/>
                      </a:lnTo>
                      <a:lnTo>
                        <a:pt x="1231" y="19"/>
                      </a:lnTo>
                      <a:lnTo>
                        <a:pt x="1238" y="25"/>
                      </a:lnTo>
                      <a:lnTo>
                        <a:pt x="1246" y="32"/>
                      </a:lnTo>
                      <a:lnTo>
                        <a:pt x="1254" y="40"/>
                      </a:lnTo>
                      <a:lnTo>
                        <a:pt x="1259" y="49"/>
                      </a:lnTo>
                      <a:lnTo>
                        <a:pt x="1265" y="58"/>
                      </a:lnTo>
                      <a:lnTo>
                        <a:pt x="1271" y="66"/>
                      </a:lnTo>
                      <a:lnTo>
                        <a:pt x="1274" y="76"/>
                      </a:lnTo>
                      <a:lnTo>
                        <a:pt x="1276" y="87"/>
                      </a:lnTo>
                      <a:lnTo>
                        <a:pt x="1278" y="99"/>
                      </a:lnTo>
                      <a:lnTo>
                        <a:pt x="1278" y="110"/>
                      </a:lnTo>
                      <a:lnTo>
                        <a:pt x="1278" y="121"/>
                      </a:lnTo>
                      <a:lnTo>
                        <a:pt x="1276" y="131"/>
                      </a:lnTo>
                      <a:lnTo>
                        <a:pt x="1274" y="142"/>
                      </a:lnTo>
                      <a:lnTo>
                        <a:pt x="1271" y="152"/>
                      </a:lnTo>
                      <a:lnTo>
                        <a:pt x="1265" y="161"/>
                      </a:lnTo>
                      <a:lnTo>
                        <a:pt x="1259" y="170"/>
                      </a:lnTo>
                      <a:lnTo>
                        <a:pt x="1254" y="178"/>
                      </a:lnTo>
                      <a:lnTo>
                        <a:pt x="1246" y="186"/>
                      </a:lnTo>
                      <a:lnTo>
                        <a:pt x="1238" y="193"/>
                      </a:lnTo>
                      <a:lnTo>
                        <a:pt x="1231" y="200"/>
                      </a:lnTo>
                      <a:lnTo>
                        <a:pt x="1222" y="205"/>
                      </a:lnTo>
                      <a:lnTo>
                        <a:pt x="1212" y="210"/>
                      </a:lnTo>
                      <a:lnTo>
                        <a:pt x="1202" y="213"/>
                      </a:lnTo>
                      <a:lnTo>
                        <a:pt x="1192" y="216"/>
                      </a:lnTo>
                      <a:lnTo>
                        <a:pt x="1181" y="217"/>
                      </a:lnTo>
                      <a:lnTo>
                        <a:pt x="1170" y="218"/>
                      </a:lnTo>
                      <a:lnTo>
                        <a:pt x="108" y="218"/>
                      </a:lnTo>
                      <a:lnTo>
                        <a:pt x="97" y="217"/>
                      </a:lnTo>
                      <a:lnTo>
                        <a:pt x="86" y="216"/>
                      </a:lnTo>
                      <a:lnTo>
                        <a:pt x="76" y="213"/>
                      </a:lnTo>
                      <a:lnTo>
                        <a:pt x="66" y="210"/>
                      </a:lnTo>
                      <a:lnTo>
                        <a:pt x="56" y="205"/>
                      </a:lnTo>
                      <a:lnTo>
                        <a:pt x="47" y="200"/>
                      </a:lnTo>
                      <a:lnTo>
                        <a:pt x="40" y="193"/>
                      </a:lnTo>
                      <a:lnTo>
                        <a:pt x="32" y="186"/>
                      </a:lnTo>
                      <a:lnTo>
                        <a:pt x="24" y="178"/>
                      </a:lnTo>
                      <a:lnTo>
                        <a:pt x="19" y="170"/>
                      </a:lnTo>
                      <a:lnTo>
                        <a:pt x="13" y="161"/>
                      </a:lnTo>
                      <a:lnTo>
                        <a:pt x="9" y="152"/>
                      </a:lnTo>
                      <a:lnTo>
                        <a:pt x="4" y="142"/>
                      </a:lnTo>
                      <a:lnTo>
                        <a:pt x="2" y="131"/>
                      </a:lnTo>
                      <a:lnTo>
                        <a:pt x="0" y="121"/>
                      </a:lnTo>
                      <a:lnTo>
                        <a:pt x="0" y="110"/>
                      </a:lnTo>
                      <a:lnTo>
                        <a:pt x="0" y="99"/>
                      </a:lnTo>
                      <a:lnTo>
                        <a:pt x="2" y="87"/>
                      </a:lnTo>
                      <a:lnTo>
                        <a:pt x="4" y="76"/>
                      </a:lnTo>
                      <a:lnTo>
                        <a:pt x="9" y="66"/>
                      </a:lnTo>
                      <a:lnTo>
                        <a:pt x="13" y="58"/>
                      </a:lnTo>
                      <a:lnTo>
                        <a:pt x="19" y="49"/>
                      </a:lnTo>
                      <a:lnTo>
                        <a:pt x="24" y="40"/>
                      </a:lnTo>
                      <a:lnTo>
                        <a:pt x="32" y="32"/>
                      </a:lnTo>
                      <a:lnTo>
                        <a:pt x="40"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1" name="Freeform 83"/>
                <p:cNvSpPr>
                  <a:spLocks/>
                </p:cNvSpPr>
                <p:nvPr/>
              </p:nvSpPr>
              <p:spPr bwMode="auto">
                <a:xfrm>
                  <a:off x="11619315" y="2025012"/>
                  <a:ext cx="28575" cy="30163"/>
                </a:xfrm>
                <a:custGeom>
                  <a:avLst/>
                  <a:gdLst/>
                  <a:ahLst/>
                  <a:cxnLst>
                    <a:cxn ang="0">
                      <a:pos x="101" y="182"/>
                    </a:cxn>
                    <a:cxn ang="0">
                      <a:pos x="119" y="178"/>
                    </a:cxn>
                    <a:cxn ang="0">
                      <a:pos x="136" y="170"/>
                    </a:cxn>
                    <a:cxn ang="0">
                      <a:pos x="150" y="162"/>
                    </a:cxn>
                    <a:cxn ang="0">
                      <a:pos x="162" y="148"/>
                    </a:cxn>
                    <a:cxn ang="0">
                      <a:pos x="172" y="134"/>
                    </a:cxn>
                    <a:cxn ang="0">
                      <a:pos x="179" y="117"/>
                    </a:cxn>
                    <a:cxn ang="0">
                      <a:pos x="183" y="99"/>
                    </a:cxn>
                    <a:cxn ang="0">
                      <a:pos x="183" y="82"/>
                    </a:cxn>
                    <a:cxn ang="0">
                      <a:pos x="179" y="64"/>
                    </a:cxn>
                    <a:cxn ang="0">
                      <a:pos x="172" y="47"/>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7"/>
                    </a:cxn>
                    <a:cxn ang="0">
                      <a:pos x="5" y="64"/>
                    </a:cxn>
                    <a:cxn ang="0">
                      <a:pos x="1" y="82"/>
                    </a:cxn>
                    <a:cxn ang="0">
                      <a:pos x="1" y="99"/>
                    </a:cxn>
                    <a:cxn ang="0">
                      <a:pos x="5" y="117"/>
                    </a:cxn>
                    <a:cxn ang="0">
                      <a:pos x="11" y="134"/>
                    </a:cxn>
                    <a:cxn ang="0">
                      <a:pos x="21" y="148"/>
                    </a:cxn>
                    <a:cxn ang="0">
                      <a:pos x="34" y="162"/>
                    </a:cxn>
                    <a:cxn ang="0">
                      <a:pos x="49" y="170"/>
                    </a:cxn>
                    <a:cxn ang="0">
                      <a:pos x="65" y="178"/>
                    </a:cxn>
                    <a:cxn ang="0">
                      <a:pos x="82" y="182"/>
                    </a:cxn>
                  </a:cxnLst>
                  <a:rect l="0" t="0" r="r" b="b"/>
                  <a:pathLst>
                    <a:path w="183" h="182">
                      <a:moveTo>
                        <a:pt x="92" y="182"/>
                      </a:moveTo>
                      <a:lnTo>
                        <a:pt x="101" y="182"/>
                      </a:lnTo>
                      <a:lnTo>
                        <a:pt x="110" y="180"/>
                      </a:lnTo>
                      <a:lnTo>
                        <a:pt x="119" y="178"/>
                      </a:lnTo>
                      <a:lnTo>
                        <a:pt x="128" y="175"/>
                      </a:lnTo>
                      <a:lnTo>
                        <a:pt x="136" y="170"/>
                      </a:lnTo>
                      <a:lnTo>
                        <a:pt x="143" y="166"/>
                      </a:lnTo>
                      <a:lnTo>
                        <a:pt x="150" y="162"/>
                      </a:lnTo>
                      <a:lnTo>
                        <a:pt x="157" y="155"/>
                      </a:lnTo>
                      <a:lnTo>
                        <a:pt x="162" y="148"/>
                      </a:lnTo>
                      <a:lnTo>
                        <a:pt x="168" y="142"/>
                      </a:lnTo>
                      <a:lnTo>
                        <a:pt x="172" y="134"/>
                      </a:lnTo>
                      <a:lnTo>
                        <a:pt x="177" y="126"/>
                      </a:lnTo>
                      <a:lnTo>
                        <a:pt x="179" y="117"/>
                      </a:lnTo>
                      <a:lnTo>
                        <a:pt x="181" y="109"/>
                      </a:lnTo>
                      <a:lnTo>
                        <a:pt x="183" y="99"/>
                      </a:lnTo>
                      <a:lnTo>
                        <a:pt x="183" y="91"/>
                      </a:lnTo>
                      <a:lnTo>
                        <a:pt x="183" y="82"/>
                      </a:lnTo>
                      <a:lnTo>
                        <a:pt x="181" y="72"/>
                      </a:lnTo>
                      <a:lnTo>
                        <a:pt x="179" y="64"/>
                      </a:lnTo>
                      <a:lnTo>
                        <a:pt x="177" y="55"/>
                      </a:lnTo>
                      <a:lnTo>
                        <a:pt x="172" y="47"/>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7"/>
                      </a:lnTo>
                      <a:lnTo>
                        <a:pt x="8" y="55"/>
                      </a:lnTo>
                      <a:lnTo>
                        <a:pt x="5" y="64"/>
                      </a:lnTo>
                      <a:lnTo>
                        <a:pt x="2" y="72"/>
                      </a:lnTo>
                      <a:lnTo>
                        <a:pt x="1" y="82"/>
                      </a:lnTo>
                      <a:lnTo>
                        <a:pt x="0" y="91"/>
                      </a:lnTo>
                      <a:lnTo>
                        <a:pt x="1" y="99"/>
                      </a:lnTo>
                      <a:lnTo>
                        <a:pt x="2" y="109"/>
                      </a:lnTo>
                      <a:lnTo>
                        <a:pt x="5" y="117"/>
                      </a:lnTo>
                      <a:lnTo>
                        <a:pt x="8" y="126"/>
                      </a:lnTo>
                      <a:lnTo>
                        <a:pt x="11" y="134"/>
                      </a:lnTo>
                      <a:lnTo>
                        <a:pt x="16" y="142"/>
                      </a:lnTo>
                      <a:lnTo>
                        <a:pt x="21" y="148"/>
                      </a:lnTo>
                      <a:lnTo>
                        <a:pt x="28" y="155"/>
                      </a:lnTo>
                      <a:lnTo>
                        <a:pt x="34" y="162"/>
                      </a:lnTo>
                      <a:lnTo>
                        <a:pt x="41" y="166"/>
                      </a:lnTo>
                      <a:lnTo>
                        <a:pt x="49" y="170"/>
                      </a:lnTo>
                      <a:lnTo>
                        <a:pt x="57" y="175"/>
                      </a:lnTo>
                      <a:lnTo>
                        <a:pt x="65"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2" name="Freeform 84"/>
                <p:cNvSpPr>
                  <a:spLocks/>
                </p:cNvSpPr>
                <p:nvPr/>
              </p:nvSpPr>
              <p:spPr bwMode="auto">
                <a:xfrm>
                  <a:off x="11659003" y="2025012"/>
                  <a:ext cx="28575" cy="30163"/>
                </a:xfrm>
                <a:custGeom>
                  <a:avLst/>
                  <a:gdLst/>
                  <a:ahLst/>
                  <a:cxnLst>
                    <a:cxn ang="0">
                      <a:pos x="100" y="182"/>
                    </a:cxn>
                    <a:cxn ang="0">
                      <a:pos x="118" y="178"/>
                    </a:cxn>
                    <a:cxn ang="0">
                      <a:pos x="134"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7"/>
                    </a:cxn>
                    <a:cxn ang="0">
                      <a:pos x="4" y="64"/>
                    </a:cxn>
                    <a:cxn ang="0">
                      <a:pos x="0" y="82"/>
                    </a:cxn>
                    <a:cxn ang="0">
                      <a:pos x="0" y="99"/>
                    </a:cxn>
                    <a:cxn ang="0">
                      <a:pos x="4" y="117"/>
                    </a:cxn>
                    <a:cxn ang="0">
                      <a:pos x="10" y="134"/>
                    </a:cxn>
                    <a:cxn ang="0">
                      <a:pos x="20" y="148"/>
                    </a:cxn>
                    <a:cxn ang="0">
                      <a:pos x="32" y="162"/>
                    </a:cxn>
                    <a:cxn ang="0">
                      <a:pos x="48" y="170"/>
                    </a:cxn>
                    <a:cxn ang="0">
                      <a:pos x="63" y="178"/>
                    </a:cxn>
                    <a:cxn ang="0">
                      <a:pos x="81" y="182"/>
                    </a:cxn>
                  </a:cxnLst>
                  <a:rect l="0" t="0" r="r" b="b"/>
                  <a:pathLst>
                    <a:path w="182" h="182">
                      <a:moveTo>
                        <a:pt x="91" y="182"/>
                      </a:moveTo>
                      <a:lnTo>
                        <a:pt x="100" y="182"/>
                      </a:lnTo>
                      <a:lnTo>
                        <a:pt x="109" y="180"/>
                      </a:lnTo>
                      <a:lnTo>
                        <a:pt x="118" y="178"/>
                      </a:lnTo>
                      <a:lnTo>
                        <a:pt x="127" y="175"/>
                      </a:lnTo>
                      <a:lnTo>
                        <a:pt x="134" y="170"/>
                      </a:lnTo>
                      <a:lnTo>
                        <a:pt x="142" y="166"/>
                      </a:lnTo>
                      <a:lnTo>
                        <a:pt x="149" y="162"/>
                      </a:lnTo>
                      <a:lnTo>
                        <a:pt x="155" y="155"/>
                      </a:lnTo>
                      <a:lnTo>
                        <a:pt x="161" y="148"/>
                      </a:lnTo>
                      <a:lnTo>
                        <a:pt x="167"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7"/>
                      </a:lnTo>
                      <a:lnTo>
                        <a:pt x="7" y="55"/>
                      </a:lnTo>
                      <a:lnTo>
                        <a:pt x="4" y="64"/>
                      </a:lnTo>
                      <a:lnTo>
                        <a:pt x="1" y="72"/>
                      </a:lnTo>
                      <a:lnTo>
                        <a:pt x="0" y="82"/>
                      </a:lnTo>
                      <a:lnTo>
                        <a:pt x="0" y="91"/>
                      </a:lnTo>
                      <a:lnTo>
                        <a:pt x="0" y="99"/>
                      </a:lnTo>
                      <a:lnTo>
                        <a:pt x="1" y="109"/>
                      </a:lnTo>
                      <a:lnTo>
                        <a:pt x="4" y="117"/>
                      </a:lnTo>
                      <a:lnTo>
                        <a:pt x="7" y="126"/>
                      </a:lnTo>
                      <a:lnTo>
                        <a:pt x="10" y="134"/>
                      </a:lnTo>
                      <a:lnTo>
                        <a:pt x="16" y="142"/>
                      </a:lnTo>
                      <a:lnTo>
                        <a:pt x="20" y="148"/>
                      </a:lnTo>
                      <a:lnTo>
                        <a:pt x="27" y="155"/>
                      </a:lnTo>
                      <a:lnTo>
                        <a:pt x="32" y="162"/>
                      </a:lnTo>
                      <a:lnTo>
                        <a:pt x="40" y="166"/>
                      </a:lnTo>
                      <a:lnTo>
                        <a:pt x="48" y="170"/>
                      </a:lnTo>
                      <a:lnTo>
                        <a:pt x="56" y="175"/>
                      </a:lnTo>
                      <a:lnTo>
                        <a:pt x="63" y="178"/>
                      </a:lnTo>
                      <a:lnTo>
                        <a:pt x="72" y="180"/>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3" name="Freeform 85"/>
                <p:cNvSpPr>
                  <a:spLocks/>
                </p:cNvSpPr>
                <p:nvPr/>
              </p:nvSpPr>
              <p:spPr bwMode="auto">
                <a:xfrm>
                  <a:off x="11698690" y="2025012"/>
                  <a:ext cx="30163" cy="30163"/>
                </a:xfrm>
                <a:custGeom>
                  <a:avLst/>
                  <a:gdLst/>
                  <a:ahLst/>
                  <a:cxnLst>
                    <a:cxn ang="0">
                      <a:pos x="100" y="182"/>
                    </a:cxn>
                    <a:cxn ang="0">
                      <a:pos x="118" y="178"/>
                    </a:cxn>
                    <a:cxn ang="0">
                      <a:pos x="134" y="170"/>
                    </a:cxn>
                    <a:cxn ang="0">
                      <a:pos x="149" y="162"/>
                    </a:cxn>
                    <a:cxn ang="0">
                      <a:pos x="162" y="148"/>
                    </a:cxn>
                    <a:cxn ang="0">
                      <a:pos x="171" y="134"/>
                    </a:cxn>
                    <a:cxn ang="0">
                      <a:pos x="179" y="117"/>
                    </a:cxn>
                    <a:cxn ang="0">
                      <a:pos x="182" y="99"/>
                    </a:cxn>
                    <a:cxn ang="0">
                      <a:pos x="182" y="82"/>
                    </a:cxn>
                    <a:cxn ang="0">
                      <a:pos x="179" y="64"/>
                    </a:cxn>
                    <a:cxn ang="0">
                      <a:pos x="171" y="47"/>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7"/>
                    </a:cxn>
                    <a:cxn ang="0">
                      <a:pos x="3" y="64"/>
                    </a:cxn>
                    <a:cxn ang="0">
                      <a:pos x="0" y="82"/>
                    </a:cxn>
                    <a:cxn ang="0">
                      <a:pos x="0" y="99"/>
                    </a:cxn>
                    <a:cxn ang="0">
                      <a:pos x="3" y="117"/>
                    </a:cxn>
                    <a:cxn ang="0">
                      <a:pos x="11" y="134"/>
                    </a:cxn>
                    <a:cxn ang="0">
                      <a:pos x="20" y="148"/>
                    </a:cxn>
                    <a:cxn ang="0">
                      <a:pos x="33" y="162"/>
                    </a:cxn>
                    <a:cxn ang="0">
                      <a:pos x="48" y="170"/>
                    </a:cxn>
                    <a:cxn ang="0">
                      <a:pos x="64" y="178"/>
                    </a:cxn>
                    <a:cxn ang="0">
                      <a:pos x="82" y="182"/>
                    </a:cxn>
                  </a:cxnLst>
                  <a:rect l="0" t="0" r="r" b="b"/>
                  <a:pathLst>
                    <a:path w="182" h="182">
                      <a:moveTo>
                        <a:pt x="91" y="182"/>
                      </a:moveTo>
                      <a:lnTo>
                        <a:pt x="100" y="182"/>
                      </a:lnTo>
                      <a:lnTo>
                        <a:pt x="110" y="180"/>
                      </a:lnTo>
                      <a:lnTo>
                        <a:pt x="118" y="178"/>
                      </a:lnTo>
                      <a:lnTo>
                        <a:pt x="126" y="175"/>
                      </a:lnTo>
                      <a:lnTo>
                        <a:pt x="134" y="170"/>
                      </a:lnTo>
                      <a:lnTo>
                        <a:pt x="142" y="166"/>
                      </a:lnTo>
                      <a:lnTo>
                        <a:pt x="149" y="162"/>
                      </a:lnTo>
                      <a:lnTo>
                        <a:pt x="155" y="155"/>
                      </a:lnTo>
                      <a:lnTo>
                        <a:pt x="162" y="148"/>
                      </a:lnTo>
                      <a:lnTo>
                        <a:pt x="166"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7"/>
                      </a:lnTo>
                      <a:lnTo>
                        <a:pt x="7" y="55"/>
                      </a:lnTo>
                      <a:lnTo>
                        <a:pt x="3" y="64"/>
                      </a:lnTo>
                      <a:lnTo>
                        <a:pt x="1" y="72"/>
                      </a:lnTo>
                      <a:lnTo>
                        <a:pt x="0" y="82"/>
                      </a:lnTo>
                      <a:lnTo>
                        <a:pt x="0" y="91"/>
                      </a:lnTo>
                      <a:lnTo>
                        <a:pt x="0" y="99"/>
                      </a:lnTo>
                      <a:lnTo>
                        <a:pt x="1" y="109"/>
                      </a:lnTo>
                      <a:lnTo>
                        <a:pt x="3" y="117"/>
                      </a:lnTo>
                      <a:lnTo>
                        <a:pt x="7" y="126"/>
                      </a:lnTo>
                      <a:lnTo>
                        <a:pt x="11" y="134"/>
                      </a:lnTo>
                      <a:lnTo>
                        <a:pt x="16" y="142"/>
                      </a:lnTo>
                      <a:lnTo>
                        <a:pt x="20" y="148"/>
                      </a:lnTo>
                      <a:lnTo>
                        <a:pt x="27" y="155"/>
                      </a:lnTo>
                      <a:lnTo>
                        <a:pt x="33" y="162"/>
                      </a:lnTo>
                      <a:lnTo>
                        <a:pt x="40" y="166"/>
                      </a:lnTo>
                      <a:lnTo>
                        <a:pt x="48" y="170"/>
                      </a:lnTo>
                      <a:lnTo>
                        <a:pt x="55" y="175"/>
                      </a:lnTo>
                      <a:lnTo>
                        <a:pt x="64" y="178"/>
                      </a:lnTo>
                      <a:lnTo>
                        <a:pt x="72"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4" name="Freeform 86"/>
                <p:cNvSpPr>
                  <a:spLocks/>
                </p:cNvSpPr>
                <p:nvPr/>
              </p:nvSpPr>
              <p:spPr bwMode="auto">
                <a:xfrm>
                  <a:off x="11739965" y="2025012"/>
                  <a:ext cx="28575" cy="30163"/>
                </a:xfrm>
                <a:custGeom>
                  <a:avLst/>
                  <a:gdLst/>
                  <a:ahLst/>
                  <a:cxnLst>
                    <a:cxn ang="0">
                      <a:pos x="101" y="182"/>
                    </a:cxn>
                    <a:cxn ang="0">
                      <a:pos x="118" y="178"/>
                    </a:cxn>
                    <a:cxn ang="0">
                      <a:pos x="134" y="170"/>
                    </a:cxn>
                    <a:cxn ang="0">
                      <a:pos x="148" y="162"/>
                    </a:cxn>
                    <a:cxn ang="0">
                      <a:pos x="162" y="148"/>
                    </a:cxn>
                    <a:cxn ang="0">
                      <a:pos x="172" y="134"/>
                    </a:cxn>
                    <a:cxn ang="0">
                      <a:pos x="178" y="117"/>
                    </a:cxn>
                    <a:cxn ang="0">
                      <a:pos x="182" y="99"/>
                    </a:cxn>
                    <a:cxn ang="0">
                      <a:pos x="182" y="82"/>
                    </a:cxn>
                    <a:cxn ang="0">
                      <a:pos x="178" y="64"/>
                    </a:cxn>
                    <a:cxn ang="0">
                      <a:pos x="172" y="47"/>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7"/>
                    </a:cxn>
                    <a:cxn ang="0">
                      <a:pos x="3" y="64"/>
                    </a:cxn>
                    <a:cxn ang="0">
                      <a:pos x="0" y="82"/>
                    </a:cxn>
                    <a:cxn ang="0">
                      <a:pos x="0" y="99"/>
                    </a:cxn>
                    <a:cxn ang="0">
                      <a:pos x="3"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8" y="178"/>
                      </a:lnTo>
                      <a:lnTo>
                        <a:pt x="126" y="175"/>
                      </a:lnTo>
                      <a:lnTo>
                        <a:pt x="134" y="170"/>
                      </a:lnTo>
                      <a:lnTo>
                        <a:pt x="142" y="166"/>
                      </a:lnTo>
                      <a:lnTo>
                        <a:pt x="148" y="162"/>
                      </a:lnTo>
                      <a:lnTo>
                        <a:pt x="155" y="155"/>
                      </a:lnTo>
                      <a:lnTo>
                        <a:pt x="162" y="148"/>
                      </a:lnTo>
                      <a:lnTo>
                        <a:pt x="166"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6" y="55"/>
                      </a:lnTo>
                      <a:lnTo>
                        <a:pt x="3" y="64"/>
                      </a:lnTo>
                      <a:lnTo>
                        <a:pt x="1" y="72"/>
                      </a:lnTo>
                      <a:lnTo>
                        <a:pt x="0" y="82"/>
                      </a:lnTo>
                      <a:lnTo>
                        <a:pt x="0" y="91"/>
                      </a:lnTo>
                      <a:lnTo>
                        <a:pt x="0" y="99"/>
                      </a:lnTo>
                      <a:lnTo>
                        <a:pt x="1" y="109"/>
                      </a:lnTo>
                      <a:lnTo>
                        <a:pt x="3" y="117"/>
                      </a:lnTo>
                      <a:lnTo>
                        <a:pt x="6"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5" name="Freeform 87"/>
                <p:cNvSpPr>
                  <a:spLocks/>
                </p:cNvSpPr>
                <p:nvPr/>
              </p:nvSpPr>
              <p:spPr bwMode="auto">
                <a:xfrm>
                  <a:off x="11779653" y="2025012"/>
                  <a:ext cx="28575" cy="30163"/>
                </a:xfrm>
                <a:custGeom>
                  <a:avLst/>
                  <a:gdLst/>
                  <a:ahLst/>
                  <a:cxnLst>
                    <a:cxn ang="0">
                      <a:pos x="101" y="182"/>
                    </a:cxn>
                    <a:cxn ang="0">
                      <a:pos x="118" y="178"/>
                    </a:cxn>
                    <a:cxn ang="0">
                      <a:pos x="134" y="170"/>
                    </a:cxn>
                    <a:cxn ang="0">
                      <a:pos x="149" y="162"/>
                    </a:cxn>
                    <a:cxn ang="0">
                      <a:pos x="162" y="148"/>
                    </a:cxn>
                    <a:cxn ang="0">
                      <a:pos x="172" y="134"/>
                    </a:cxn>
                    <a:cxn ang="0">
                      <a:pos x="178" y="117"/>
                    </a:cxn>
                    <a:cxn ang="0">
                      <a:pos x="182" y="99"/>
                    </a:cxn>
                    <a:cxn ang="0">
                      <a:pos x="182" y="82"/>
                    </a:cxn>
                    <a:cxn ang="0">
                      <a:pos x="178" y="64"/>
                    </a:cxn>
                    <a:cxn ang="0">
                      <a:pos x="172" y="47"/>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7" y="170"/>
                    </a:cxn>
                    <a:cxn ang="0">
                      <a:pos x="64" y="178"/>
                    </a:cxn>
                    <a:cxn ang="0">
                      <a:pos x="82" y="182"/>
                    </a:cxn>
                  </a:cxnLst>
                  <a:rect l="0" t="0" r="r" b="b"/>
                  <a:pathLst>
                    <a:path w="183" h="182">
                      <a:moveTo>
                        <a:pt x="91" y="182"/>
                      </a:moveTo>
                      <a:lnTo>
                        <a:pt x="101" y="182"/>
                      </a:lnTo>
                      <a:lnTo>
                        <a:pt x="109" y="180"/>
                      </a:lnTo>
                      <a:lnTo>
                        <a:pt x="118" y="178"/>
                      </a:lnTo>
                      <a:lnTo>
                        <a:pt x="126" y="175"/>
                      </a:lnTo>
                      <a:lnTo>
                        <a:pt x="134" y="170"/>
                      </a:lnTo>
                      <a:lnTo>
                        <a:pt x="142" y="166"/>
                      </a:lnTo>
                      <a:lnTo>
                        <a:pt x="149" y="162"/>
                      </a:lnTo>
                      <a:lnTo>
                        <a:pt x="156" y="155"/>
                      </a:lnTo>
                      <a:lnTo>
                        <a:pt x="162" y="148"/>
                      </a:lnTo>
                      <a:lnTo>
                        <a:pt x="167" y="142"/>
                      </a:lnTo>
                      <a:lnTo>
                        <a:pt x="172" y="134"/>
                      </a:lnTo>
                      <a:lnTo>
                        <a:pt x="175" y="126"/>
                      </a:lnTo>
                      <a:lnTo>
                        <a:pt x="178" y="117"/>
                      </a:lnTo>
                      <a:lnTo>
                        <a:pt x="180" y="109"/>
                      </a:lnTo>
                      <a:lnTo>
                        <a:pt x="182" y="99"/>
                      </a:lnTo>
                      <a:lnTo>
                        <a:pt x="183" y="91"/>
                      </a:lnTo>
                      <a:lnTo>
                        <a:pt x="182" y="82"/>
                      </a:lnTo>
                      <a:lnTo>
                        <a:pt x="180" y="72"/>
                      </a:lnTo>
                      <a:lnTo>
                        <a:pt x="178" y="64"/>
                      </a:lnTo>
                      <a:lnTo>
                        <a:pt x="175" y="55"/>
                      </a:lnTo>
                      <a:lnTo>
                        <a:pt x="172" y="47"/>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7"/>
                      </a:lnTo>
                      <a:lnTo>
                        <a:pt x="6" y="55"/>
                      </a:lnTo>
                      <a:lnTo>
                        <a:pt x="4" y="64"/>
                      </a:lnTo>
                      <a:lnTo>
                        <a:pt x="2" y="72"/>
                      </a:lnTo>
                      <a:lnTo>
                        <a:pt x="0" y="82"/>
                      </a:lnTo>
                      <a:lnTo>
                        <a:pt x="0" y="91"/>
                      </a:lnTo>
                      <a:lnTo>
                        <a:pt x="0" y="99"/>
                      </a:lnTo>
                      <a:lnTo>
                        <a:pt x="2" y="109"/>
                      </a:lnTo>
                      <a:lnTo>
                        <a:pt x="4" y="117"/>
                      </a:lnTo>
                      <a:lnTo>
                        <a:pt x="6" y="126"/>
                      </a:lnTo>
                      <a:lnTo>
                        <a:pt x="11" y="134"/>
                      </a:lnTo>
                      <a:lnTo>
                        <a:pt x="15" y="142"/>
                      </a:lnTo>
                      <a:lnTo>
                        <a:pt x="21" y="148"/>
                      </a:lnTo>
                      <a:lnTo>
                        <a:pt x="26" y="155"/>
                      </a:lnTo>
                      <a:lnTo>
                        <a:pt x="33" y="162"/>
                      </a:lnTo>
                      <a:lnTo>
                        <a:pt x="40" y="166"/>
                      </a:lnTo>
                      <a:lnTo>
                        <a:pt x="47"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6" name="Freeform 88"/>
                <p:cNvSpPr>
                  <a:spLocks/>
                </p:cNvSpPr>
                <p:nvPr/>
              </p:nvSpPr>
              <p:spPr bwMode="auto">
                <a:xfrm>
                  <a:off x="12235265" y="2212337"/>
                  <a:ext cx="203200" cy="34925"/>
                </a:xfrm>
                <a:custGeom>
                  <a:avLst/>
                  <a:gdLst/>
                  <a:ahLst/>
                  <a:cxnLst>
                    <a:cxn ang="0">
                      <a:pos x="1170" y="0"/>
                    </a:cxn>
                    <a:cxn ang="0">
                      <a:pos x="1192" y="3"/>
                    </a:cxn>
                    <a:cxn ang="0">
                      <a:pos x="1212" y="9"/>
                    </a:cxn>
                    <a:cxn ang="0">
                      <a:pos x="1231" y="19"/>
                    </a:cxn>
                    <a:cxn ang="0">
                      <a:pos x="1246" y="33"/>
                    </a:cxn>
                    <a:cxn ang="0">
                      <a:pos x="1259" y="49"/>
                    </a:cxn>
                    <a:cxn ang="0">
                      <a:pos x="1271" y="67"/>
                    </a:cxn>
                    <a:cxn ang="0">
                      <a:pos x="1276" y="88"/>
                    </a:cxn>
                    <a:cxn ang="0">
                      <a:pos x="1278" y="109"/>
                    </a:cxn>
                    <a:cxn ang="0">
                      <a:pos x="1276" y="131"/>
                    </a:cxn>
                    <a:cxn ang="0">
                      <a:pos x="1271" y="152"/>
                    </a:cxn>
                    <a:cxn ang="0">
                      <a:pos x="1259" y="170"/>
                    </a:cxn>
                    <a:cxn ang="0">
                      <a:pos x="1246" y="187"/>
                    </a:cxn>
                    <a:cxn ang="0">
                      <a:pos x="1231" y="200"/>
                    </a:cxn>
                    <a:cxn ang="0">
                      <a:pos x="1212" y="210"/>
                    </a:cxn>
                    <a:cxn ang="0">
                      <a:pos x="1192" y="217"/>
                    </a:cxn>
                    <a:cxn ang="0">
                      <a:pos x="1170" y="219"/>
                    </a:cxn>
                    <a:cxn ang="0">
                      <a:pos x="97" y="218"/>
                    </a:cxn>
                    <a:cxn ang="0">
                      <a:pos x="76" y="213"/>
                    </a:cxn>
                    <a:cxn ang="0">
                      <a:pos x="56" y="206"/>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4"/>
                    </a:cxn>
                    <a:cxn ang="0">
                      <a:pos x="76" y="6"/>
                    </a:cxn>
                    <a:cxn ang="0">
                      <a:pos x="97" y="2"/>
                    </a:cxn>
                  </a:cxnLst>
                  <a:rect l="0" t="0" r="r" b="b"/>
                  <a:pathLst>
                    <a:path w="1278" h="219">
                      <a:moveTo>
                        <a:pt x="108" y="0"/>
                      </a:moveTo>
                      <a:lnTo>
                        <a:pt x="1170" y="0"/>
                      </a:lnTo>
                      <a:lnTo>
                        <a:pt x="1181" y="2"/>
                      </a:lnTo>
                      <a:lnTo>
                        <a:pt x="1192" y="3"/>
                      </a:lnTo>
                      <a:lnTo>
                        <a:pt x="1202" y="6"/>
                      </a:lnTo>
                      <a:lnTo>
                        <a:pt x="1212" y="9"/>
                      </a:lnTo>
                      <a:lnTo>
                        <a:pt x="1222" y="14"/>
                      </a:lnTo>
                      <a:lnTo>
                        <a:pt x="1231" y="19"/>
                      </a:lnTo>
                      <a:lnTo>
                        <a:pt x="1238" y="26"/>
                      </a:lnTo>
                      <a:lnTo>
                        <a:pt x="1246" y="33"/>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2"/>
                      </a:lnTo>
                      <a:lnTo>
                        <a:pt x="1265" y="161"/>
                      </a:lnTo>
                      <a:lnTo>
                        <a:pt x="1259" y="170"/>
                      </a:lnTo>
                      <a:lnTo>
                        <a:pt x="1254" y="179"/>
                      </a:lnTo>
                      <a:lnTo>
                        <a:pt x="1246" y="187"/>
                      </a:lnTo>
                      <a:lnTo>
                        <a:pt x="1238" y="193"/>
                      </a:lnTo>
                      <a:lnTo>
                        <a:pt x="1231" y="200"/>
                      </a:lnTo>
                      <a:lnTo>
                        <a:pt x="1222" y="206"/>
                      </a:lnTo>
                      <a:lnTo>
                        <a:pt x="1212" y="210"/>
                      </a:lnTo>
                      <a:lnTo>
                        <a:pt x="1202" y="213"/>
                      </a:lnTo>
                      <a:lnTo>
                        <a:pt x="1192" y="217"/>
                      </a:lnTo>
                      <a:lnTo>
                        <a:pt x="1181" y="218"/>
                      </a:lnTo>
                      <a:lnTo>
                        <a:pt x="1170" y="219"/>
                      </a:lnTo>
                      <a:lnTo>
                        <a:pt x="108" y="219"/>
                      </a:lnTo>
                      <a:lnTo>
                        <a:pt x="97" y="218"/>
                      </a:lnTo>
                      <a:lnTo>
                        <a:pt x="86" y="217"/>
                      </a:lnTo>
                      <a:lnTo>
                        <a:pt x="76" y="213"/>
                      </a:lnTo>
                      <a:lnTo>
                        <a:pt x="66" y="210"/>
                      </a:lnTo>
                      <a:lnTo>
                        <a:pt x="56" y="206"/>
                      </a:lnTo>
                      <a:lnTo>
                        <a:pt x="47" y="200"/>
                      </a:lnTo>
                      <a:lnTo>
                        <a:pt x="40" y="193"/>
                      </a:lnTo>
                      <a:lnTo>
                        <a:pt x="32" y="187"/>
                      </a:lnTo>
                      <a:lnTo>
                        <a:pt x="24" y="179"/>
                      </a:lnTo>
                      <a:lnTo>
                        <a:pt x="19" y="170"/>
                      </a:lnTo>
                      <a:lnTo>
                        <a:pt x="13" y="161"/>
                      </a:lnTo>
                      <a:lnTo>
                        <a:pt x="9" y="152"/>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3"/>
                      </a:lnTo>
                      <a:lnTo>
                        <a:pt x="40"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7" name="Freeform 89"/>
                <p:cNvSpPr>
                  <a:spLocks/>
                </p:cNvSpPr>
                <p:nvPr/>
              </p:nvSpPr>
              <p:spPr bwMode="auto">
                <a:xfrm>
                  <a:off x="11619315" y="2213924"/>
                  <a:ext cx="28575" cy="28575"/>
                </a:xfrm>
                <a:custGeom>
                  <a:avLst/>
                  <a:gdLst/>
                  <a:ahLst/>
                  <a:cxnLst>
                    <a:cxn ang="0">
                      <a:pos x="101" y="182"/>
                    </a:cxn>
                    <a:cxn ang="0">
                      <a:pos x="119" y="179"/>
                    </a:cxn>
                    <a:cxn ang="0">
                      <a:pos x="136" y="171"/>
                    </a:cxn>
                    <a:cxn ang="0">
                      <a:pos x="150" y="161"/>
                    </a:cxn>
                    <a:cxn ang="0">
                      <a:pos x="162" y="149"/>
                    </a:cxn>
                    <a:cxn ang="0">
                      <a:pos x="172" y="134"/>
                    </a:cxn>
                    <a:cxn ang="0">
                      <a:pos x="179" y="118"/>
                    </a:cxn>
                    <a:cxn ang="0">
                      <a:pos x="183" y="100"/>
                    </a:cxn>
                    <a:cxn ang="0">
                      <a:pos x="183" y="82"/>
                    </a:cxn>
                    <a:cxn ang="0">
                      <a:pos x="179" y="63"/>
                    </a:cxn>
                    <a:cxn ang="0">
                      <a:pos x="172" y="48"/>
                    </a:cxn>
                    <a:cxn ang="0">
                      <a:pos x="162" y="33"/>
                    </a:cxn>
                    <a:cxn ang="0">
                      <a:pos x="150" y="20"/>
                    </a:cxn>
                    <a:cxn ang="0">
                      <a:pos x="136" y="11"/>
                    </a:cxn>
                    <a:cxn ang="0">
                      <a:pos x="119" y="4"/>
                    </a:cxn>
                    <a:cxn ang="0">
                      <a:pos x="101" y="0"/>
                    </a:cxn>
                    <a:cxn ang="0">
                      <a:pos x="82" y="0"/>
                    </a:cxn>
                    <a:cxn ang="0">
                      <a:pos x="65" y="4"/>
                    </a:cxn>
                    <a:cxn ang="0">
                      <a:pos x="49" y="11"/>
                    </a:cxn>
                    <a:cxn ang="0">
                      <a:pos x="34" y="20"/>
                    </a:cxn>
                    <a:cxn ang="0">
                      <a:pos x="21" y="33"/>
                    </a:cxn>
                    <a:cxn ang="0">
                      <a:pos x="11" y="48"/>
                    </a:cxn>
                    <a:cxn ang="0">
                      <a:pos x="5" y="63"/>
                    </a:cxn>
                    <a:cxn ang="0">
                      <a:pos x="1" y="82"/>
                    </a:cxn>
                    <a:cxn ang="0">
                      <a:pos x="1" y="100"/>
                    </a:cxn>
                    <a:cxn ang="0">
                      <a:pos x="5" y="118"/>
                    </a:cxn>
                    <a:cxn ang="0">
                      <a:pos x="11" y="134"/>
                    </a:cxn>
                    <a:cxn ang="0">
                      <a:pos x="21" y="149"/>
                    </a:cxn>
                    <a:cxn ang="0">
                      <a:pos x="34" y="161"/>
                    </a:cxn>
                    <a:cxn ang="0">
                      <a:pos x="49" y="171"/>
                    </a:cxn>
                    <a:cxn ang="0">
                      <a:pos x="65" y="179"/>
                    </a:cxn>
                    <a:cxn ang="0">
                      <a:pos x="82" y="182"/>
                    </a:cxn>
                  </a:cxnLst>
                  <a:rect l="0" t="0" r="r" b="b"/>
                  <a:pathLst>
                    <a:path w="183" h="182">
                      <a:moveTo>
                        <a:pt x="92" y="182"/>
                      </a:moveTo>
                      <a:lnTo>
                        <a:pt x="101" y="182"/>
                      </a:lnTo>
                      <a:lnTo>
                        <a:pt x="110" y="181"/>
                      </a:lnTo>
                      <a:lnTo>
                        <a:pt x="119" y="179"/>
                      </a:lnTo>
                      <a:lnTo>
                        <a:pt x="128" y="175"/>
                      </a:lnTo>
                      <a:lnTo>
                        <a:pt x="136" y="171"/>
                      </a:lnTo>
                      <a:lnTo>
                        <a:pt x="143" y="167"/>
                      </a:lnTo>
                      <a:lnTo>
                        <a:pt x="150" y="161"/>
                      </a:lnTo>
                      <a:lnTo>
                        <a:pt x="157" y="156"/>
                      </a:lnTo>
                      <a:lnTo>
                        <a:pt x="162" y="149"/>
                      </a:lnTo>
                      <a:lnTo>
                        <a:pt x="168" y="142"/>
                      </a:lnTo>
                      <a:lnTo>
                        <a:pt x="172" y="134"/>
                      </a:lnTo>
                      <a:lnTo>
                        <a:pt x="177" y="127"/>
                      </a:lnTo>
                      <a:lnTo>
                        <a:pt x="179" y="118"/>
                      </a:lnTo>
                      <a:lnTo>
                        <a:pt x="181" y="109"/>
                      </a:lnTo>
                      <a:lnTo>
                        <a:pt x="183" y="100"/>
                      </a:lnTo>
                      <a:lnTo>
                        <a:pt x="183" y="91"/>
                      </a:lnTo>
                      <a:lnTo>
                        <a:pt x="183" y="82"/>
                      </a:lnTo>
                      <a:lnTo>
                        <a:pt x="181" y="72"/>
                      </a:lnTo>
                      <a:lnTo>
                        <a:pt x="179" y="63"/>
                      </a:lnTo>
                      <a:lnTo>
                        <a:pt x="177" y="56"/>
                      </a:lnTo>
                      <a:lnTo>
                        <a:pt x="172" y="48"/>
                      </a:lnTo>
                      <a:lnTo>
                        <a:pt x="168" y="40"/>
                      </a:lnTo>
                      <a:lnTo>
                        <a:pt x="162" y="33"/>
                      </a:lnTo>
                      <a:lnTo>
                        <a:pt x="157" y="27"/>
                      </a:lnTo>
                      <a:lnTo>
                        <a:pt x="150" y="20"/>
                      </a:lnTo>
                      <a:lnTo>
                        <a:pt x="143" y="16"/>
                      </a:lnTo>
                      <a:lnTo>
                        <a:pt x="136" y="11"/>
                      </a:lnTo>
                      <a:lnTo>
                        <a:pt x="128" y="7"/>
                      </a:lnTo>
                      <a:lnTo>
                        <a:pt x="119" y="4"/>
                      </a:lnTo>
                      <a:lnTo>
                        <a:pt x="110" y="1"/>
                      </a:lnTo>
                      <a:lnTo>
                        <a:pt x="101" y="0"/>
                      </a:lnTo>
                      <a:lnTo>
                        <a:pt x="92" y="0"/>
                      </a:lnTo>
                      <a:lnTo>
                        <a:pt x="82" y="0"/>
                      </a:lnTo>
                      <a:lnTo>
                        <a:pt x="73" y="1"/>
                      </a:lnTo>
                      <a:lnTo>
                        <a:pt x="65" y="4"/>
                      </a:lnTo>
                      <a:lnTo>
                        <a:pt x="57" y="7"/>
                      </a:lnTo>
                      <a:lnTo>
                        <a:pt x="49" y="11"/>
                      </a:lnTo>
                      <a:lnTo>
                        <a:pt x="41" y="16"/>
                      </a:lnTo>
                      <a:lnTo>
                        <a:pt x="34" y="20"/>
                      </a:lnTo>
                      <a:lnTo>
                        <a:pt x="28" y="27"/>
                      </a:lnTo>
                      <a:lnTo>
                        <a:pt x="21" y="33"/>
                      </a:lnTo>
                      <a:lnTo>
                        <a:pt x="16" y="40"/>
                      </a:lnTo>
                      <a:lnTo>
                        <a:pt x="11" y="48"/>
                      </a:lnTo>
                      <a:lnTo>
                        <a:pt x="8" y="56"/>
                      </a:lnTo>
                      <a:lnTo>
                        <a:pt x="5" y="63"/>
                      </a:lnTo>
                      <a:lnTo>
                        <a:pt x="2" y="72"/>
                      </a:lnTo>
                      <a:lnTo>
                        <a:pt x="1" y="82"/>
                      </a:lnTo>
                      <a:lnTo>
                        <a:pt x="0" y="91"/>
                      </a:lnTo>
                      <a:lnTo>
                        <a:pt x="1" y="100"/>
                      </a:lnTo>
                      <a:lnTo>
                        <a:pt x="2" y="109"/>
                      </a:lnTo>
                      <a:lnTo>
                        <a:pt x="5" y="118"/>
                      </a:lnTo>
                      <a:lnTo>
                        <a:pt x="8" y="127"/>
                      </a:lnTo>
                      <a:lnTo>
                        <a:pt x="11" y="134"/>
                      </a:lnTo>
                      <a:lnTo>
                        <a:pt x="16" y="142"/>
                      </a:lnTo>
                      <a:lnTo>
                        <a:pt x="21" y="149"/>
                      </a:lnTo>
                      <a:lnTo>
                        <a:pt x="28" y="156"/>
                      </a:lnTo>
                      <a:lnTo>
                        <a:pt x="34" y="161"/>
                      </a:lnTo>
                      <a:lnTo>
                        <a:pt x="41" y="167"/>
                      </a:lnTo>
                      <a:lnTo>
                        <a:pt x="49" y="171"/>
                      </a:lnTo>
                      <a:lnTo>
                        <a:pt x="57" y="175"/>
                      </a:lnTo>
                      <a:lnTo>
                        <a:pt x="65"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8" name="Freeform 90"/>
                <p:cNvSpPr>
                  <a:spLocks/>
                </p:cNvSpPr>
                <p:nvPr/>
              </p:nvSpPr>
              <p:spPr bwMode="auto">
                <a:xfrm>
                  <a:off x="11659003" y="2213924"/>
                  <a:ext cx="28575" cy="28575"/>
                </a:xfrm>
                <a:custGeom>
                  <a:avLst/>
                  <a:gdLst/>
                  <a:ahLst/>
                  <a:cxnLst>
                    <a:cxn ang="0">
                      <a:pos x="100" y="182"/>
                    </a:cxn>
                    <a:cxn ang="0">
                      <a:pos x="118" y="179"/>
                    </a:cxn>
                    <a:cxn ang="0">
                      <a:pos x="134"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4" y="11"/>
                    </a:cxn>
                    <a:cxn ang="0">
                      <a:pos x="118" y="4"/>
                    </a:cxn>
                    <a:cxn ang="0">
                      <a:pos x="100" y="0"/>
                    </a:cxn>
                    <a:cxn ang="0">
                      <a:pos x="81" y="0"/>
                    </a:cxn>
                    <a:cxn ang="0">
                      <a:pos x="63" y="4"/>
                    </a:cxn>
                    <a:cxn ang="0">
                      <a:pos x="48" y="11"/>
                    </a:cxn>
                    <a:cxn ang="0">
                      <a:pos x="32" y="20"/>
                    </a:cxn>
                    <a:cxn ang="0">
                      <a:pos x="20" y="33"/>
                    </a:cxn>
                    <a:cxn ang="0">
                      <a:pos x="10" y="48"/>
                    </a:cxn>
                    <a:cxn ang="0">
                      <a:pos x="4" y="63"/>
                    </a:cxn>
                    <a:cxn ang="0">
                      <a:pos x="0" y="82"/>
                    </a:cxn>
                    <a:cxn ang="0">
                      <a:pos x="0" y="100"/>
                    </a:cxn>
                    <a:cxn ang="0">
                      <a:pos x="4" y="118"/>
                    </a:cxn>
                    <a:cxn ang="0">
                      <a:pos x="10" y="134"/>
                    </a:cxn>
                    <a:cxn ang="0">
                      <a:pos x="20" y="149"/>
                    </a:cxn>
                    <a:cxn ang="0">
                      <a:pos x="32" y="161"/>
                    </a:cxn>
                    <a:cxn ang="0">
                      <a:pos x="48" y="171"/>
                    </a:cxn>
                    <a:cxn ang="0">
                      <a:pos x="63" y="179"/>
                    </a:cxn>
                    <a:cxn ang="0">
                      <a:pos x="81" y="182"/>
                    </a:cxn>
                  </a:cxnLst>
                  <a:rect l="0" t="0" r="r" b="b"/>
                  <a:pathLst>
                    <a:path w="182" h="182">
                      <a:moveTo>
                        <a:pt x="91" y="182"/>
                      </a:moveTo>
                      <a:lnTo>
                        <a:pt x="100" y="182"/>
                      </a:lnTo>
                      <a:lnTo>
                        <a:pt x="109" y="181"/>
                      </a:lnTo>
                      <a:lnTo>
                        <a:pt x="118" y="179"/>
                      </a:lnTo>
                      <a:lnTo>
                        <a:pt x="127" y="175"/>
                      </a:lnTo>
                      <a:lnTo>
                        <a:pt x="134" y="171"/>
                      </a:lnTo>
                      <a:lnTo>
                        <a:pt x="142" y="167"/>
                      </a:lnTo>
                      <a:lnTo>
                        <a:pt x="149" y="161"/>
                      </a:lnTo>
                      <a:lnTo>
                        <a:pt x="155" y="156"/>
                      </a:lnTo>
                      <a:lnTo>
                        <a:pt x="161" y="149"/>
                      </a:lnTo>
                      <a:lnTo>
                        <a:pt x="167"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7" y="40"/>
                      </a:lnTo>
                      <a:lnTo>
                        <a:pt x="161" y="33"/>
                      </a:lnTo>
                      <a:lnTo>
                        <a:pt x="155" y="27"/>
                      </a:lnTo>
                      <a:lnTo>
                        <a:pt x="149" y="20"/>
                      </a:lnTo>
                      <a:lnTo>
                        <a:pt x="142" y="16"/>
                      </a:lnTo>
                      <a:lnTo>
                        <a:pt x="134" y="11"/>
                      </a:lnTo>
                      <a:lnTo>
                        <a:pt x="127" y="7"/>
                      </a:lnTo>
                      <a:lnTo>
                        <a:pt x="118" y="4"/>
                      </a:lnTo>
                      <a:lnTo>
                        <a:pt x="109" y="1"/>
                      </a:lnTo>
                      <a:lnTo>
                        <a:pt x="100" y="0"/>
                      </a:lnTo>
                      <a:lnTo>
                        <a:pt x="91" y="0"/>
                      </a:lnTo>
                      <a:lnTo>
                        <a:pt x="81" y="0"/>
                      </a:lnTo>
                      <a:lnTo>
                        <a:pt x="72" y="1"/>
                      </a:lnTo>
                      <a:lnTo>
                        <a:pt x="63" y="4"/>
                      </a:lnTo>
                      <a:lnTo>
                        <a:pt x="56" y="7"/>
                      </a:lnTo>
                      <a:lnTo>
                        <a:pt x="48" y="11"/>
                      </a:lnTo>
                      <a:lnTo>
                        <a:pt x="40" y="16"/>
                      </a:lnTo>
                      <a:lnTo>
                        <a:pt x="32" y="20"/>
                      </a:lnTo>
                      <a:lnTo>
                        <a:pt x="27" y="27"/>
                      </a:lnTo>
                      <a:lnTo>
                        <a:pt x="20" y="33"/>
                      </a:lnTo>
                      <a:lnTo>
                        <a:pt x="16" y="40"/>
                      </a:lnTo>
                      <a:lnTo>
                        <a:pt x="10" y="48"/>
                      </a:lnTo>
                      <a:lnTo>
                        <a:pt x="7" y="56"/>
                      </a:lnTo>
                      <a:lnTo>
                        <a:pt x="4" y="63"/>
                      </a:lnTo>
                      <a:lnTo>
                        <a:pt x="1" y="72"/>
                      </a:lnTo>
                      <a:lnTo>
                        <a:pt x="0" y="82"/>
                      </a:lnTo>
                      <a:lnTo>
                        <a:pt x="0" y="91"/>
                      </a:lnTo>
                      <a:lnTo>
                        <a:pt x="0" y="100"/>
                      </a:lnTo>
                      <a:lnTo>
                        <a:pt x="1" y="109"/>
                      </a:lnTo>
                      <a:lnTo>
                        <a:pt x="4" y="118"/>
                      </a:lnTo>
                      <a:lnTo>
                        <a:pt x="7" y="127"/>
                      </a:lnTo>
                      <a:lnTo>
                        <a:pt x="10" y="134"/>
                      </a:lnTo>
                      <a:lnTo>
                        <a:pt x="16" y="142"/>
                      </a:lnTo>
                      <a:lnTo>
                        <a:pt x="20" y="149"/>
                      </a:lnTo>
                      <a:lnTo>
                        <a:pt x="27" y="156"/>
                      </a:lnTo>
                      <a:lnTo>
                        <a:pt x="32" y="161"/>
                      </a:lnTo>
                      <a:lnTo>
                        <a:pt x="40" y="167"/>
                      </a:lnTo>
                      <a:lnTo>
                        <a:pt x="48" y="171"/>
                      </a:lnTo>
                      <a:lnTo>
                        <a:pt x="56" y="175"/>
                      </a:lnTo>
                      <a:lnTo>
                        <a:pt x="63" y="179"/>
                      </a:lnTo>
                      <a:lnTo>
                        <a:pt x="72" y="181"/>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59" name="Freeform 91"/>
                <p:cNvSpPr>
                  <a:spLocks/>
                </p:cNvSpPr>
                <p:nvPr/>
              </p:nvSpPr>
              <p:spPr bwMode="auto">
                <a:xfrm>
                  <a:off x="11698690" y="2213924"/>
                  <a:ext cx="30163" cy="28575"/>
                </a:xfrm>
                <a:custGeom>
                  <a:avLst/>
                  <a:gdLst/>
                  <a:ahLst/>
                  <a:cxnLst>
                    <a:cxn ang="0">
                      <a:pos x="100" y="182"/>
                    </a:cxn>
                    <a:cxn ang="0">
                      <a:pos x="118" y="179"/>
                    </a:cxn>
                    <a:cxn ang="0">
                      <a:pos x="134" y="171"/>
                    </a:cxn>
                    <a:cxn ang="0">
                      <a:pos x="149" y="161"/>
                    </a:cxn>
                    <a:cxn ang="0">
                      <a:pos x="162" y="149"/>
                    </a:cxn>
                    <a:cxn ang="0">
                      <a:pos x="171" y="134"/>
                    </a:cxn>
                    <a:cxn ang="0">
                      <a:pos x="179" y="118"/>
                    </a:cxn>
                    <a:cxn ang="0">
                      <a:pos x="182" y="100"/>
                    </a:cxn>
                    <a:cxn ang="0">
                      <a:pos x="182" y="82"/>
                    </a:cxn>
                    <a:cxn ang="0">
                      <a:pos x="179" y="63"/>
                    </a:cxn>
                    <a:cxn ang="0">
                      <a:pos x="171" y="48"/>
                    </a:cxn>
                    <a:cxn ang="0">
                      <a:pos x="162" y="33"/>
                    </a:cxn>
                    <a:cxn ang="0">
                      <a:pos x="149" y="20"/>
                    </a:cxn>
                    <a:cxn ang="0">
                      <a:pos x="134" y="11"/>
                    </a:cxn>
                    <a:cxn ang="0">
                      <a:pos x="118" y="4"/>
                    </a:cxn>
                    <a:cxn ang="0">
                      <a:pos x="100" y="0"/>
                    </a:cxn>
                    <a:cxn ang="0">
                      <a:pos x="82" y="0"/>
                    </a:cxn>
                    <a:cxn ang="0">
                      <a:pos x="64" y="4"/>
                    </a:cxn>
                    <a:cxn ang="0">
                      <a:pos x="48" y="11"/>
                    </a:cxn>
                    <a:cxn ang="0">
                      <a:pos x="33" y="20"/>
                    </a:cxn>
                    <a:cxn ang="0">
                      <a:pos x="20" y="33"/>
                    </a:cxn>
                    <a:cxn ang="0">
                      <a:pos x="11" y="48"/>
                    </a:cxn>
                    <a:cxn ang="0">
                      <a:pos x="3" y="63"/>
                    </a:cxn>
                    <a:cxn ang="0">
                      <a:pos x="0" y="82"/>
                    </a:cxn>
                    <a:cxn ang="0">
                      <a:pos x="0" y="100"/>
                    </a:cxn>
                    <a:cxn ang="0">
                      <a:pos x="3" y="118"/>
                    </a:cxn>
                    <a:cxn ang="0">
                      <a:pos x="11" y="134"/>
                    </a:cxn>
                    <a:cxn ang="0">
                      <a:pos x="20" y="149"/>
                    </a:cxn>
                    <a:cxn ang="0">
                      <a:pos x="33" y="161"/>
                    </a:cxn>
                    <a:cxn ang="0">
                      <a:pos x="48" y="171"/>
                    </a:cxn>
                    <a:cxn ang="0">
                      <a:pos x="64" y="179"/>
                    </a:cxn>
                    <a:cxn ang="0">
                      <a:pos x="82" y="182"/>
                    </a:cxn>
                  </a:cxnLst>
                  <a:rect l="0" t="0" r="r" b="b"/>
                  <a:pathLst>
                    <a:path w="182" h="182">
                      <a:moveTo>
                        <a:pt x="91" y="182"/>
                      </a:moveTo>
                      <a:lnTo>
                        <a:pt x="100" y="182"/>
                      </a:lnTo>
                      <a:lnTo>
                        <a:pt x="110" y="181"/>
                      </a:lnTo>
                      <a:lnTo>
                        <a:pt x="118" y="179"/>
                      </a:lnTo>
                      <a:lnTo>
                        <a:pt x="126" y="175"/>
                      </a:lnTo>
                      <a:lnTo>
                        <a:pt x="134" y="171"/>
                      </a:lnTo>
                      <a:lnTo>
                        <a:pt x="142" y="167"/>
                      </a:lnTo>
                      <a:lnTo>
                        <a:pt x="149" y="161"/>
                      </a:lnTo>
                      <a:lnTo>
                        <a:pt x="155" y="156"/>
                      </a:lnTo>
                      <a:lnTo>
                        <a:pt x="162" y="149"/>
                      </a:lnTo>
                      <a:lnTo>
                        <a:pt x="166"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6" y="40"/>
                      </a:lnTo>
                      <a:lnTo>
                        <a:pt x="162" y="33"/>
                      </a:lnTo>
                      <a:lnTo>
                        <a:pt x="155" y="27"/>
                      </a:lnTo>
                      <a:lnTo>
                        <a:pt x="149" y="20"/>
                      </a:lnTo>
                      <a:lnTo>
                        <a:pt x="142" y="16"/>
                      </a:lnTo>
                      <a:lnTo>
                        <a:pt x="134" y="11"/>
                      </a:lnTo>
                      <a:lnTo>
                        <a:pt x="126" y="7"/>
                      </a:lnTo>
                      <a:lnTo>
                        <a:pt x="118" y="4"/>
                      </a:lnTo>
                      <a:lnTo>
                        <a:pt x="110" y="1"/>
                      </a:lnTo>
                      <a:lnTo>
                        <a:pt x="100" y="0"/>
                      </a:lnTo>
                      <a:lnTo>
                        <a:pt x="91" y="0"/>
                      </a:lnTo>
                      <a:lnTo>
                        <a:pt x="82" y="0"/>
                      </a:lnTo>
                      <a:lnTo>
                        <a:pt x="72" y="1"/>
                      </a:lnTo>
                      <a:lnTo>
                        <a:pt x="64" y="4"/>
                      </a:lnTo>
                      <a:lnTo>
                        <a:pt x="55" y="7"/>
                      </a:lnTo>
                      <a:lnTo>
                        <a:pt x="48" y="11"/>
                      </a:lnTo>
                      <a:lnTo>
                        <a:pt x="40" y="16"/>
                      </a:lnTo>
                      <a:lnTo>
                        <a:pt x="33" y="20"/>
                      </a:lnTo>
                      <a:lnTo>
                        <a:pt x="27" y="27"/>
                      </a:lnTo>
                      <a:lnTo>
                        <a:pt x="20" y="33"/>
                      </a:lnTo>
                      <a:lnTo>
                        <a:pt x="16" y="40"/>
                      </a:lnTo>
                      <a:lnTo>
                        <a:pt x="11" y="48"/>
                      </a:lnTo>
                      <a:lnTo>
                        <a:pt x="7" y="56"/>
                      </a:lnTo>
                      <a:lnTo>
                        <a:pt x="3" y="63"/>
                      </a:lnTo>
                      <a:lnTo>
                        <a:pt x="1" y="72"/>
                      </a:lnTo>
                      <a:lnTo>
                        <a:pt x="0" y="82"/>
                      </a:lnTo>
                      <a:lnTo>
                        <a:pt x="0" y="91"/>
                      </a:lnTo>
                      <a:lnTo>
                        <a:pt x="0" y="100"/>
                      </a:lnTo>
                      <a:lnTo>
                        <a:pt x="1" y="109"/>
                      </a:lnTo>
                      <a:lnTo>
                        <a:pt x="3" y="118"/>
                      </a:lnTo>
                      <a:lnTo>
                        <a:pt x="7" y="127"/>
                      </a:lnTo>
                      <a:lnTo>
                        <a:pt x="11" y="134"/>
                      </a:lnTo>
                      <a:lnTo>
                        <a:pt x="16" y="142"/>
                      </a:lnTo>
                      <a:lnTo>
                        <a:pt x="20" y="149"/>
                      </a:lnTo>
                      <a:lnTo>
                        <a:pt x="27" y="156"/>
                      </a:lnTo>
                      <a:lnTo>
                        <a:pt x="33" y="161"/>
                      </a:lnTo>
                      <a:lnTo>
                        <a:pt x="40" y="167"/>
                      </a:lnTo>
                      <a:lnTo>
                        <a:pt x="48" y="171"/>
                      </a:lnTo>
                      <a:lnTo>
                        <a:pt x="55" y="175"/>
                      </a:lnTo>
                      <a:lnTo>
                        <a:pt x="64" y="179"/>
                      </a:lnTo>
                      <a:lnTo>
                        <a:pt x="72"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0" name="Freeform 92"/>
                <p:cNvSpPr>
                  <a:spLocks/>
                </p:cNvSpPr>
                <p:nvPr/>
              </p:nvSpPr>
              <p:spPr bwMode="auto">
                <a:xfrm>
                  <a:off x="11739965" y="2213924"/>
                  <a:ext cx="28575" cy="28575"/>
                </a:xfrm>
                <a:custGeom>
                  <a:avLst/>
                  <a:gdLst/>
                  <a:ahLst/>
                  <a:cxnLst>
                    <a:cxn ang="0">
                      <a:pos x="101" y="182"/>
                    </a:cxn>
                    <a:cxn ang="0">
                      <a:pos x="118" y="179"/>
                    </a:cxn>
                    <a:cxn ang="0">
                      <a:pos x="134" y="171"/>
                    </a:cxn>
                    <a:cxn ang="0">
                      <a:pos x="148" y="161"/>
                    </a:cxn>
                    <a:cxn ang="0">
                      <a:pos x="162" y="149"/>
                    </a:cxn>
                    <a:cxn ang="0">
                      <a:pos x="172" y="134"/>
                    </a:cxn>
                    <a:cxn ang="0">
                      <a:pos x="178" y="118"/>
                    </a:cxn>
                    <a:cxn ang="0">
                      <a:pos x="182" y="100"/>
                    </a:cxn>
                    <a:cxn ang="0">
                      <a:pos x="182" y="82"/>
                    </a:cxn>
                    <a:cxn ang="0">
                      <a:pos x="178" y="63"/>
                    </a:cxn>
                    <a:cxn ang="0">
                      <a:pos x="172" y="48"/>
                    </a:cxn>
                    <a:cxn ang="0">
                      <a:pos x="162" y="33"/>
                    </a:cxn>
                    <a:cxn ang="0">
                      <a:pos x="148" y="20"/>
                    </a:cxn>
                    <a:cxn ang="0">
                      <a:pos x="134" y="11"/>
                    </a:cxn>
                    <a:cxn ang="0">
                      <a:pos x="118" y="4"/>
                    </a:cxn>
                    <a:cxn ang="0">
                      <a:pos x="101" y="0"/>
                    </a:cxn>
                    <a:cxn ang="0">
                      <a:pos x="82" y="0"/>
                    </a:cxn>
                    <a:cxn ang="0">
                      <a:pos x="64" y="4"/>
                    </a:cxn>
                    <a:cxn ang="0">
                      <a:pos x="48" y="11"/>
                    </a:cxn>
                    <a:cxn ang="0">
                      <a:pos x="33" y="20"/>
                    </a:cxn>
                    <a:cxn ang="0">
                      <a:pos x="21" y="33"/>
                    </a:cxn>
                    <a:cxn ang="0">
                      <a:pos x="11" y="48"/>
                    </a:cxn>
                    <a:cxn ang="0">
                      <a:pos x="3" y="63"/>
                    </a:cxn>
                    <a:cxn ang="0">
                      <a:pos x="0" y="82"/>
                    </a:cxn>
                    <a:cxn ang="0">
                      <a:pos x="0" y="100"/>
                    </a:cxn>
                    <a:cxn ang="0">
                      <a:pos x="3"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8" y="179"/>
                      </a:lnTo>
                      <a:lnTo>
                        <a:pt x="126" y="175"/>
                      </a:lnTo>
                      <a:lnTo>
                        <a:pt x="134" y="171"/>
                      </a:lnTo>
                      <a:lnTo>
                        <a:pt x="142" y="167"/>
                      </a:lnTo>
                      <a:lnTo>
                        <a:pt x="148" y="161"/>
                      </a:lnTo>
                      <a:lnTo>
                        <a:pt x="155" y="156"/>
                      </a:lnTo>
                      <a:lnTo>
                        <a:pt x="162" y="149"/>
                      </a:lnTo>
                      <a:lnTo>
                        <a:pt x="166"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6" y="40"/>
                      </a:lnTo>
                      <a:lnTo>
                        <a:pt x="162" y="33"/>
                      </a:lnTo>
                      <a:lnTo>
                        <a:pt x="155" y="27"/>
                      </a:lnTo>
                      <a:lnTo>
                        <a:pt x="148" y="20"/>
                      </a:lnTo>
                      <a:lnTo>
                        <a:pt x="142" y="16"/>
                      </a:lnTo>
                      <a:lnTo>
                        <a:pt x="134" y="11"/>
                      </a:lnTo>
                      <a:lnTo>
                        <a:pt x="126" y="7"/>
                      </a:lnTo>
                      <a:lnTo>
                        <a:pt x="118" y="4"/>
                      </a:lnTo>
                      <a:lnTo>
                        <a:pt x="110" y="1"/>
                      </a:lnTo>
                      <a:lnTo>
                        <a:pt x="101" y="0"/>
                      </a:lnTo>
                      <a:lnTo>
                        <a:pt x="91"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6" y="56"/>
                      </a:lnTo>
                      <a:lnTo>
                        <a:pt x="3" y="63"/>
                      </a:lnTo>
                      <a:lnTo>
                        <a:pt x="1" y="72"/>
                      </a:lnTo>
                      <a:lnTo>
                        <a:pt x="0" y="82"/>
                      </a:lnTo>
                      <a:lnTo>
                        <a:pt x="0" y="91"/>
                      </a:lnTo>
                      <a:lnTo>
                        <a:pt x="0" y="100"/>
                      </a:lnTo>
                      <a:lnTo>
                        <a:pt x="1" y="109"/>
                      </a:lnTo>
                      <a:lnTo>
                        <a:pt x="3" y="118"/>
                      </a:lnTo>
                      <a:lnTo>
                        <a:pt x="6"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1" name="Freeform 93"/>
                <p:cNvSpPr>
                  <a:spLocks/>
                </p:cNvSpPr>
                <p:nvPr/>
              </p:nvSpPr>
              <p:spPr bwMode="auto">
                <a:xfrm>
                  <a:off x="11779653" y="2213924"/>
                  <a:ext cx="28575" cy="28575"/>
                </a:xfrm>
                <a:custGeom>
                  <a:avLst/>
                  <a:gdLst/>
                  <a:ahLst/>
                  <a:cxnLst>
                    <a:cxn ang="0">
                      <a:pos x="101" y="182"/>
                    </a:cxn>
                    <a:cxn ang="0">
                      <a:pos x="118" y="179"/>
                    </a:cxn>
                    <a:cxn ang="0">
                      <a:pos x="134" y="171"/>
                    </a:cxn>
                    <a:cxn ang="0">
                      <a:pos x="149" y="161"/>
                    </a:cxn>
                    <a:cxn ang="0">
                      <a:pos x="162" y="149"/>
                    </a:cxn>
                    <a:cxn ang="0">
                      <a:pos x="172" y="134"/>
                    </a:cxn>
                    <a:cxn ang="0">
                      <a:pos x="178" y="118"/>
                    </a:cxn>
                    <a:cxn ang="0">
                      <a:pos x="182" y="100"/>
                    </a:cxn>
                    <a:cxn ang="0">
                      <a:pos x="182" y="82"/>
                    </a:cxn>
                    <a:cxn ang="0">
                      <a:pos x="178" y="63"/>
                    </a:cxn>
                    <a:cxn ang="0">
                      <a:pos x="172" y="48"/>
                    </a:cxn>
                    <a:cxn ang="0">
                      <a:pos x="162" y="33"/>
                    </a:cxn>
                    <a:cxn ang="0">
                      <a:pos x="149" y="20"/>
                    </a:cxn>
                    <a:cxn ang="0">
                      <a:pos x="134" y="11"/>
                    </a:cxn>
                    <a:cxn ang="0">
                      <a:pos x="118" y="4"/>
                    </a:cxn>
                    <a:cxn ang="0">
                      <a:pos x="101" y="0"/>
                    </a:cxn>
                    <a:cxn ang="0">
                      <a:pos x="82" y="0"/>
                    </a:cxn>
                    <a:cxn ang="0">
                      <a:pos x="64" y="4"/>
                    </a:cxn>
                    <a:cxn ang="0">
                      <a:pos x="47"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7" y="171"/>
                    </a:cxn>
                    <a:cxn ang="0">
                      <a:pos x="64" y="179"/>
                    </a:cxn>
                    <a:cxn ang="0">
                      <a:pos x="82" y="182"/>
                    </a:cxn>
                  </a:cxnLst>
                  <a:rect l="0" t="0" r="r" b="b"/>
                  <a:pathLst>
                    <a:path w="183" h="182">
                      <a:moveTo>
                        <a:pt x="91" y="182"/>
                      </a:moveTo>
                      <a:lnTo>
                        <a:pt x="101" y="182"/>
                      </a:lnTo>
                      <a:lnTo>
                        <a:pt x="109" y="181"/>
                      </a:lnTo>
                      <a:lnTo>
                        <a:pt x="118" y="179"/>
                      </a:lnTo>
                      <a:lnTo>
                        <a:pt x="126" y="175"/>
                      </a:lnTo>
                      <a:lnTo>
                        <a:pt x="134" y="171"/>
                      </a:lnTo>
                      <a:lnTo>
                        <a:pt x="142" y="167"/>
                      </a:lnTo>
                      <a:lnTo>
                        <a:pt x="149" y="161"/>
                      </a:lnTo>
                      <a:lnTo>
                        <a:pt x="156" y="156"/>
                      </a:lnTo>
                      <a:lnTo>
                        <a:pt x="162" y="149"/>
                      </a:lnTo>
                      <a:lnTo>
                        <a:pt x="167" y="142"/>
                      </a:lnTo>
                      <a:lnTo>
                        <a:pt x="172" y="134"/>
                      </a:lnTo>
                      <a:lnTo>
                        <a:pt x="175" y="127"/>
                      </a:lnTo>
                      <a:lnTo>
                        <a:pt x="178" y="118"/>
                      </a:lnTo>
                      <a:lnTo>
                        <a:pt x="180" y="109"/>
                      </a:lnTo>
                      <a:lnTo>
                        <a:pt x="182" y="100"/>
                      </a:lnTo>
                      <a:lnTo>
                        <a:pt x="183" y="91"/>
                      </a:lnTo>
                      <a:lnTo>
                        <a:pt x="182" y="82"/>
                      </a:lnTo>
                      <a:lnTo>
                        <a:pt x="180" y="72"/>
                      </a:lnTo>
                      <a:lnTo>
                        <a:pt x="178" y="63"/>
                      </a:lnTo>
                      <a:lnTo>
                        <a:pt x="175" y="56"/>
                      </a:lnTo>
                      <a:lnTo>
                        <a:pt x="172" y="48"/>
                      </a:lnTo>
                      <a:lnTo>
                        <a:pt x="167" y="40"/>
                      </a:lnTo>
                      <a:lnTo>
                        <a:pt x="162" y="33"/>
                      </a:lnTo>
                      <a:lnTo>
                        <a:pt x="156" y="27"/>
                      </a:lnTo>
                      <a:lnTo>
                        <a:pt x="149" y="20"/>
                      </a:lnTo>
                      <a:lnTo>
                        <a:pt x="142" y="16"/>
                      </a:lnTo>
                      <a:lnTo>
                        <a:pt x="134" y="11"/>
                      </a:lnTo>
                      <a:lnTo>
                        <a:pt x="126" y="7"/>
                      </a:lnTo>
                      <a:lnTo>
                        <a:pt x="118" y="4"/>
                      </a:lnTo>
                      <a:lnTo>
                        <a:pt x="109" y="1"/>
                      </a:lnTo>
                      <a:lnTo>
                        <a:pt x="101" y="0"/>
                      </a:lnTo>
                      <a:lnTo>
                        <a:pt x="91" y="0"/>
                      </a:lnTo>
                      <a:lnTo>
                        <a:pt x="82" y="0"/>
                      </a:lnTo>
                      <a:lnTo>
                        <a:pt x="73" y="1"/>
                      </a:lnTo>
                      <a:lnTo>
                        <a:pt x="64" y="4"/>
                      </a:lnTo>
                      <a:lnTo>
                        <a:pt x="55" y="7"/>
                      </a:lnTo>
                      <a:lnTo>
                        <a:pt x="47" y="11"/>
                      </a:lnTo>
                      <a:lnTo>
                        <a:pt x="40" y="16"/>
                      </a:lnTo>
                      <a:lnTo>
                        <a:pt x="33" y="20"/>
                      </a:lnTo>
                      <a:lnTo>
                        <a:pt x="26" y="27"/>
                      </a:lnTo>
                      <a:lnTo>
                        <a:pt x="21" y="33"/>
                      </a:lnTo>
                      <a:lnTo>
                        <a:pt x="15" y="40"/>
                      </a:lnTo>
                      <a:lnTo>
                        <a:pt x="11" y="48"/>
                      </a:lnTo>
                      <a:lnTo>
                        <a:pt x="6" y="56"/>
                      </a:lnTo>
                      <a:lnTo>
                        <a:pt x="4" y="63"/>
                      </a:lnTo>
                      <a:lnTo>
                        <a:pt x="2" y="72"/>
                      </a:lnTo>
                      <a:lnTo>
                        <a:pt x="0" y="82"/>
                      </a:lnTo>
                      <a:lnTo>
                        <a:pt x="0" y="91"/>
                      </a:lnTo>
                      <a:lnTo>
                        <a:pt x="0" y="100"/>
                      </a:lnTo>
                      <a:lnTo>
                        <a:pt x="2" y="109"/>
                      </a:lnTo>
                      <a:lnTo>
                        <a:pt x="4" y="118"/>
                      </a:lnTo>
                      <a:lnTo>
                        <a:pt x="6" y="127"/>
                      </a:lnTo>
                      <a:lnTo>
                        <a:pt x="11" y="134"/>
                      </a:lnTo>
                      <a:lnTo>
                        <a:pt x="15" y="142"/>
                      </a:lnTo>
                      <a:lnTo>
                        <a:pt x="21" y="149"/>
                      </a:lnTo>
                      <a:lnTo>
                        <a:pt x="26" y="156"/>
                      </a:lnTo>
                      <a:lnTo>
                        <a:pt x="33" y="161"/>
                      </a:lnTo>
                      <a:lnTo>
                        <a:pt x="40" y="167"/>
                      </a:lnTo>
                      <a:lnTo>
                        <a:pt x="47"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2" name="Freeform 94"/>
                <p:cNvSpPr>
                  <a:spLocks/>
                </p:cNvSpPr>
                <p:nvPr/>
              </p:nvSpPr>
              <p:spPr bwMode="auto">
                <a:xfrm>
                  <a:off x="12235265" y="2399662"/>
                  <a:ext cx="203200" cy="34925"/>
                </a:xfrm>
                <a:custGeom>
                  <a:avLst/>
                  <a:gdLst/>
                  <a:ahLst/>
                  <a:cxnLst>
                    <a:cxn ang="0">
                      <a:pos x="1170" y="0"/>
                    </a:cxn>
                    <a:cxn ang="0">
                      <a:pos x="1192" y="2"/>
                    </a:cxn>
                    <a:cxn ang="0">
                      <a:pos x="1212" y="9"/>
                    </a:cxn>
                    <a:cxn ang="0">
                      <a:pos x="1231" y="19"/>
                    </a:cxn>
                    <a:cxn ang="0">
                      <a:pos x="1246" y="32"/>
                    </a:cxn>
                    <a:cxn ang="0">
                      <a:pos x="1259" y="49"/>
                    </a:cxn>
                    <a:cxn ang="0">
                      <a:pos x="1271" y="67"/>
                    </a:cxn>
                    <a:cxn ang="0">
                      <a:pos x="1276" y="88"/>
                    </a:cxn>
                    <a:cxn ang="0">
                      <a:pos x="1278" y="109"/>
                    </a:cxn>
                    <a:cxn ang="0">
                      <a:pos x="1276" y="131"/>
                    </a:cxn>
                    <a:cxn ang="0">
                      <a:pos x="1271" y="151"/>
                    </a:cxn>
                    <a:cxn ang="0">
                      <a:pos x="1259" y="170"/>
                    </a:cxn>
                    <a:cxn ang="0">
                      <a:pos x="1246" y="186"/>
                    </a:cxn>
                    <a:cxn ang="0">
                      <a:pos x="1231" y="200"/>
                    </a:cxn>
                    <a:cxn ang="0">
                      <a:pos x="1212" y="210"/>
                    </a:cxn>
                    <a:cxn ang="0">
                      <a:pos x="1192" y="216"/>
                    </a:cxn>
                    <a:cxn ang="0">
                      <a:pos x="1170" y="219"/>
                    </a:cxn>
                    <a:cxn ang="0">
                      <a:pos x="97" y="217"/>
                    </a:cxn>
                    <a:cxn ang="0">
                      <a:pos x="76" y="213"/>
                    </a:cxn>
                    <a:cxn ang="0">
                      <a:pos x="56" y="205"/>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1"/>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7"/>
                      </a:lnTo>
                      <a:lnTo>
                        <a:pt x="1170" y="219"/>
                      </a:lnTo>
                      <a:lnTo>
                        <a:pt x="108" y="219"/>
                      </a:lnTo>
                      <a:lnTo>
                        <a:pt x="97" y="217"/>
                      </a:lnTo>
                      <a:lnTo>
                        <a:pt x="86" y="216"/>
                      </a:lnTo>
                      <a:lnTo>
                        <a:pt x="76" y="213"/>
                      </a:lnTo>
                      <a:lnTo>
                        <a:pt x="66" y="210"/>
                      </a:lnTo>
                      <a:lnTo>
                        <a:pt x="56" y="205"/>
                      </a:lnTo>
                      <a:lnTo>
                        <a:pt x="47" y="200"/>
                      </a:lnTo>
                      <a:lnTo>
                        <a:pt x="40" y="193"/>
                      </a:lnTo>
                      <a:lnTo>
                        <a:pt x="32" y="186"/>
                      </a:lnTo>
                      <a:lnTo>
                        <a:pt x="24" y="179"/>
                      </a:lnTo>
                      <a:lnTo>
                        <a:pt x="19" y="170"/>
                      </a:lnTo>
                      <a:lnTo>
                        <a:pt x="13" y="161"/>
                      </a:lnTo>
                      <a:lnTo>
                        <a:pt x="9" y="151"/>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3" name="Freeform 95"/>
                <p:cNvSpPr>
                  <a:spLocks/>
                </p:cNvSpPr>
                <p:nvPr/>
              </p:nvSpPr>
              <p:spPr bwMode="auto">
                <a:xfrm>
                  <a:off x="11619315" y="2401249"/>
                  <a:ext cx="28575" cy="28575"/>
                </a:xfrm>
                <a:custGeom>
                  <a:avLst/>
                  <a:gdLst/>
                  <a:ahLst/>
                  <a:cxnLst>
                    <a:cxn ang="0">
                      <a:pos x="101" y="183"/>
                    </a:cxn>
                    <a:cxn ang="0">
                      <a:pos x="119" y="179"/>
                    </a:cxn>
                    <a:cxn ang="0">
                      <a:pos x="136" y="172"/>
                    </a:cxn>
                    <a:cxn ang="0">
                      <a:pos x="150" y="162"/>
                    </a:cxn>
                    <a:cxn ang="0">
                      <a:pos x="162" y="149"/>
                    </a:cxn>
                    <a:cxn ang="0">
                      <a:pos x="172" y="135"/>
                    </a:cxn>
                    <a:cxn ang="0">
                      <a:pos x="179" y="118"/>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8"/>
                    </a:cxn>
                    <a:cxn ang="0">
                      <a:pos x="11" y="135"/>
                    </a:cxn>
                    <a:cxn ang="0">
                      <a:pos x="21" y="149"/>
                    </a:cxn>
                    <a:cxn ang="0">
                      <a:pos x="34" y="162"/>
                    </a:cxn>
                    <a:cxn ang="0">
                      <a:pos x="49" y="172"/>
                    </a:cxn>
                    <a:cxn ang="0">
                      <a:pos x="65" y="179"/>
                    </a:cxn>
                    <a:cxn ang="0">
                      <a:pos x="82" y="183"/>
                    </a:cxn>
                  </a:cxnLst>
                  <a:rect l="0" t="0" r="r" b="b"/>
                  <a:pathLst>
                    <a:path w="183" h="183">
                      <a:moveTo>
                        <a:pt x="92" y="183"/>
                      </a:moveTo>
                      <a:lnTo>
                        <a:pt x="101" y="183"/>
                      </a:lnTo>
                      <a:lnTo>
                        <a:pt x="110" y="182"/>
                      </a:lnTo>
                      <a:lnTo>
                        <a:pt x="119" y="179"/>
                      </a:lnTo>
                      <a:lnTo>
                        <a:pt x="128" y="176"/>
                      </a:lnTo>
                      <a:lnTo>
                        <a:pt x="136" y="172"/>
                      </a:lnTo>
                      <a:lnTo>
                        <a:pt x="143" y="167"/>
                      </a:lnTo>
                      <a:lnTo>
                        <a:pt x="150" y="162"/>
                      </a:lnTo>
                      <a:lnTo>
                        <a:pt x="157" y="156"/>
                      </a:lnTo>
                      <a:lnTo>
                        <a:pt x="162" y="149"/>
                      </a:lnTo>
                      <a:lnTo>
                        <a:pt x="168" y="143"/>
                      </a:lnTo>
                      <a:lnTo>
                        <a:pt x="172" y="135"/>
                      </a:lnTo>
                      <a:lnTo>
                        <a:pt x="177" y="127"/>
                      </a:lnTo>
                      <a:lnTo>
                        <a:pt x="179" y="118"/>
                      </a:lnTo>
                      <a:lnTo>
                        <a:pt x="181" y="110"/>
                      </a:lnTo>
                      <a:lnTo>
                        <a:pt x="183" y="101"/>
                      </a:lnTo>
                      <a:lnTo>
                        <a:pt x="183" y="92"/>
                      </a:lnTo>
                      <a:lnTo>
                        <a:pt x="183" y="82"/>
                      </a:lnTo>
                      <a:lnTo>
                        <a:pt x="181" y="73"/>
                      </a:lnTo>
                      <a:lnTo>
                        <a:pt x="179" y="64"/>
                      </a:lnTo>
                      <a:lnTo>
                        <a:pt x="177" y="56"/>
                      </a:lnTo>
                      <a:lnTo>
                        <a:pt x="172" y="48"/>
                      </a:lnTo>
                      <a:lnTo>
                        <a:pt x="168" y="41"/>
                      </a:lnTo>
                      <a:lnTo>
                        <a:pt x="162" y="33"/>
                      </a:lnTo>
                      <a:lnTo>
                        <a:pt x="157" y="27"/>
                      </a:lnTo>
                      <a:lnTo>
                        <a:pt x="150" y="21"/>
                      </a:lnTo>
                      <a:lnTo>
                        <a:pt x="143" y="16"/>
                      </a:lnTo>
                      <a:lnTo>
                        <a:pt x="136" y="11"/>
                      </a:lnTo>
                      <a:lnTo>
                        <a:pt x="128" y="7"/>
                      </a:lnTo>
                      <a:lnTo>
                        <a:pt x="119" y="4"/>
                      </a:lnTo>
                      <a:lnTo>
                        <a:pt x="110" y="2"/>
                      </a:lnTo>
                      <a:lnTo>
                        <a:pt x="101" y="1"/>
                      </a:lnTo>
                      <a:lnTo>
                        <a:pt x="92" y="0"/>
                      </a:lnTo>
                      <a:lnTo>
                        <a:pt x="82" y="1"/>
                      </a:lnTo>
                      <a:lnTo>
                        <a:pt x="73" y="2"/>
                      </a:lnTo>
                      <a:lnTo>
                        <a:pt x="65" y="4"/>
                      </a:lnTo>
                      <a:lnTo>
                        <a:pt x="57" y="7"/>
                      </a:lnTo>
                      <a:lnTo>
                        <a:pt x="49" y="11"/>
                      </a:lnTo>
                      <a:lnTo>
                        <a:pt x="41" y="16"/>
                      </a:lnTo>
                      <a:lnTo>
                        <a:pt x="34" y="21"/>
                      </a:lnTo>
                      <a:lnTo>
                        <a:pt x="28" y="27"/>
                      </a:lnTo>
                      <a:lnTo>
                        <a:pt x="21" y="33"/>
                      </a:lnTo>
                      <a:lnTo>
                        <a:pt x="16" y="41"/>
                      </a:lnTo>
                      <a:lnTo>
                        <a:pt x="11" y="48"/>
                      </a:lnTo>
                      <a:lnTo>
                        <a:pt x="8" y="56"/>
                      </a:lnTo>
                      <a:lnTo>
                        <a:pt x="5" y="64"/>
                      </a:lnTo>
                      <a:lnTo>
                        <a:pt x="2" y="73"/>
                      </a:lnTo>
                      <a:lnTo>
                        <a:pt x="1" y="82"/>
                      </a:lnTo>
                      <a:lnTo>
                        <a:pt x="0" y="92"/>
                      </a:lnTo>
                      <a:lnTo>
                        <a:pt x="1" y="101"/>
                      </a:lnTo>
                      <a:lnTo>
                        <a:pt x="2" y="110"/>
                      </a:lnTo>
                      <a:lnTo>
                        <a:pt x="5" y="118"/>
                      </a:lnTo>
                      <a:lnTo>
                        <a:pt x="8" y="127"/>
                      </a:lnTo>
                      <a:lnTo>
                        <a:pt x="11" y="135"/>
                      </a:lnTo>
                      <a:lnTo>
                        <a:pt x="16" y="143"/>
                      </a:lnTo>
                      <a:lnTo>
                        <a:pt x="21" y="149"/>
                      </a:lnTo>
                      <a:lnTo>
                        <a:pt x="28" y="156"/>
                      </a:lnTo>
                      <a:lnTo>
                        <a:pt x="34" y="162"/>
                      </a:lnTo>
                      <a:lnTo>
                        <a:pt x="41" y="167"/>
                      </a:lnTo>
                      <a:lnTo>
                        <a:pt x="49" y="172"/>
                      </a:lnTo>
                      <a:lnTo>
                        <a:pt x="57" y="176"/>
                      </a:lnTo>
                      <a:lnTo>
                        <a:pt x="65"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4" name="Freeform 96"/>
                <p:cNvSpPr>
                  <a:spLocks/>
                </p:cNvSpPr>
                <p:nvPr/>
              </p:nvSpPr>
              <p:spPr bwMode="auto">
                <a:xfrm>
                  <a:off x="11659003" y="2401249"/>
                  <a:ext cx="28575" cy="28575"/>
                </a:xfrm>
                <a:custGeom>
                  <a:avLst/>
                  <a:gdLst/>
                  <a:ahLst/>
                  <a:cxnLst>
                    <a:cxn ang="0">
                      <a:pos x="100" y="183"/>
                    </a:cxn>
                    <a:cxn ang="0">
                      <a:pos x="118" y="179"/>
                    </a:cxn>
                    <a:cxn ang="0">
                      <a:pos x="134"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8"/>
                    </a:cxn>
                    <a:cxn ang="0">
                      <a:pos x="10" y="135"/>
                    </a:cxn>
                    <a:cxn ang="0">
                      <a:pos x="20" y="149"/>
                    </a:cxn>
                    <a:cxn ang="0">
                      <a:pos x="32" y="162"/>
                    </a:cxn>
                    <a:cxn ang="0">
                      <a:pos x="48" y="172"/>
                    </a:cxn>
                    <a:cxn ang="0">
                      <a:pos x="63" y="179"/>
                    </a:cxn>
                    <a:cxn ang="0">
                      <a:pos x="81" y="183"/>
                    </a:cxn>
                  </a:cxnLst>
                  <a:rect l="0" t="0" r="r" b="b"/>
                  <a:pathLst>
                    <a:path w="182" h="183">
                      <a:moveTo>
                        <a:pt x="91" y="183"/>
                      </a:moveTo>
                      <a:lnTo>
                        <a:pt x="100" y="183"/>
                      </a:lnTo>
                      <a:lnTo>
                        <a:pt x="109" y="182"/>
                      </a:lnTo>
                      <a:lnTo>
                        <a:pt x="118" y="179"/>
                      </a:lnTo>
                      <a:lnTo>
                        <a:pt x="127" y="176"/>
                      </a:lnTo>
                      <a:lnTo>
                        <a:pt x="134" y="172"/>
                      </a:lnTo>
                      <a:lnTo>
                        <a:pt x="142" y="167"/>
                      </a:lnTo>
                      <a:lnTo>
                        <a:pt x="149" y="162"/>
                      </a:lnTo>
                      <a:lnTo>
                        <a:pt x="155" y="156"/>
                      </a:lnTo>
                      <a:lnTo>
                        <a:pt x="161" y="149"/>
                      </a:lnTo>
                      <a:lnTo>
                        <a:pt x="167"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7" y="41"/>
                      </a:lnTo>
                      <a:lnTo>
                        <a:pt x="161" y="33"/>
                      </a:lnTo>
                      <a:lnTo>
                        <a:pt x="155" y="27"/>
                      </a:lnTo>
                      <a:lnTo>
                        <a:pt x="149" y="21"/>
                      </a:lnTo>
                      <a:lnTo>
                        <a:pt x="142" y="16"/>
                      </a:lnTo>
                      <a:lnTo>
                        <a:pt x="134" y="11"/>
                      </a:lnTo>
                      <a:lnTo>
                        <a:pt x="127" y="7"/>
                      </a:lnTo>
                      <a:lnTo>
                        <a:pt x="118" y="4"/>
                      </a:lnTo>
                      <a:lnTo>
                        <a:pt x="109" y="2"/>
                      </a:lnTo>
                      <a:lnTo>
                        <a:pt x="100" y="1"/>
                      </a:lnTo>
                      <a:lnTo>
                        <a:pt x="91" y="0"/>
                      </a:lnTo>
                      <a:lnTo>
                        <a:pt x="81" y="1"/>
                      </a:lnTo>
                      <a:lnTo>
                        <a:pt x="72" y="2"/>
                      </a:lnTo>
                      <a:lnTo>
                        <a:pt x="63" y="4"/>
                      </a:lnTo>
                      <a:lnTo>
                        <a:pt x="56" y="7"/>
                      </a:lnTo>
                      <a:lnTo>
                        <a:pt x="48" y="11"/>
                      </a:lnTo>
                      <a:lnTo>
                        <a:pt x="40" y="16"/>
                      </a:lnTo>
                      <a:lnTo>
                        <a:pt x="32" y="21"/>
                      </a:lnTo>
                      <a:lnTo>
                        <a:pt x="27" y="27"/>
                      </a:lnTo>
                      <a:lnTo>
                        <a:pt x="20" y="33"/>
                      </a:lnTo>
                      <a:lnTo>
                        <a:pt x="16" y="41"/>
                      </a:lnTo>
                      <a:lnTo>
                        <a:pt x="10" y="48"/>
                      </a:lnTo>
                      <a:lnTo>
                        <a:pt x="7" y="56"/>
                      </a:lnTo>
                      <a:lnTo>
                        <a:pt x="4" y="64"/>
                      </a:lnTo>
                      <a:lnTo>
                        <a:pt x="1" y="73"/>
                      </a:lnTo>
                      <a:lnTo>
                        <a:pt x="0" y="82"/>
                      </a:lnTo>
                      <a:lnTo>
                        <a:pt x="0" y="92"/>
                      </a:lnTo>
                      <a:lnTo>
                        <a:pt x="0" y="101"/>
                      </a:lnTo>
                      <a:lnTo>
                        <a:pt x="1" y="110"/>
                      </a:lnTo>
                      <a:lnTo>
                        <a:pt x="4" y="118"/>
                      </a:lnTo>
                      <a:lnTo>
                        <a:pt x="7" y="127"/>
                      </a:lnTo>
                      <a:lnTo>
                        <a:pt x="10" y="135"/>
                      </a:lnTo>
                      <a:lnTo>
                        <a:pt x="16" y="143"/>
                      </a:lnTo>
                      <a:lnTo>
                        <a:pt x="20" y="149"/>
                      </a:lnTo>
                      <a:lnTo>
                        <a:pt x="27" y="156"/>
                      </a:lnTo>
                      <a:lnTo>
                        <a:pt x="32" y="162"/>
                      </a:lnTo>
                      <a:lnTo>
                        <a:pt x="40" y="167"/>
                      </a:lnTo>
                      <a:lnTo>
                        <a:pt x="48" y="172"/>
                      </a:lnTo>
                      <a:lnTo>
                        <a:pt x="56" y="176"/>
                      </a:lnTo>
                      <a:lnTo>
                        <a:pt x="63" y="179"/>
                      </a:lnTo>
                      <a:lnTo>
                        <a:pt x="72" y="182"/>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5" name="Freeform 97"/>
                <p:cNvSpPr>
                  <a:spLocks/>
                </p:cNvSpPr>
                <p:nvPr/>
              </p:nvSpPr>
              <p:spPr bwMode="auto">
                <a:xfrm>
                  <a:off x="11698690" y="2401249"/>
                  <a:ext cx="30163" cy="28575"/>
                </a:xfrm>
                <a:custGeom>
                  <a:avLst/>
                  <a:gdLst/>
                  <a:ahLst/>
                  <a:cxnLst>
                    <a:cxn ang="0">
                      <a:pos x="100" y="183"/>
                    </a:cxn>
                    <a:cxn ang="0">
                      <a:pos x="118" y="179"/>
                    </a:cxn>
                    <a:cxn ang="0">
                      <a:pos x="134" y="172"/>
                    </a:cxn>
                    <a:cxn ang="0">
                      <a:pos x="149" y="162"/>
                    </a:cxn>
                    <a:cxn ang="0">
                      <a:pos x="162" y="149"/>
                    </a:cxn>
                    <a:cxn ang="0">
                      <a:pos x="171" y="135"/>
                    </a:cxn>
                    <a:cxn ang="0">
                      <a:pos x="179" y="118"/>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8"/>
                    </a:cxn>
                    <a:cxn ang="0">
                      <a:pos x="11" y="135"/>
                    </a:cxn>
                    <a:cxn ang="0">
                      <a:pos x="20" y="149"/>
                    </a:cxn>
                    <a:cxn ang="0">
                      <a:pos x="33" y="162"/>
                    </a:cxn>
                    <a:cxn ang="0">
                      <a:pos x="48" y="172"/>
                    </a:cxn>
                    <a:cxn ang="0">
                      <a:pos x="64" y="179"/>
                    </a:cxn>
                    <a:cxn ang="0">
                      <a:pos x="82" y="183"/>
                    </a:cxn>
                  </a:cxnLst>
                  <a:rect l="0" t="0" r="r" b="b"/>
                  <a:pathLst>
                    <a:path w="182" h="183">
                      <a:moveTo>
                        <a:pt x="91" y="183"/>
                      </a:moveTo>
                      <a:lnTo>
                        <a:pt x="100" y="183"/>
                      </a:lnTo>
                      <a:lnTo>
                        <a:pt x="110" y="182"/>
                      </a:lnTo>
                      <a:lnTo>
                        <a:pt x="118" y="179"/>
                      </a:lnTo>
                      <a:lnTo>
                        <a:pt x="126" y="176"/>
                      </a:lnTo>
                      <a:lnTo>
                        <a:pt x="134" y="172"/>
                      </a:lnTo>
                      <a:lnTo>
                        <a:pt x="142" y="167"/>
                      </a:lnTo>
                      <a:lnTo>
                        <a:pt x="149" y="162"/>
                      </a:lnTo>
                      <a:lnTo>
                        <a:pt x="155" y="156"/>
                      </a:lnTo>
                      <a:lnTo>
                        <a:pt x="162" y="149"/>
                      </a:lnTo>
                      <a:lnTo>
                        <a:pt x="166"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6" y="41"/>
                      </a:lnTo>
                      <a:lnTo>
                        <a:pt x="162" y="33"/>
                      </a:lnTo>
                      <a:lnTo>
                        <a:pt x="155" y="27"/>
                      </a:lnTo>
                      <a:lnTo>
                        <a:pt x="149" y="21"/>
                      </a:lnTo>
                      <a:lnTo>
                        <a:pt x="142" y="16"/>
                      </a:lnTo>
                      <a:lnTo>
                        <a:pt x="134" y="11"/>
                      </a:lnTo>
                      <a:lnTo>
                        <a:pt x="126" y="7"/>
                      </a:lnTo>
                      <a:lnTo>
                        <a:pt x="118" y="4"/>
                      </a:lnTo>
                      <a:lnTo>
                        <a:pt x="110" y="2"/>
                      </a:lnTo>
                      <a:lnTo>
                        <a:pt x="100" y="1"/>
                      </a:lnTo>
                      <a:lnTo>
                        <a:pt x="91" y="0"/>
                      </a:lnTo>
                      <a:lnTo>
                        <a:pt x="82" y="1"/>
                      </a:lnTo>
                      <a:lnTo>
                        <a:pt x="72" y="2"/>
                      </a:lnTo>
                      <a:lnTo>
                        <a:pt x="64" y="4"/>
                      </a:lnTo>
                      <a:lnTo>
                        <a:pt x="55" y="7"/>
                      </a:lnTo>
                      <a:lnTo>
                        <a:pt x="48" y="11"/>
                      </a:lnTo>
                      <a:lnTo>
                        <a:pt x="40" y="16"/>
                      </a:lnTo>
                      <a:lnTo>
                        <a:pt x="33" y="21"/>
                      </a:lnTo>
                      <a:lnTo>
                        <a:pt x="27" y="27"/>
                      </a:lnTo>
                      <a:lnTo>
                        <a:pt x="20" y="33"/>
                      </a:lnTo>
                      <a:lnTo>
                        <a:pt x="16" y="41"/>
                      </a:lnTo>
                      <a:lnTo>
                        <a:pt x="11" y="48"/>
                      </a:lnTo>
                      <a:lnTo>
                        <a:pt x="7" y="56"/>
                      </a:lnTo>
                      <a:lnTo>
                        <a:pt x="3" y="64"/>
                      </a:lnTo>
                      <a:lnTo>
                        <a:pt x="1" y="73"/>
                      </a:lnTo>
                      <a:lnTo>
                        <a:pt x="0" y="82"/>
                      </a:lnTo>
                      <a:lnTo>
                        <a:pt x="0" y="92"/>
                      </a:lnTo>
                      <a:lnTo>
                        <a:pt x="0" y="101"/>
                      </a:lnTo>
                      <a:lnTo>
                        <a:pt x="1" y="110"/>
                      </a:lnTo>
                      <a:lnTo>
                        <a:pt x="3" y="118"/>
                      </a:lnTo>
                      <a:lnTo>
                        <a:pt x="7" y="127"/>
                      </a:lnTo>
                      <a:lnTo>
                        <a:pt x="11" y="135"/>
                      </a:lnTo>
                      <a:lnTo>
                        <a:pt x="16" y="143"/>
                      </a:lnTo>
                      <a:lnTo>
                        <a:pt x="20" y="149"/>
                      </a:lnTo>
                      <a:lnTo>
                        <a:pt x="27" y="156"/>
                      </a:lnTo>
                      <a:lnTo>
                        <a:pt x="33" y="162"/>
                      </a:lnTo>
                      <a:lnTo>
                        <a:pt x="40" y="167"/>
                      </a:lnTo>
                      <a:lnTo>
                        <a:pt x="48" y="172"/>
                      </a:lnTo>
                      <a:lnTo>
                        <a:pt x="55" y="176"/>
                      </a:lnTo>
                      <a:lnTo>
                        <a:pt x="64" y="179"/>
                      </a:lnTo>
                      <a:lnTo>
                        <a:pt x="72"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6" name="Freeform 98"/>
                <p:cNvSpPr>
                  <a:spLocks/>
                </p:cNvSpPr>
                <p:nvPr/>
              </p:nvSpPr>
              <p:spPr bwMode="auto">
                <a:xfrm>
                  <a:off x="11739965" y="2401249"/>
                  <a:ext cx="28575" cy="28575"/>
                </a:xfrm>
                <a:custGeom>
                  <a:avLst/>
                  <a:gdLst/>
                  <a:ahLst/>
                  <a:cxnLst>
                    <a:cxn ang="0">
                      <a:pos x="101" y="183"/>
                    </a:cxn>
                    <a:cxn ang="0">
                      <a:pos x="118" y="179"/>
                    </a:cxn>
                    <a:cxn ang="0">
                      <a:pos x="134" y="172"/>
                    </a:cxn>
                    <a:cxn ang="0">
                      <a:pos x="148" y="162"/>
                    </a:cxn>
                    <a:cxn ang="0">
                      <a:pos x="162" y="149"/>
                    </a:cxn>
                    <a:cxn ang="0">
                      <a:pos x="172" y="135"/>
                    </a:cxn>
                    <a:cxn ang="0">
                      <a:pos x="178" y="118"/>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8" y="179"/>
                      </a:lnTo>
                      <a:lnTo>
                        <a:pt x="126" y="176"/>
                      </a:lnTo>
                      <a:lnTo>
                        <a:pt x="134" y="172"/>
                      </a:lnTo>
                      <a:lnTo>
                        <a:pt x="142" y="167"/>
                      </a:lnTo>
                      <a:lnTo>
                        <a:pt x="148" y="162"/>
                      </a:lnTo>
                      <a:lnTo>
                        <a:pt x="155" y="156"/>
                      </a:lnTo>
                      <a:lnTo>
                        <a:pt x="162" y="149"/>
                      </a:lnTo>
                      <a:lnTo>
                        <a:pt x="166"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6" y="41"/>
                      </a:lnTo>
                      <a:lnTo>
                        <a:pt x="162" y="33"/>
                      </a:lnTo>
                      <a:lnTo>
                        <a:pt x="155" y="27"/>
                      </a:lnTo>
                      <a:lnTo>
                        <a:pt x="148" y="21"/>
                      </a:lnTo>
                      <a:lnTo>
                        <a:pt x="142" y="16"/>
                      </a:lnTo>
                      <a:lnTo>
                        <a:pt x="134" y="11"/>
                      </a:lnTo>
                      <a:lnTo>
                        <a:pt x="126" y="7"/>
                      </a:lnTo>
                      <a:lnTo>
                        <a:pt x="118" y="4"/>
                      </a:lnTo>
                      <a:lnTo>
                        <a:pt x="110" y="2"/>
                      </a:lnTo>
                      <a:lnTo>
                        <a:pt x="101" y="1"/>
                      </a:lnTo>
                      <a:lnTo>
                        <a:pt x="91"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6" y="56"/>
                      </a:lnTo>
                      <a:lnTo>
                        <a:pt x="3" y="64"/>
                      </a:lnTo>
                      <a:lnTo>
                        <a:pt x="1" y="73"/>
                      </a:lnTo>
                      <a:lnTo>
                        <a:pt x="0" y="82"/>
                      </a:lnTo>
                      <a:lnTo>
                        <a:pt x="0" y="92"/>
                      </a:lnTo>
                      <a:lnTo>
                        <a:pt x="0" y="101"/>
                      </a:lnTo>
                      <a:lnTo>
                        <a:pt x="1" y="110"/>
                      </a:lnTo>
                      <a:lnTo>
                        <a:pt x="3" y="118"/>
                      </a:lnTo>
                      <a:lnTo>
                        <a:pt x="6"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7" name="Freeform 99"/>
                <p:cNvSpPr>
                  <a:spLocks/>
                </p:cNvSpPr>
                <p:nvPr/>
              </p:nvSpPr>
              <p:spPr bwMode="auto">
                <a:xfrm>
                  <a:off x="11779653" y="2401249"/>
                  <a:ext cx="28575" cy="28575"/>
                </a:xfrm>
                <a:custGeom>
                  <a:avLst/>
                  <a:gdLst/>
                  <a:ahLst/>
                  <a:cxnLst>
                    <a:cxn ang="0">
                      <a:pos x="101" y="183"/>
                    </a:cxn>
                    <a:cxn ang="0">
                      <a:pos x="118" y="179"/>
                    </a:cxn>
                    <a:cxn ang="0">
                      <a:pos x="134" y="172"/>
                    </a:cxn>
                    <a:cxn ang="0">
                      <a:pos x="149" y="162"/>
                    </a:cxn>
                    <a:cxn ang="0">
                      <a:pos x="162" y="149"/>
                    </a:cxn>
                    <a:cxn ang="0">
                      <a:pos x="172" y="135"/>
                    </a:cxn>
                    <a:cxn ang="0">
                      <a:pos x="178" y="118"/>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7" y="172"/>
                    </a:cxn>
                    <a:cxn ang="0">
                      <a:pos x="64" y="179"/>
                    </a:cxn>
                    <a:cxn ang="0">
                      <a:pos x="82" y="183"/>
                    </a:cxn>
                  </a:cxnLst>
                  <a:rect l="0" t="0" r="r" b="b"/>
                  <a:pathLst>
                    <a:path w="183" h="183">
                      <a:moveTo>
                        <a:pt x="91" y="183"/>
                      </a:moveTo>
                      <a:lnTo>
                        <a:pt x="101" y="183"/>
                      </a:lnTo>
                      <a:lnTo>
                        <a:pt x="109" y="182"/>
                      </a:lnTo>
                      <a:lnTo>
                        <a:pt x="118" y="179"/>
                      </a:lnTo>
                      <a:lnTo>
                        <a:pt x="126" y="176"/>
                      </a:lnTo>
                      <a:lnTo>
                        <a:pt x="134" y="172"/>
                      </a:lnTo>
                      <a:lnTo>
                        <a:pt x="142" y="167"/>
                      </a:lnTo>
                      <a:lnTo>
                        <a:pt x="149" y="162"/>
                      </a:lnTo>
                      <a:lnTo>
                        <a:pt x="156" y="156"/>
                      </a:lnTo>
                      <a:lnTo>
                        <a:pt x="162" y="149"/>
                      </a:lnTo>
                      <a:lnTo>
                        <a:pt x="167" y="143"/>
                      </a:lnTo>
                      <a:lnTo>
                        <a:pt x="172" y="135"/>
                      </a:lnTo>
                      <a:lnTo>
                        <a:pt x="175" y="127"/>
                      </a:lnTo>
                      <a:lnTo>
                        <a:pt x="178" y="118"/>
                      </a:lnTo>
                      <a:lnTo>
                        <a:pt x="180" y="110"/>
                      </a:lnTo>
                      <a:lnTo>
                        <a:pt x="182" y="101"/>
                      </a:lnTo>
                      <a:lnTo>
                        <a:pt x="183" y="92"/>
                      </a:lnTo>
                      <a:lnTo>
                        <a:pt x="182" y="82"/>
                      </a:lnTo>
                      <a:lnTo>
                        <a:pt x="180" y="73"/>
                      </a:lnTo>
                      <a:lnTo>
                        <a:pt x="178" y="64"/>
                      </a:lnTo>
                      <a:lnTo>
                        <a:pt x="175" y="56"/>
                      </a:lnTo>
                      <a:lnTo>
                        <a:pt x="172" y="48"/>
                      </a:lnTo>
                      <a:lnTo>
                        <a:pt x="167" y="41"/>
                      </a:lnTo>
                      <a:lnTo>
                        <a:pt x="162" y="33"/>
                      </a:lnTo>
                      <a:lnTo>
                        <a:pt x="156" y="27"/>
                      </a:lnTo>
                      <a:lnTo>
                        <a:pt x="149" y="21"/>
                      </a:lnTo>
                      <a:lnTo>
                        <a:pt x="142" y="16"/>
                      </a:lnTo>
                      <a:lnTo>
                        <a:pt x="134" y="11"/>
                      </a:lnTo>
                      <a:lnTo>
                        <a:pt x="126" y="7"/>
                      </a:lnTo>
                      <a:lnTo>
                        <a:pt x="118" y="4"/>
                      </a:lnTo>
                      <a:lnTo>
                        <a:pt x="109" y="2"/>
                      </a:lnTo>
                      <a:lnTo>
                        <a:pt x="101" y="1"/>
                      </a:lnTo>
                      <a:lnTo>
                        <a:pt x="91" y="0"/>
                      </a:lnTo>
                      <a:lnTo>
                        <a:pt x="82" y="1"/>
                      </a:lnTo>
                      <a:lnTo>
                        <a:pt x="73" y="2"/>
                      </a:lnTo>
                      <a:lnTo>
                        <a:pt x="64" y="4"/>
                      </a:lnTo>
                      <a:lnTo>
                        <a:pt x="55" y="7"/>
                      </a:lnTo>
                      <a:lnTo>
                        <a:pt x="47" y="11"/>
                      </a:lnTo>
                      <a:lnTo>
                        <a:pt x="40" y="16"/>
                      </a:lnTo>
                      <a:lnTo>
                        <a:pt x="33" y="21"/>
                      </a:lnTo>
                      <a:lnTo>
                        <a:pt x="26" y="27"/>
                      </a:lnTo>
                      <a:lnTo>
                        <a:pt x="21" y="33"/>
                      </a:lnTo>
                      <a:lnTo>
                        <a:pt x="15" y="41"/>
                      </a:lnTo>
                      <a:lnTo>
                        <a:pt x="11" y="48"/>
                      </a:lnTo>
                      <a:lnTo>
                        <a:pt x="6" y="56"/>
                      </a:lnTo>
                      <a:lnTo>
                        <a:pt x="4" y="64"/>
                      </a:lnTo>
                      <a:lnTo>
                        <a:pt x="2" y="73"/>
                      </a:lnTo>
                      <a:lnTo>
                        <a:pt x="0" y="82"/>
                      </a:lnTo>
                      <a:lnTo>
                        <a:pt x="0" y="92"/>
                      </a:lnTo>
                      <a:lnTo>
                        <a:pt x="0" y="101"/>
                      </a:lnTo>
                      <a:lnTo>
                        <a:pt x="2" y="110"/>
                      </a:lnTo>
                      <a:lnTo>
                        <a:pt x="4" y="118"/>
                      </a:lnTo>
                      <a:lnTo>
                        <a:pt x="6" y="127"/>
                      </a:lnTo>
                      <a:lnTo>
                        <a:pt x="11" y="135"/>
                      </a:lnTo>
                      <a:lnTo>
                        <a:pt x="15" y="143"/>
                      </a:lnTo>
                      <a:lnTo>
                        <a:pt x="21" y="149"/>
                      </a:lnTo>
                      <a:lnTo>
                        <a:pt x="26" y="156"/>
                      </a:lnTo>
                      <a:lnTo>
                        <a:pt x="33" y="162"/>
                      </a:lnTo>
                      <a:lnTo>
                        <a:pt x="40" y="167"/>
                      </a:lnTo>
                      <a:lnTo>
                        <a:pt x="47"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8" name="Freeform 100"/>
                <p:cNvSpPr>
                  <a:spLocks/>
                </p:cNvSpPr>
                <p:nvPr/>
              </p:nvSpPr>
              <p:spPr bwMode="auto">
                <a:xfrm>
                  <a:off x="12235265" y="3714112"/>
                  <a:ext cx="203200" cy="34925"/>
                </a:xfrm>
                <a:custGeom>
                  <a:avLst/>
                  <a:gdLst/>
                  <a:ahLst/>
                  <a:cxnLst>
                    <a:cxn ang="0">
                      <a:pos x="1170" y="0"/>
                    </a:cxn>
                    <a:cxn ang="0">
                      <a:pos x="1192" y="2"/>
                    </a:cxn>
                    <a:cxn ang="0">
                      <a:pos x="1212" y="9"/>
                    </a:cxn>
                    <a:cxn ang="0">
                      <a:pos x="1231" y="19"/>
                    </a:cxn>
                    <a:cxn ang="0">
                      <a:pos x="1246" y="32"/>
                    </a:cxn>
                    <a:cxn ang="0">
                      <a:pos x="1259" y="49"/>
                    </a:cxn>
                    <a:cxn ang="0">
                      <a:pos x="1271" y="68"/>
                    </a:cxn>
                    <a:cxn ang="0">
                      <a:pos x="1276" y="88"/>
                    </a:cxn>
                    <a:cxn ang="0">
                      <a:pos x="1278" y="110"/>
                    </a:cxn>
                    <a:cxn ang="0">
                      <a:pos x="1276" y="131"/>
                    </a:cxn>
                    <a:cxn ang="0">
                      <a:pos x="1271" y="152"/>
                    </a:cxn>
                    <a:cxn ang="0">
                      <a:pos x="1259" y="170"/>
                    </a:cxn>
                    <a:cxn ang="0">
                      <a:pos x="1246" y="186"/>
                    </a:cxn>
                    <a:cxn ang="0">
                      <a:pos x="1231" y="200"/>
                    </a:cxn>
                    <a:cxn ang="0">
                      <a:pos x="1212" y="210"/>
                    </a:cxn>
                    <a:cxn ang="0">
                      <a:pos x="1192" y="216"/>
                    </a:cxn>
                    <a:cxn ang="0">
                      <a:pos x="1170" y="219"/>
                    </a:cxn>
                    <a:cxn ang="0">
                      <a:pos x="97" y="218"/>
                    </a:cxn>
                    <a:cxn ang="0">
                      <a:pos x="76" y="213"/>
                    </a:cxn>
                    <a:cxn ang="0">
                      <a:pos x="56" y="205"/>
                    </a:cxn>
                    <a:cxn ang="0">
                      <a:pos x="40" y="193"/>
                    </a:cxn>
                    <a:cxn ang="0">
                      <a:pos x="24" y="179"/>
                    </a:cxn>
                    <a:cxn ang="0">
                      <a:pos x="13" y="161"/>
                    </a:cxn>
                    <a:cxn ang="0">
                      <a:pos x="4" y="142"/>
                    </a:cxn>
                    <a:cxn ang="0">
                      <a:pos x="0" y="121"/>
                    </a:cxn>
                    <a:cxn ang="0">
                      <a:pos x="0" y="99"/>
                    </a:cxn>
                    <a:cxn ang="0">
                      <a:pos x="4" y="78"/>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8"/>
                      </a:lnTo>
                      <a:lnTo>
                        <a:pt x="1274" y="78"/>
                      </a:lnTo>
                      <a:lnTo>
                        <a:pt x="1276" y="88"/>
                      </a:lnTo>
                      <a:lnTo>
                        <a:pt x="1278" y="99"/>
                      </a:lnTo>
                      <a:lnTo>
                        <a:pt x="1278" y="110"/>
                      </a:lnTo>
                      <a:lnTo>
                        <a:pt x="1278" y="121"/>
                      </a:lnTo>
                      <a:lnTo>
                        <a:pt x="1276" y="131"/>
                      </a:lnTo>
                      <a:lnTo>
                        <a:pt x="1274" y="142"/>
                      </a:lnTo>
                      <a:lnTo>
                        <a:pt x="1271" y="152"/>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8"/>
                      </a:lnTo>
                      <a:lnTo>
                        <a:pt x="1170" y="219"/>
                      </a:lnTo>
                      <a:lnTo>
                        <a:pt x="108" y="219"/>
                      </a:lnTo>
                      <a:lnTo>
                        <a:pt x="97" y="218"/>
                      </a:lnTo>
                      <a:lnTo>
                        <a:pt x="86" y="216"/>
                      </a:lnTo>
                      <a:lnTo>
                        <a:pt x="76" y="213"/>
                      </a:lnTo>
                      <a:lnTo>
                        <a:pt x="66" y="210"/>
                      </a:lnTo>
                      <a:lnTo>
                        <a:pt x="56" y="205"/>
                      </a:lnTo>
                      <a:lnTo>
                        <a:pt x="47" y="200"/>
                      </a:lnTo>
                      <a:lnTo>
                        <a:pt x="40" y="193"/>
                      </a:lnTo>
                      <a:lnTo>
                        <a:pt x="32" y="186"/>
                      </a:lnTo>
                      <a:lnTo>
                        <a:pt x="24" y="179"/>
                      </a:lnTo>
                      <a:lnTo>
                        <a:pt x="19" y="170"/>
                      </a:lnTo>
                      <a:lnTo>
                        <a:pt x="13" y="161"/>
                      </a:lnTo>
                      <a:lnTo>
                        <a:pt x="9" y="152"/>
                      </a:lnTo>
                      <a:lnTo>
                        <a:pt x="4" y="142"/>
                      </a:lnTo>
                      <a:lnTo>
                        <a:pt x="2" y="131"/>
                      </a:lnTo>
                      <a:lnTo>
                        <a:pt x="0" y="121"/>
                      </a:lnTo>
                      <a:lnTo>
                        <a:pt x="0" y="110"/>
                      </a:lnTo>
                      <a:lnTo>
                        <a:pt x="0" y="99"/>
                      </a:lnTo>
                      <a:lnTo>
                        <a:pt x="2" y="88"/>
                      </a:lnTo>
                      <a:lnTo>
                        <a:pt x="4" y="78"/>
                      </a:lnTo>
                      <a:lnTo>
                        <a:pt x="9" y="68"/>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69" name="Freeform 101"/>
                <p:cNvSpPr>
                  <a:spLocks/>
                </p:cNvSpPr>
                <p:nvPr/>
              </p:nvSpPr>
              <p:spPr bwMode="auto">
                <a:xfrm>
                  <a:off x="11619315" y="3715699"/>
                  <a:ext cx="28575" cy="28575"/>
                </a:xfrm>
                <a:custGeom>
                  <a:avLst/>
                  <a:gdLst/>
                  <a:ahLst/>
                  <a:cxnLst>
                    <a:cxn ang="0">
                      <a:pos x="101" y="182"/>
                    </a:cxn>
                    <a:cxn ang="0">
                      <a:pos x="119" y="178"/>
                    </a:cxn>
                    <a:cxn ang="0">
                      <a:pos x="136" y="172"/>
                    </a:cxn>
                    <a:cxn ang="0">
                      <a:pos x="150" y="162"/>
                    </a:cxn>
                    <a:cxn ang="0">
                      <a:pos x="162" y="150"/>
                    </a:cxn>
                    <a:cxn ang="0">
                      <a:pos x="172" y="134"/>
                    </a:cxn>
                    <a:cxn ang="0">
                      <a:pos x="179" y="119"/>
                    </a:cxn>
                    <a:cxn ang="0">
                      <a:pos x="183" y="101"/>
                    </a:cxn>
                    <a:cxn ang="0">
                      <a:pos x="183" y="82"/>
                    </a:cxn>
                    <a:cxn ang="0">
                      <a:pos x="179" y="64"/>
                    </a:cxn>
                    <a:cxn ang="0">
                      <a:pos x="172" y="48"/>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8"/>
                    </a:cxn>
                    <a:cxn ang="0">
                      <a:pos x="5" y="64"/>
                    </a:cxn>
                    <a:cxn ang="0">
                      <a:pos x="1" y="82"/>
                    </a:cxn>
                    <a:cxn ang="0">
                      <a:pos x="1" y="101"/>
                    </a:cxn>
                    <a:cxn ang="0">
                      <a:pos x="5" y="119"/>
                    </a:cxn>
                    <a:cxn ang="0">
                      <a:pos x="11" y="134"/>
                    </a:cxn>
                    <a:cxn ang="0">
                      <a:pos x="21" y="150"/>
                    </a:cxn>
                    <a:cxn ang="0">
                      <a:pos x="34" y="162"/>
                    </a:cxn>
                    <a:cxn ang="0">
                      <a:pos x="49" y="172"/>
                    </a:cxn>
                    <a:cxn ang="0">
                      <a:pos x="65" y="178"/>
                    </a:cxn>
                    <a:cxn ang="0">
                      <a:pos x="82" y="182"/>
                    </a:cxn>
                  </a:cxnLst>
                  <a:rect l="0" t="0" r="r" b="b"/>
                  <a:pathLst>
                    <a:path w="183" h="182">
                      <a:moveTo>
                        <a:pt x="92" y="182"/>
                      </a:moveTo>
                      <a:lnTo>
                        <a:pt x="101" y="182"/>
                      </a:lnTo>
                      <a:lnTo>
                        <a:pt x="110" y="181"/>
                      </a:lnTo>
                      <a:lnTo>
                        <a:pt x="119" y="178"/>
                      </a:lnTo>
                      <a:lnTo>
                        <a:pt x="128" y="175"/>
                      </a:lnTo>
                      <a:lnTo>
                        <a:pt x="136" y="172"/>
                      </a:lnTo>
                      <a:lnTo>
                        <a:pt x="143" y="166"/>
                      </a:lnTo>
                      <a:lnTo>
                        <a:pt x="150" y="162"/>
                      </a:lnTo>
                      <a:lnTo>
                        <a:pt x="157" y="155"/>
                      </a:lnTo>
                      <a:lnTo>
                        <a:pt x="162" y="150"/>
                      </a:lnTo>
                      <a:lnTo>
                        <a:pt x="168" y="142"/>
                      </a:lnTo>
                      <a:lnTo>
                        <a:pt x="172" y="134"/>
                      </a:lnTo>
                      <a:lnTo>
                        <a:pt x="177" y="126"/>
                      </a:lnTo>
                      <a:lnTo>
                        <a:pt x="179" y="119"/>
                      </a:lnTo>
                      <a:lnTo>
                        <a:pt x="181" y="110"/>
                      </a:lnTo>
                      <a:lnTo>
                        <a:pt x="183" y="101"/>
                      </a:lnTo>
                      <a:lnTo>
                        <a:pt x="183" y="91"/>
                      </a:lnTo>
                      <a:lnTo>
                        <a:pt x="183" y="82"/>
                      </a:lnTo>
                      <a:lnTo>
                        <a:pt x="181" y="73"/>
                      </a:lnTo>
                      <a:lnTo>
                        <a:pt x="179" y="64"/>
                      </a:lnTo>
                      <a:lnTo>
                        <a:pt x="177" y="55"/>
                      </a:lnTo>
                      <a:lnTo>
                        <a:pt x="172" y="48"/>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8"/>
                      </a:lnTo>
                      <a:lnTo>
                        <a:pt x="8" y="55"/>
                      </a:lnTo>
                      <a:lnTo>
                        <a:pt x="5" y="64"/>
                      </a:lnTo>
                      <a:lnTo>
                        <a:pt x="2" y="73"/>
                      </a:lnTo>
                      <a:lnTo>
                        <a:pt x="1" y="82"/>
                      </a:lnTo>
                      <a:lnTo>
                        <a:pt x="0" y="91"/>
                      </a:lnTo>
                      <a:lnTo>
                        <a:pt x="1" y="101"/>
                      </a:lnTo>
                      <a:lnTo>
                        <a:pt x="2" y="110"/>
                      </a:lnTo>
                      <a:lnTo>
                        <a:pt x="5" y="119"/>
                      </a:lnTo>
                      <a:lnTo>
                        <a:pt x="8" y="126"/>
                      </a:lnTo>
                      <a:lnTo>
                        <a:pt x="11" y="134"/>
                      </a:lnTo>
                      <a:lnTo>
                        <a:pt x="16" y="142"/>
                      </a:lnTo>
                      <a:lnTo>
                        <a:pt x="21" y="150"/>
                      </a:lnTo>
                      <a:lnTo>
                        <a:pt x="28" y="155"/>
                      </a:lnTo>
                      <a:lnTo>
                        <a:pt x="34" y="162"/>
                      </a:lnTo>
                      <a:lnTo>
                        <a:pt x="41" y="166"/>
                      </a:lnTo>
                      <a:lnTo>
                        <a:pt x="49" y="172"/>
                      </a:lnTo>
                      <a:lnTo>
                        <a:pt x="57" y="175"/>
                      </a:lnTo>
                      <a:lnTo>
                        <a:pt x="65"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0" name="Freeform 102"/>
                <p:cNvSpPr>
                  <a:spLocks/>
                </p:cNvSpPr>
                <p:nvPr/>
              </p:nvSpPr>
              <p:spPr bwMode="auto">
                <a:xfrm>
                  <a:off x="11659003" y="3715699"/>
                  <a:ext cx="28575" cy="28575"/>
                </a:xfrm>
                <a:custGeom>
                  <a:avLst/>
                  <a:gdLst/>
                  <a:ahLst/>
                  <a:cxnLst>
                    <a:cxn ang="0">
                      <a:pos x="100" y="182"/>
                    </a:cxn>
                    <a:cxn ang="0">
                      <a:pos x="118" y="178"/>
                    </a:cxn>
                    <a:cxn ang="0">
                      <a:pos x="134"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8"/>
                    </a:cxn>
                    <a:cxn ang="0">
                      <a:pos x="4" y="64"/>
                    </a:cxn>
                    <a:cxn ang="0">
                      <a:pos x="0" y="82"/>
                    </a:cxn>
                    <a:cxn ang="0">
                      <a:pos x="0" y="101"/>
                    </a:cxn>
                    <a:cxn ang="0">
                      <a:pos x="4" y="119"/>
                    </a:cxn>
                    <a:cxn ang="0">
                      <a:pos x="10" y="134"/>
                    </a:cxn>
                    <a:cxn ang="0">
                      <a:pos x="20" y="150"/>
                    </a:cxn>
                    <a:cxn ang="0">
                      <a:pos x="32" y="162"/>
                    </a:cxn>
                    <a:cxn ang="0">
                      <a:pos x="48" y="172"/>
                    </a:cxn>
                    <a:cxn ang="0">
                      <a:pos x="63" y="178"/>
                    </a:cxn>
                    <a:cxn ang="0">
                      <a:pos x="81" y="182"/>
                    </a:cxn>
                  </a:cxnLst>
                  <a:rect l="0" t="0" r="r" b="b"/>
                  <a:pathLst>
                    <a:path w="182" h="182">
                      <a:moveTo>
                        <a:pt x="91" y="182"/>
                      </a:moveTo>
                      <a:lnTo>
                        <a:pt x="100" y="182"/>
                      </a:lnTo>
                      <a:lnTo>
                        <a:pt x="109" y="181"/>
                      </a:lnTo>
                      <a:lnTo>
                        <a:pt x="118" y="178"/>
                      </a:lnTo>
                      <a:lnTo>
                        <a:pt x="127" y="175"/>
                      </a:lnTo>
                      <a:lnTo>
                        <a:pt x="134" y="172"/>
                      </a:lnTo>
                      <a:lnTo>
                        <a:pt x="142" y="166"/>
                      </a:lnTo>
                      <a:lnTo>
                        <a:pt x="149" y="162"/>
                      </a:lnTo>
                      <a:lnTo>
                        <a:pt x="155" y="155"/>
                      </a:lnTo>
                      <a:lnTo>
                        <a:pt x="161" y="150"/>
                      </a:lnTo>
                      <a:lnTo>
                        <a:pt x="167"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8"/>
                      </a:lnTo>
                      <a:lnTo>
                        <a:pt x="7" y="55"/>
                      </a:lnTo>
                      <a:lnTo>
                        <a:pt x="4" y="64"/>
                      </a:lnTo>
                      <a:lnTo>
                        <a:pt x="1" y="73"/>
                      </a:lnTo>
                      <a:lnTo>
                        <a:pt x="0" y="82"/>
                      </a:lnTo>
                      <a:lnTo>
                        <a:pt x="0" y="91"/>
                      </a:lnTo>
                      <a:lnTo>
                        <a:pt x="0" y="101"/>
                      </a:lnTo>
                      <a:lnTo>
                        <a:pt x="1" y="110"/>
                      </a:lnTo>
                      <a:lnTo>
                        <a:pt x="4" y="119"/>
                      </a:lnTo>
                      <a:lnTo>
                        <a:pt x="7" y="126"/>
                      </a:lnTo>
                      <a:lnTo>
                        <a:pt x="10" y="134"/>
                      </a:lnTo>
                      <a:lnTo>
                        <a:pt x="16" y="142"/>
                      </a:lnTo>
                      <a:lnTo>
                        <a:pt x="20" y="150"/>
                      </a:lnTo>
                      <a:lnTo>
                        <a:pt x="27" y="155"/>
                      </a:lnTo>
                      <a:lnTo>
                        <a:pt x="32" y="162"/>
                      </a:lnTo>
                      <a:lnTo>
                        <a:pt x="40" y="166"/>
                      </a:lnTo>
                      <a:lnTo>
                        <a:pt x="48" y="172"/>
                      </a:lnTo>
                      <a:lnTo>
                        <a:pt x="56" y="175"/>
                      </a:lnTo>
                      <a:lnTo>
                        <a:pt x="63" y="178"/>
                      </a:lnTo>
                      <a:lnTo>
                        <a:pt x="72" y="181"/>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1" name="Freeform 103"/>
                <p:cNvSpPr>
                  <a:spLocks/>
                </p:cNvSpPr>
                <p:nvPr/>
              </p:nvSpPr>
              <p:spPr bwMode="auto">
                <a:xfrm>
                  <a:off x="11698690" y="3715699"/>
                  <a:ext cx="30163" cy="28575"/>
                </a:xfrm>
                <a:custGeom>
                  <a:avLst/>
                  <a:gdLst/>
                  <a:ahLst/>
                  <a:cxnLst>
                    <a:cxn ang="0">
                      <a:pos x="100" y="182"/>
                    </a:cxn>
                    <a:cxn ang="0">
                      <a:pos x="118" y="178"/>
                    </a:cxn>
                    <a:cxn ang="0">
                      <a:pos x="134" y="172"/>
                    </a:cxn>
                    <a:cxn ang="0">
                      <a:pos x="149" y="162"/>
                    </a:cxn>
                    <a:cxn ang="0">
                      <a:pos x="162" y="150"/>
                    </a:cxn>
                    <a:cxn ang="0">
                      <a:pos x="171" y="134"/>
                    </a:cxn>
                    <a:cxn ang="0">
                      <a:pos x="179" y="119"/>
                    </a:cxn>
                    <a:cxn ang="0">
                      <a:pos x="182" y="101"/>
                    </a:cxn>
                    <a:cxn ang="0">
                      <a:pos x="182" y="82"/>
                    </a:cxn>
                    <a:cxn ang="0">
                      <a:pos x="179" y="64"/>
                    </a:cxn>
                    <a:cxn ang="0">
                      <a:pos x="171" y="48"/>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8"/>
                    </a:cxn>
                    <a:cxn ang="0">
                      <a:pos x="3" y="64"/>
                    </a:cxn>
                    <a:cxn ang="0">
                      <a:pos x="0" y="82"/>
                    </a:cxn>
                    <a:cxn ang="0">
                      <a:pos x="0" y="101"/>
                    </a:cxn>
                    <a:cxn ang="0">
                      <a:pos x="3" y="119"/>
                    </a:cxn>
                    <a:cxn ang="0">
                      <a:pos x="11" y="134"/>
                    </a:cxn>
                    <a:cxn ang="0">
                      <a:pos x="20" y="150"/>
                    </a:cxn>
                    <a:cxn ang="0">
                      <a:pos x="33" y="162"/>
                    </a:cxn>
                    <a:cxn ang="0">
                      <a:pos x="48" y="172"/>
                    </a:cxn>
                    <a:cxn ang="0">
                      <a:pos x="64" y="178"/>
                    </a:cxn>
                    <a:cxn ang="0">
                      <a:pos x="82" y="182"/>
                    </a:cxn>
                  </a:cxnLst>
                  <a:rect l="0" t="0" r="r" b="b"/>
                  <a:pathLst>
                    <a:path w="182" h="182">
                      <a:moveTo>
                        <a:pt x="91" y="182"/>
                      </a:moveTo>
                      <a:lnTo>
                        <a:pt x="100" y="182"/>
                      </a:lnTo>
                      <a:lnTo>
                        <a:pt x="110" y="181"/>
                      </a:lnTo>
                      <a:lnTo>
                        <a:pt x="118" y="178"/>
                      </a:lnTo>
                      <a:lnTo>
                        <a:pt x="126" y="175"/>
                      </a:lnTo>
                      <a:lnTo>
                        <a:pt x="134" y="172"/>
                      </a:lnTo>
                      <a:lnTo>
                        <a:pt x="142" y="166"/>
                      </a:lnTo>
                      <a:lnTo>
                        <a:pt x="149" y="162"/>
                      </a:lnTo>
                      <a:lnTo>
                        <a:pt x="155" y="155"/>
                      </a:lnTo>
                      <a:lnTo>
                        <a:pt x="162" y="150"/>
                      </a:lnTo>
                      <a:lnTo>
                        <a:pt x="166"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8"/>
                      </a:lnTo>
                      <a:lnTo>
                        <a:pt x="7" y="55"/>
                      </a:lnTo>
                      <a:lnTo>
                        <a:pt x="3" y="64"/>
                      </a:lnTo>
                      <a:lnTo>
                        <a:pt x="1" y="73"/>
                      </a:lnTo>
                      <a:lnTo>
                        <a:pt x="0" y="82"/>
                      </a:lnTo>
                      <a:lnTo>
                        <a:pt x="0" y="91"/>
                      </a:lnTo>
                      <a:lnTo>
                        <a:pt x="0" y="101"/>
                      </a:lnTo>
                      <a:lnTo>
                        <a:pt x="1" y="110"/>
                      </a:lnTo>
                      <a:lnTo>
                        <a:pt x="3" y="119"/>
                      </a:lnTo>
                      <a:lnTo>
                        <a:pt x="7" y="126"/>
                      </a:lnTo>
                      <a:lnTo>
                        <a:pt x="11" y="134"/>
                      </a:lnTo>
                      <a:lnTo>
                        <a:pt x="16" y="142"/>
                      </a:lnTo>
                      <a:lnTo>
                        <a:pt x="20" y="150"/>
                      </a:lnTo>
                      <a:lnTo>
                        <a:pt x="27" y="155"/>
                      </a:lnTo>
                      <a:lnTo>
                        <a:pt x="33" y="162"/>
                      </a:lnTo>
                      <a:lnTo>
                        <a:pt x="40" y="166"/>
                      </a:lnTo>
                      <a:lnTo>
                        <a:pt x="48" y="172"/>
                      </a:lnTo>
                      <a:lnTo>
                        <a:pt x="55" y="175"/>
                      </a:lnTo>
                      <a:lnTo>
                        <a:pt x="64" y="178"/>
                      </a:lnTo>
                      <a:lnTo>
                        <a:pt x="72"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2" name="Freeform 104"/>
                <p:cNvSpPr>
                  <a:spLocks/>
                </p:cNvSpPr>
                <p:nvPr/>
              </p:nvSpPr>
              <p:spPr bwMode="auto">
                <a:xfrm>
                  <a:off x="11739965" y="3715699"/>
                  <a:ext cx="28575" cy="28575"/>
                </a:xfrm>
                <a:custGeom>
                  <a:avLst/>
                  <a:gdLst/>
                  <a:ahLst/>
                  <a:cxnLst>
                    <a:cxn ang="0">
                      <a:pos x="101" y="182"/>
                    </a:cxn>
                    <a:cxn ang="0">
                      <a:pos x="118" y="178"/>
                    </a:cxn>
                    <a:cxn ang="0">
                      <a:pos x="134" y="172"/>
                    </a:cxn>
                    <a:cxn ang="0">
                      <a:pos x="148" y="162"/>
                    </a:cxn>
                    <a:cxn ang="0">
                      <a:pos x="162" y="150"/>
                    </a:cxn>
                    <a:cxn ang="0">
                      <a:pos x="172" y="134"/>
                    </a:cxn>
                    <a:cxn ang="0">
                      <a:pos x="178" y="119"/>
                    </a:cxn>
                    <a:cxn ang="0">
                      <a:pos x="182" y="101"/>
                    </a:cxn>
                    <a:cxn ang="0">
                      <a:pos x="182" y="82"/>
                    </a:cxn>
                    <a:cxn ang="0">
                      <a:pos x="178" y="64"/>
                    </a:cxn>
                    <a:cxn ang="0">
                      <a:pos x="172" y="48"/>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8"/>
                    </a:cxn>
                    <a:cxn ang="0">
                      <a:pos x="3" y="64"/>
                    </a:cxn>
                    <a:cxn ang="0">
                      <a:pos x="0" y="82"/>
                    </a:cxn>
                    <a:cxn ang="0">
                      <a:pos x="0" y="101"/>
                    </a:cxn>
                    <a:cxn ang="0">
                      <a:pos x="3"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8" y="178"/>
                      </a:lnTo>
                      <a:lnTo>
                        <a:pt x="126" y="175"/>
                      </a:lnTo>
                      <a:lnTo>
                        <a:pt x="134" y="172"/>
                      </a:lnTo>
                      <a:lnTo>
                        <a:pt x="142" y="166"/>
                      </a:lnTo>
                      <a:lnTo>
                        <a:pt x="148" y="162"/>
                      </a:lnTo>
                      <a:lnTo>
                        <a:pt x="155" y="155"/>
                      </a:lnTo>
                      <a:lnTo>
                        <a:pt x="162" y="150"/>
                      </a:lnTo>
                      <a:lnTo>
                        <a:pt x="166"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6" y="55"/>
                      </a:lnTo>
                      <a:lnTo>
                        <a:pt x="3" y="64"/>
                      </a:lnTo>
                      <a:lnTo>
                        <a:pt x="1" y="73"/>
                      </a:lnTo>
                      <a:lnTo>
                        <a:pt x="0" y="82"/>
                      </a:lnTo>
                      <a:lnTo>
                        <a:pt x="0" y="91"/>
                      </a:lnTo>
                      <a:lnTo>
                        <a:pt x="0" y="101"/>
                      </a:lnTo>
                      <a:lnTo>
                        <a:pt x="1" y="110"/>
                      </a:lnTo>
                      <a:lnTo>
                        <a:pt x="3" y="119"/>
                      </a:lnTo>
                      <a:lnTo>
                        <a:pt x="6"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3" name="Freeform 105"/>
                <p:cNvSpPr>
                  <a:spLocks/>
                </p:cNvSpPr>
                <p:nvPr/>
              </p:nvSpPr>
              <p:spPr bwMode="auto">
                <a:xfrm>
                  <a:off x="11779653" y="3715699"/>
                  <a:ext cx="28575" cy="28575"/>
                </a:xfrm>
                <a:custGeom>
                  <a:avLst/>
                  <a:gdLst/>
                  <a:ahLst/>
                  <a:cxnLst>
                    <a:cxn ang="0">
                      <a:pos x="101" y="182"/>
                    </a:cxn>
                    <a:cxn ang="0">
                      <a:pos x="118" y="178"/>
                    </a:cxn>
                    <a:cxn ang="0">
                      <a:pos x="134" y="172"/>
                    </a:cxn>
                    <a:cxn ang="0">
                      <a:pos x="149" y="162"/>
                    </a:cxn>
                    <a:cxn ang="0">
                      <a:pos x="162" y="150"/>
                    </a:cxn>
                    <a:cxn ang="0">
                      <a:pos x="172" y="134"/>
                    </a:cxn>
                    <a:cxn ang="0">
                      <a:pos x="178" y="119"/>
                    </a:cxn>
                    <a:cxn ang="0">
                      <a:pos x="182" y="101"/>
                    </a:cxn>
                    <a:cxn ang="0">
                      <a:pos x="182" y="82"/>
                    </a:cxn>
                    <a:cxn ang="0">
                      <a:pos x="178" y="64"/>
                    </a:cxn>
                    <a:cxn ang="0">
                      <a:pos x="172" y="48"/>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7" y="172"/>
                    </a:cxn>
                    <a:cxn ang="0">
                      <a:pos x="64" y="178"/>
                    </a:cxn>
                    <a:cxn ang="0">
                      <a:pos x="82" y="182"/>
                    </a:cxn>
                  </a:cxnLst>
                  <a:rect l="0" t="0" r="r" b="b"/>
                  <a:pathLst>
                    <a:path w="183" h="182">
                      <a:moveTo>
                        <a:pt x="91" y="182"/>
                      </a:moveTo>
                      <a:lnTo>
                        <a:pt x="101" y="182"/>
                      </a:lnTo>
                      <a:lnTo>
                        <a:pt x="109" y="181"/>
                      </a:lnTo>
                      <a:lnTo>
                        <a:pt x="118" y="178"/>
                      </a:lnTo>
                      <a:lnTo>
                        <a:pt x="126" y="175"/>
                      </a:lnTo>
                      <a:lnTo>
                        <a:pt x="134" y="172"/>
                      </a:lnTo>
                      <a:lnTo>
                        <a:pt x="142" y="166"/>
                      </a:lnTo>
                      <a:lnTo>
                        <a:pt x="149" y="162"/>
                      </a:lnTo>
                      <a:lnTo>
                        <a:pt x="156" y="155"/>
                      </a:lnTo>
                      <a:lnTo>
                        <a:pt x="162" y="150"/>
                      </a:lnTo>
                      <a:lnTo>
                        <a:pt x="167" y="142"/>
                      </a:lnTo>
                      <a:lnTo>
                        <a:pt x="172" y="134"/>
                      </a:lnTo>
                      <a:lnTo>
                        <a:pt x="175" y="126"/>
                      </a:lnTo>
                      <a:lnTo>
                        <a:pt x="178" y="119"/>
                      </a:lnTo>
                      <a:lnTo>
                        <a:pt x="180" y="110"/>
                      </a:lnTo>
                      <a:lnTo>
                        <a:pt x="182" y="101"/>
                      </a:lnTo>
                      <a:lnTo>
                        <a:pt x="183" y="91"/>
                      </a:lnTo>
                      <a:lnTo>
                        <a:pt x="182" y="82"/>
                      </a:lnTo>
                      <a:lnTo>
                        <a:pt x="180" y="73"/>
                      </a:lnTo>
                      <a:lnTo>
                        <a:pt x="178" y="64"/>
                      </a:lnTo>
                      <a:lnTo>
                        <a:pt x="175" y="55"/>
                      </a:lnTo>
                      <a:lnTo>
                        <a:pt x="172" y="48"/>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8"/>
                      </a:lnTo>
                      <a:lnTo>
                        <a:pt x="6" y="55"/>
                      </a:lnTo>
                      <a:lnTo>
                        <a:pt x="4" y="64"/>
                      </a:lnTo>
                      <a:lnTo>
                        <a:pt x="2" y="73"/>
                      </a:lnTo>
                      <a:lnTo>
                        <a:pt x="0" y="82"/>
                      </a:lnTo>
                      <a:lnTo>
                        <a:pt x="0" y="91"/>
                      </a:lnTo>
                      <a:lnTo>
                        <a:pt x="0" y="101"/>
                      </a:lnTo>
                      <a:lnTo>
                        <a:pt x="2" y="110"/>
                      </a:lnTo>
                      <a:lnTo>
                        <a:pt x="4" y="119"/>
                      </a:lnTo>
                      <a:lnTo>
                        <a:pt x="6" y="126"/>
                      </a:lnTo>
                      <a:lnTo>
                        <a:pt x="11" y="134"/>
                      </a:lnTo>
                      <a:lnTo>
                        <a:pt x="15" y="142"/>
                      </a:lnTo>
                      <a:lnTo>
                        <a:pt x="21" y="150"/>
                      </a:lnTo>
                      <a:lnTo>
                        <a:pt x="26" y="155"/>
                      </a:lnTo>
                      <a:lnTo>
                        <a:pt x="33" y="162"/>
                      </a:lnTo>
                      <a:lnTo>
                        <a:pt x="40" y="166"/>
                      </a:lnTo>
                      <a:lnTo>
                        <a:pt x="47"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4" name="Freeform 106"/>
                <p:cNvSpPr>
                  <a:spLocks/>
                </p:cNvSpPr>
                <p:nvPr/>
              </p:nvSpPr>
              <p:spPr bwMode="auto">
                <a:xfrm>
                  <a:off x="12235265" y="2775899"/>
                  <a:ext cx="203200" cy="33338"/>
                </a:xfrm>
                <a:custGeom>
                  <a:avLst/>
                  <a:gdLst/>
                  <a:ahLst/>
                  <a:cxnLst>
                    <a:cxn ang="0">
                      <a:pos x="1170" y="0"/>
                    </a:cxn>
                    <a:cxn ang="0">
                      <a:pos x="1192" y="2"/>
                    </a:cxn>
                    <a:cxn ang="0">
                      <a:pos x="1212" y="9"/>
                    </a:cxn>
                    <a:cxn ang="0">
                      <a:pos x="1231" y="19"/>
                    </a:cxn>
                    <a:cxn ang="0">
                      <a:pos x="1246" y="32"/>
                    </a:cxn>
                    <a:cxn ang="0">
                      <a:pos x="1259" y="48"/>
                    </a:cxn>
                    <a:cxn ang="0">
                      <a:pos x="1271" y="67"/>
                    </a:cxn>
                    <a:cxn ang="0">
                      <a:pos x="1276" y="87"/>
                    </a:cxn>
                    <a:cxn ang="0">
                      <a:pos x="1278" y="109"/>
                    </a:cxn>
                    <a:cxn ang="0">
                      <a:pos x="1276" y="131"/>
                    </a:cxn>
                    <a:cxn ang="0">
                      <a:pos x="1271" y="151"/>
                    </a:cxn>
                    <a:cxn ang="0">
                      <a:pos x="1259" y="170"/>
                    </a:cxn>
                    <a:cxn ang="0">
                      <a:pos x="1246" y="187"/>
                    </a:cxn>
                    <a:cxn ang="0">
                      <a:pos x="1231" y="200"/>
                    </a:cxn>
                    <a:cxn ang="0">
                      <a:pos x="1212" y="210"/>
                    </a:cxn>
                    <a:cxn ang="0">
                      <a:pos x="1192" y="215"/>
                    </a:cxn>
                    <a:cxn ang="0">
                      <a:pos x="1170" y="218"/>
                    </a:cxn>
                    <a:cxn ang="0">
                      <a:pos x="97" y="218"/>
                    </a:cxn>
                    <a:cxn ang="0">
                      <a:pos x="76" y="213"/>
                    </a:cxn>
                    <a:cxn ang="0">
                      <a:pos x="56" y="204"/>
                    </a:cxn>
                    <a:cxn ang="0">
                      <a:pos x="40" y="193"/>
                    </a:cxn>
                    <a:cxn ang="0">
                      <a:pos x="24" y="179"/>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2"/>
                      </a:lnTo>
                      <a:lnTo>
                        <a:pt x="1202" y="5"/>
                      </a:lnTo>
                      <a:lnTo>
                        <a:pt x="1212" y="9"/>
                      </a:lnTo>
                      <a:lnTo>
                        <a:pt x="1222" y="14"/>
                      </a:lnTo>
                      <a:lnTo>
                        <a:pt x="1231" y="19"/>
                      </a:lnTo>
                      <a:lnTo>
                        <a:pt x="1238" y="25"/>
                      </a:lnTo>
                      <a:lnTo>
                        <a:pt x="1246" y="32"/>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9"/>
                      </a:lnTo>
                      <a:lnTo>
                        <a:pt x="1246" y="187"/>
                      </a:lnTo>
                      <a:lnTo>
                        <a:pt x="1238" y="193"/>
                      </a:lnTo>
                      <a:lnTo>
                        <a:pt x="1231" y="200"/>
                      </a:lnTo>
                      <a:lnTo>
                        <a:pt x="1222" y="204"/>
                      </a:lnTo>
                      <a:lnTo>
                        <a:pt x="1212" y="210"/>
                      </a:lnTo>
                      <a:lnTo>
                        <a:pt x="1202" y="213"/>
                      </a:lnTo>
                      <a:lnTo>
                        <a:pt x="1192" y="215"/>
                      </a:lnTo>
                      <a:lnTo>
                        <a:pt x="1181" y="218"/>
                      </a:lnTo>
                      <a:lnTo>
                        <a:pt x="1170" y="218"/>
                      </a:lnTo>
                      <a:lnTo>
                        <a:pt x="108" y="218"/>
                      </a:lnTo>
                      <a:lnTo>
                        <a:pt x="97" y="218"/>
                      </a:lnTo>
                      <a:lnTo>
                        <a:pt x="86" y="215"/>
                      </a:lnTo>
                      <a:lnTo>
                        <a:pt x="76" y="213"/>
                      </a:lnTo>
                      <a:lnTo>
                        <a:pt x="66" y="210"/>
                      </a:lnTo>
                      <a:lnTo>
                        <a:pt x="56" y="204"/>
                      </a:lnTo>
                      <a:lnTo>
                        <a:pt x="47" y="200"/>
                      </a:lnTo>
                      <a:lnTo>
                        <a:pt x="40" y="193"/>
                      </a:lnTo>
                      <a:lnTo>
                        <a:pt x="32" y="187"/>
                      </a:lnTo>
                      <a:lnTo>
                        <a:pt x="24" y="179"/>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2"/>
                      </a:lnTo>
                      <a:lnTo>
                        <a:pt x="40"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5" name="Freeform 107"/>
                <p:cNvSpPr>
                  <a:spLocks/>
                </p:cNvSpPr>
                <p:nvPr/>
              </p:nvSpPr>
              <p:spPr bwMode="auto">
                <a:xfrm>
                  <a:off x="11619315" y="2775899"/>
                  <a:ext cx="28575" cy="30163"/>
                </a:xfrm>
                <a:custGeom>
                  <a:avLst/>
                  <a:gdLst/>
                  <a:ahLst/>
                  <a:cxnLst>
                    <a:cxn ang="0">
                      <a:pos x="101" y="183"/>
                    </a:cxn>
                    <a:cxn ang="0">
                      <a:pos x="119" y="178"/>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8"/>
                    </a:cxn>
                    <a:cxn ang="0">
                      <a:pos x="82" y="183"/>
                    </a:cxn>
                  </a:cxnLst>
                  <a:rect l="0" t="0" r="r" b="b"/>
                  <a:pathLst>
                    <a:path w="183" h="183">
                      <a:moveTo>
                        <a:pt x="92" y="183"/>
                      </a:moveTo>
                      <a:lnTo>
                        <a:pt x="101" y="183"/>
                      </a:lnTo>
                      <a:lnTo>
                        <a:pt x="110" y="181"/>
                      </a:lnTo>
                      <a:lnTo>
                        <a:pt x="119" y="178"/>
                      </a:lnTo>
                      <a:lnTo>
                        <a:pt x="128" y="176"/>
                      </a:lnTo>
                      <a:lnTo>
                        <a:pt x="136" y="172"/>
                      </a:lnTo>
                      <a:lnTo>
                        <a:pt x="143" y="167"/>
                      </a:lnTo>
                      <a:lnTo>
                        <a:pt x="150" y="162"/>
                      </a:lnTo>
                      <a:lnTo>
                        <a:pt x="157" y="156"/>
                      </a:lnTo>
                      <a:lnTo>
                        <a:pt x="162" y="150"/>
                      </a:lnTo>
                      <a:lnTo>
                        <a:pt x="168" y="143"/>
                      </a:lnTo>
                      <a:lnTo>
                        <a:pt x="172" y="135"/>
                      </a:lnTo>
                      <a:lnTo>
                        <a:pt x="177" y="127"/>
                      </a:lnTo>
                      <a:lnTo>
                        <a:pt x="179" y="119"/>
                      </a:lnTo>
                      <a:lnTo>
                        <a:pt x="181" y="110"/>
                      </a:lnTo>
                      <a:lnTo>
                        <a:pt x="183" y="101"/>
                      </a:lnTo>
                      <a:lnTo>
                        <a:pt x="183" y="92"/>
                      </a:lnTo>
                      <a:lnTo>
                        <a:pt x="183" y="82"/>
                      </a:lnTo>
                      <a:lnTo>
                        <a:pt x="181" y="73"/>
                      </a:lnTo>
                      <a:lnTo>
                        <a:pt x="179" y="64"/>
                      </a:lnTo>
                      <a:lnTo>
                        <a:pt x="177" y="56"/>
                      </a:lnTo>
                      <a:lnTo>
                        <a:pt x="172" y="48"/>
                      </a:lnTo>
                      <a:lnTo>
                        <a:pt x="168" y="41"/>
                      </a:lnTo>
                      <a:lnTo>
                        <a:pt x="162" y="33"/>
                      </a:lnTo>
                      <a:lnTo>
                        <a:pt x="157" y="26"/>
                      </a:lnTo>
                      <a:lnTo>
                        <a:pt x="150" y="21"/>
                      </a:lnTo>
                      <a:lnTo>
                        <a:pt x="143" y="15"/>
                      </a:lnTo>
                      <a:lnTo>
                        <a:pt x="136" y="11"/>
                      </a:lnTo>
                      <a:lnTo>
                        <a:pt x="128" y="8"/>
                      </a:lnTo>
                      <a:lnTo>
                        <a:pt x="119" y="4"/>
                      </a:lnTo>
                      <a:lnTo>
                        <a:pt x="110" y="2"/>
                      </a:lnTo>
                      <a:lnTo>
                        <a:pt x="101" y="1"/>
                      </a:lnTo>
                      <a:lnTo>
                        <a:pt x="92" y="0"/>
                      </a:lnTo>
                      <a:lnTo>
                        <a:pt x="82" y="1"/>
                      </a:lnTo>
                      <a:lnTo>
                        <a:pt x="73" y="2"/>
                      </a:lnTo>
                      <a:lnTo>
                        <a:pt x="65" y="4"/>
                      </a:lnTo>
                      <a:lnTo>
                        <a:pt x="57" y="8"/>
                      </a:lnTo>
                      <a:lnTo>
                        <a:pt x="49" y="11"/>
                      </a:lnTo>
                      <a:lnTo>
                        <a:pt x="41" y="15"/>
                      </a:lnTo>
                      <a:lnTo>
                        <a:pt x="34" y="21"/>
                      </a:lnTo>
                      <a:lnTo>
                        <a:pt x="28" y="26"/>
                      </a:lnTo>
                      <a:lnTo>
                        <a:pt x="21" y="33"/>
                      </a:lnTo>
                      <a:lnTo>
                        <a:pt x="16" y="41"/>
                      </a:lnTo>
                      <a:lnTo>
                        <a:pt x="11" y="48"/>
                      </a:lnTo>
                      <a:lnTo>
                        <a:pt x="8" y="56"/>
                      </a:lnTo>
                      <a:lnTo>
                        <a:pt x="5" y="64"/>
                      </a:lnTo>
                      <a:lnTo>
                        <a:pt x="2" y="73"/>
                      </a:lnTo>
                      <a:lnTo>
                        <a:pt x="1" y="82"/>
                      </a:lnTo>
                      <a:lnTo>
                        <a:pt x="0" y="92"/>
                      </a:lnTo>
                      <a:lnTo>
                        <a:pt x="1" y="101"/>
                      </a:lnTo>
                      <a:lnTo>
                        <a:pt x="2" y="110"/>
                      </a:lnTo>
                      <a:lnTo>
                        <a:pt x="5" y="119"/>
                      </a:lnTo>
                      <a:lnTo>
                        <a:pt x="8" y="127"/>
                      </a:lnTo>
                      <a:lnTo>
                        <a:pt x="11" y="135"/>
                      </a:lnTo>
                      <a:lnTo>
                        <a:pt x="16" y="143"/>
                      </a:lnTo>
                      <a:lnTo>
                        <a:pt x="21" y="150"/>
                      </a:lnTo>
                      <a:lnTo>
                        <a:pt x="28" y="156"/>
                      </a:lnTo>
                      <a:lnTo>
                        <a:pt x="34" y="162"/>
                      </a:lnTo>
                      <a:lnTo>
                        <a:pt x="41" y="167"/>
                      </a:lnTo>
                      <a:lnTo>
                        <a:pt x="49" y="172"/>
                      </a:lnTo>
                      <a:lnTo>
                        <a:pt x="57" y="176"/>
                      </a:lnTo>
                      <a:lnTo>
                        <a:pt x="65"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6" name="Freeform 108"/>
                <p:cNvSpPr>
                  <a:spLocks/>
                </p:cNvSpPr>
                <p:nvPr/>
              </p:nvSpPr>
              <p:spPr bwMode="auto">
                <a:xfrm>
                  <a:off x="11659003" y="2775899"/>
                  <a:ext cx="28575" cy="30163"/>
                </a:xfrm>
                <a:custGeom>
                  <a:avLst/>
                  <a:gdLst/>
                  <a:ahLst/>
                  <a:cxnLst>
                    <a:cxn ang="0">
                      <a:pos x="100" y="183"/>
                    </a:cxn>
                    <a:cxn ang="0">
                      <a:pos x="118" y="178"/>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8"/>
                    </a:cxn>
                    <a:cxn ang="0">
                      <a:pos x="81" y="183"/>
                    </a:cxn>
                  </a:cxnLst>
                  <a:rect l="0" t="0" r="r" b="b"/>
                  <a:pathLst>
                    <a:path w="182" h="183">
                      <a:moveTo>
                        <a:pt x="91" y="183"/>
                      </a:moveTo>
                      <a:lnTo>
                        <a:pt x="100" y="183"/>
                      </a:lnTo>
                      <a:lnTo>
                        <a:pt x="109" y="181"/>
                      </a:lnTo>
                      <a:lnTo>
                        <a:pt x="118" y="178"/>
                      </a:lnTo>
                      <a:lnTo>
                        <a:pt x="127" y="176"/>
                      </a:lnTo>
                      <a:lnTo>
                        <a:pt x="134" y="172"/>
                      </a:lnTo>
                      <a:lnTo>
                        <a:pt x="142" y="167"/>
                      </a:lnTo>
                      <a:lnTo>
                        <a:pt x="149" y="162"/>
                      </a:lnTo>
                      <a:lnTo>
                        <a:pt x="155" y="156"/>
                      </a:lnTo>
                      <a:lnTo>
                        <a:pt x="161" y="150"/>
                      </a:lnTo>
                      <a:lnTo>
                        <a:pt x="167"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7" y="41"/>
                      </a:lnTo>
                      <a:lnTo>
                        <a:pt x="161" y="33"/>
                      </a:lnTo>
                      <a:lnTo>
                        <a:pt x="155" y="26"/>
                      </a:lnTo>
                      <a:lnTo>
                        <a:pt x="149" y="21"/>
                      </a:lnTo>
                      <a:lnTo>
                        <a:pt x="142" y="15"/>
                      </a:lnTo>
                      <a:lnTo>
                        <a:pt x="134" y="11"/>
                      </a:lnTo>
                      <a:lnTo>
                        <a:pt x="127" y="8"/>
                      </a:lnTo>
                      <a:lnTo>
                        <a:pt x="118" y="4"/>
                      </a:lnTo>
                      <a:lnTo>
                        <a:pt x="109" y="2"/>
                      </a:lnTo>
                      <a:lnTo>
                        <a:pt x="100" y="1"/>
                      </a:lnTo>
                      <a:lnTo>
                        <a:pt x="91" y="0"/>
                      </a:lnTo>
                      <a:lnTo>
                        <a:pt x="81" y="1"/>
                      </a:lnTo>
                      <a:lnTo>
                        <a:pt x="72" y="2"/>
                      </a:lnTo>
                      <a:lnTo>
                        <a:pt x="63" y="4"/>
                      </a:lnTo>
                      <a:lnTo>
                        <a:pt x="56" y="8"/>
                      </a:lnTo>
                      <a:lnTo>
                        <a:pt x="48" y="11"/>
                      </a:lnTo>
                      <a:lnTo>
                        <a:pt x="40" y="15"/>
                      </a:lnTo>
                      <a:lnTo>
                        <a:pt x="32" y="21"/>
                      </a:lnTo>
                      <a:lnTo>
                        <a:pt x="27" y="26"/>
                      </a:lnTo>
                      <a:lnTo>
                        <a:pt x="20" y="33"/>
                      </a:lnTo>
                      <a:lnTo>
                        <a:pt x="16" y="41"/>
                      </a:lnTo>
                      <a:lnTo>
                        <a:pt x="10" y="48"/>
                      </a:lnTo>
                      <a:lnTo>
                        <a:pt x="7" y="56"/>
                      </a:lnTo>
                      <a:lnTo>
                        <a:pt x="4" y="64"/>
                      </a:lnTo>
                      <a:lnTo>
                        <a:pt x="1" y="73"/>
                      </a:lnTo>
                      <a:lnTo>
                        <a:pt x="0" y="82"/>
                      </a:lnTo>
                      <a:lnTo>
                        <a:pt x="0" y="92"/>
                      </a:lnTo>
                      <a:lnTo>
                        <a:pt x="0" y="101"/>
                      </a:lnTo>
                      <a:lnTo>
                        <a:pt x="1" y="110"/>
                      </a:lnTo>
                      <a:lnTo>
                        <a:pt x="4" y="119"/>
                      </a:lnTo>
                      <a:lnTo>
                        <a:pt x="7" y="127"/>
                      </a:lnTo>
                      <a:lnTo>
                        <a:pt x="10" y="135"/>
                      </a:lnTo>
                      <a:lnTo>
                        <a:pt x="16" y="143"/>
                      </a:lnTo>
                      <a:lnTo>
                        <a:pt x="20" y="150"/>
                      </a:lnTo>
                      <a:lnTo>
                        <a:pt x="27" y="156"/>
                      </a:lnTo>
                      <a:lnTo>
                        <a:pt x="32" y="162"/>
                      </a:lnTo>
                      <a:lnTo>
                        <a:pt x="40" y="167"/>
                      </a:lnTo>
                      <a:lnTo>
                        <a:pt x="48" y="172"/>
                      </a:lnTo>
                      <a:lnTo>
                        <a:pt x="56" y="176"/>
                      </a:lnTo>
                      <a:lnTo>
                        <a:pt x="63" y="178"/>
                      </a:lnTo>
                      <a:lnTo>
                        <a:pt x="72" y="181"/>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7" name="Freeform 109"/>
                <p:cNvSpPr>
                  <a:spLocks/>
                </p:cNvSpPr>
                <p:nvPr/>
              </p:nvSpPr>
              <p:spPr bwMode="auto">
                <a:xfrm>
                  <a:off x="11698690" y="2775899"/>
                  <a:ext cx="30163" cy="30163"/>
                </a:xfrm>
                <a:custGeom>
                  <a:avLst/>
                  <a:gdLst/>
                  <a:ahLst/>
                  <a:cxnLst>
                    <a:cxn ang="0">
                      <a:pos x="100" y="183"/>
                    </a:cxn>
                    <a:cxn ang="0">
                      <a:pos x="118" y="178"/>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8"/>
                    </a:cxn>
                    <a:cxn ang="0">
                      <a:pos x="82" y="183"/>
                    </a:cxn>
                  </a:cxnLst>
                  <a:rect l="0" t="0" r="r" b="b"/>
                  <a:pathLst>
                    <a:path w="182" h="183">
                      <a:moveTo>
                        <a:pt x="91" y="183"/>
                      </a:moveTo>
                      <a:lnTo>
                        <a:pt x="100" y="183"/>
                      </a:lnTo>
                      <a:lnTo>
                        <a:pt x="110" y="181"/>
                      </a:lnTo>
                      <a:lnTo>
                        <a:pt x="118" y="178"/>
                      </a:lnTo>
                      <a:lnTo>
                        <a:pt x="126" y="176"/>
                      </a:lnTo>
                      <a:lnTo>
                        <a:pt x="134" y="172"/>
                      </a:lnTo>
                      <a:lnTo>
                        <a:pt x="142" y="167"/>
                      </a:lnTo>
                      <a:lnTo>
                        <a:pt x="149" y="162"/>
                      </a:lnTo>
                      <a:lnTo>
                        <a:pt x="155" y="156"/>
                      </a:lnTo>
                      <a:lnTo>
                        <a:pt x="162" y="150"/>
                      </a:lnTo>
                      <a:lnTo>
                        <a:pt x="166"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6" y="41"/>
                      </a:lnTo>
                      <a:lnTo>
                        <a:pt x="162" y="33"/>
                      </a:lnTo>
                      <a:lnTo>
                        <a:pt x="155" y="26"/>
                      </a:lnTo>
                      <a:lnTo>
                        <a:pt x="149" y="21"/>
                      </a:lnTo>
                      <a:lnTo>
                        <a:pt x="142" y="15"/>
                      </a:lnTo>
                      <a:lnTo>
                        <a:pt x="134" y="11"/>
                      </a:lnTo>
                      <a:lnTo>
                        <a:pt x="126" y="8"/>
                      </a:lnTo>
                      <a:lnTo>
                        <a:pt x="118" y="4"/>
                      </a:lnTo>
                      <a:lnTo>
                        <a:pt x="110" y="2"/>
                      </a:lnTo>
                      <a:lnTo>
                        <a:pt x="100" y="1"/>
                      </a:lnTo>
                      <a:lnTo>
                        <a:pt x="91" y="0"/>
                      </a:lnTo>
                      <a:lnTo>
                        <a:pt x="82" y="1"/>
                      </a:lnTo>
                      <a:lnTo>
                        <a:pt x="72" y="2"/>
                      </a:lnTo>
                      <a:lnTo>
                        <a:pt x="64" y="4"/>
                      </a:lnTo>
                      <a:lnTo>
                        <a:pt x="55" y="8"/>
                      </a:lnTo>
                      <a:lnTo>
                        <a:pt x="48" y="11"/>
                      </a:lnTo>
                      <a:lnTo>
                        <a:pt x="40" y="15"/>
                      </a:lnTo>
                      <a:lnTo>
                        <a:pt x="33" y="21"/>
                      </a:lnTo>
                      <a:lnTo>
                        <a:pt x="27" y="26"/>
                      </a:lnTo>
                      <a:lnTo>
                        <a:pt x="20" y="33"/>
                      </a:lnTo>
                      <a:lnTo>
                        <a:pt x="16" y="41"/>
                      </a:lnTo>
                      <a:lnTo>
                        <a:pt x="11" y="48"/>
                      </a:lnTo>
                      <a:lnTo>
                        <a:pt x="7" y="56"/>
                      </a:lnTo>
                      <a:lnTo>
                        <a:pt x="3" y="64"/>
                      </a:lnTo>
                      <a:lnTo>
                        <a:pt x="1" y="73"/>
                      </a:lnTo>
                      <a:lnTo>
                        <a:pt x="0" y="82"/>
                      </a:lnTo>
                      <a:lnTo>
                        <a:pt x="0" y="92"/>
                      </a:lnTo>
                      <a:lnTo>
                        <a:pt x="0" y="101"/>
                      </a:lnTo>
                      <a:lnTo>
                        <a:pt x="1" y="110"/>
                      </a:lnTo>
                      <a:lnTo>
                        <a:pt x="3" y="119"/>
                      </a:lnTo>
                      <a:lnTo>
                        <a:pt x="7" y="127"/>
                      </a:lnTo>
                      <a:lnTo>
                        <a:pt x="11" y="135"/>
                      </a:lnTo>
                      <a:lnTo>
                        <a:pt x="16" y="143"/>
                      </a:lnTo>
                      <a:lnTo>
                        <a:pt x="20" y="150"/>
                      </a:lnTo>
                      <a:lnTo>
                        <a:pt x="27" y="156"/>
                      </a:lnTo>
                      <a:lnTo>
                        <a:pt x="33" y="162"/>
                      </a:lnTo>
                      <a:lnTo>
                        <a:pt x="40" y="167"/>
                      </a:lnTo>
                      <a:lnTo>
                        <a:pt x="48" y="172"/>
                      </a:lnTo>
                      <a:lnTo>
                        <a:pt x="55" y="176"/>
                      </a:lnTo>
                      <a:lnTo>
                        <a:pt x="64" y="178"/>
                      </a:lnTo>
                      <a:lnTo>
                        <a:pt x="72"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8" name="Freeform 110"/>
                <p:cNvSpPr>
                  <a:spLocks/>
                </p:cNvSpPr>
                <p:nvPr/>
              </p:nvSpPr>
              <p:spPr bwMode="auto">
                <a:xfrm>
                  <a:off x="11739965" y="2775899"/>
                  <a:ext cx="28575" cy="30163"/>
                </a:xfrm>
                <a:custGeom>
                  <a:avLst/>
                  <a:gdLst/>
                  <a:ahLst/>
                  <a:cxnLst>
                    <a:cxn ang="0">
                      <a:pos x="101" y="183"/>
                    </a:cxn>
                    <a:cxn ang="0">
                      <a:pos x="118" y="178"/>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8" y="178"/>
                      </a:lnTo>
                      <a:lnTo>
                        <a:pt x="126" y="176"/>
                      </a:lnTo>
                      <a:lnTo>
                        <a:pt x="134" y="172"/>
                      </a:lnTo>
                      <a:lnTo>
                        <a:pt x="142" y="167"/>
                      </a:lnTo>
                      <a:lnTo>
                        <a:pt x="148" y="162"/>
                      </a:lnTo>
                      <a:lnTo>
                        <a:pt x="155" y="156"/>
                      </a:lnTo>
                      <a:lnTo>
                        <a:pt x="162" y="150"/>
                      </a:lnTo>
                      <a:lnTo>
                        <a:pt x="166"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6" y="41"/>
                      </a:lnTo>
                      <a:lnTo>
                        <a:pt x="162" y="33"/>
                      </a:lnTo>
                      <a:lnTo>
                        <a:pt x="155" y="26"/>
                      </a:lnTo>
                      <a:lnTo>
                        <a:pt x="148" y="21"/>
                      </a:lnTo>
                      <a:lnTo>
                        <a:pt x="142" y="15"/>
                      </a:lnTo>
                      <a:lnTo>
                        <a:pt x="134" y="11"/>
                      </a:lnTo>
                      <a:lnTo>
                        <a:pt x="126" y="8"/>
                      </a:lnTo>
                      <a:lnTo>
                        <a:pt x="118" y="4"/>
                      </a:lnTo>
                      <a:lnTo>
                        <a:pt x="110" y="2"/>
                      </a:lnTo>
                      <a:lnTo>
                        <a:pt x="101" y="1"/>
                      </a:lnTo>
                      <a:lnTo>
                        <a:pt x="91"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6" y="56"/>
                      </a:lnTo>
                      <a:lnTo>
                        <a:pt x="3" y="64"/>
                      </a:lnTo>
                      <a:lnTo>
                        <a:pt x="1" y="73"/>
                      </a:lnTo>
                      <a:lnTo>
                        <a:pt x="0" y="82"/>
                      </a:lnTo>
                      <a:lnTo>
                        <a:pt x="0" y="92"/>
                      </a:lnTo>
                      <a:lnTo>
                        <a:pt x="0" y="101"/>
                      </a:lnTo>
                      <a:lnTo>
                        <a:pt x="1" y="110"/>
                      </a:lnTo>
                      <a:lnTo>
                        <a:pt x="3" y="119"/>
                      </a:lnTo>
                      <a:lnTo>
                        <a:pt x="6"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79" name="Freeform 111"/>
                <p:cNvSpPr>
                  <a:spLocks/>
                </p:cNvSpPr>
                <p:nvPr/>
              </p:nvSpPr>
              <p:spPr bwMode="auto">
                <a:xfrm>
                  <a:off x="11779653" y="2775899"/>
                  <a:ext cx="28575" cy="30163"/>
                </a:xfrm>
                <a:custGeom>
                  <a:avLst/>
                  <a:gdLst/>
                  <a:ahLst/>
                  <a:cxnLst>
                    <a:cxn ang="0">
                      <a:pos x="101" y="183"/>
                    </a:cxn>
                    <a:cxn ang="0">
                      <a:pos x="118" y="178"/>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8"/>
                    </a:cxn>
                    <a:cxn ang="0">
                      <a:pos x="82" y="183"/>
                    </a:cxn>
                  </a:cxnLst>
                  <a:rect l="0" t="0" r="r" b="b"/>
                  <a:pathLst>
                    <a:path w="183" h="183">
                      <a:moveTo>
                        <a:pt x="91" y="183"/>
                      </a:moveTo>
                      <a:lnTo>
                        <a:pt x="101" y="183"/>
                      </a:lnTo>
                      <a:lnTo>
                        <a:pt x="109" y="181"/>
                      </a:lnTo>
                      <a:lnTo>
                        <a:pt x="118" y="178"/>
                      </a:lnTo>
                      <a:lnTo>
                        <a:pt x="126" y="176"/>
                      </a:lnTo>
                      <a:lnTo>
                        <a:pt x="134" y="172"/>
                      </a:lnTo>
                      <a:lnTo>
                        <a:pt x="142" y="167"/>
                      </a:lnTo>
                      <a:lnTo>
                        <a:pt x="149" y="162"/>
                      </a:lnTo>
                      <a:lnTo>
                        <a:pt x="156" y="156"/>
                      </a:lnTo>
                      <a:lnTo>
                        <a:pt x="162" y="150"/>
                      </a:lnTo>
                      <a:lnTo>
                        <a:pt x="167" y="143"/>
                      </a:lnTo>
                      <a:lnTo>
                        <a:pt x="172" y="135"/>
                      </a:lnTo>
                      <a:lnTo>
                        <a:pt x="175" y="127"/>
                      </a:lnTo>
                      <a:lnTo>
                        <a:pt x="178" y="119"/>
                      </a:lnTo>
                      <a:lnTo>
                        <a:pt x="180" y="110"/>
                      </a:lnTo>
                      <a:lnTo>
                        <a:pt x="182" y="101"/>
                      </a:lnTo>
                      <a:lnTo>
                        <a:pt x="183" y="92"/>
                      </a:lnTo>
                      <a:lnTo>
                        <a:pt x="182" y="82"/>
                      </a:lnTo>
                      <a:lnTo>
                        <a:pt x="180" y="73"/>
                      </a:lnTo>
                      <a:lnTo>
                        <a:pt x="178" y="64"/>
                      </a:lnTo>
                      <a:lnTo>
                        <a:pt x="175" y="56"/>
                      </a:lnTo>
                      <a:lnTo>
                        <a:pt x="172" y="48"/>
                      </a:lnTo>
                      <a:lnTo>
                        <a:pt x="167" y="41"/>
                      </a:lnTo>
                      <a:lnTo>
                        <a:pt x="162" y="33"/>
                      </a:lnTo>
                      <a:lnTo>
                        <a:pt x="156" y="26"/>
                      </a:lnTo>
                      <a:lnTo>
                        <a:pt x="149" y="21"/>
                      </a:lnTo>
                      <a:lnTo>
                        <a:pt x="142" y="15"/>
                      </a:lnTo>
                      <a:lnTo>
                        <a:pt x="134" y="11"/>
                      </a:lnTo>
                      <a:lnTo>
                        <a:pt x="126" y="8"/>
                      </a:lnTo>
                      <a:lnTo>
                        <a:pt x="118" y="4"/>
                      </a:lnTo>
                      <a:lnTo>
                        <a:pt x="109" y="2"/>
                      </a:lnTo>
                      <a:lnTo>
                        <a:pt x="101" y="1"/>
                      </a:lnTo>
                      <a:lnTo>
                        <a:pt x="91" y="0"/>
                      </a:lnTo>
                      <a:lnTo>
                        <a:pt x="82" y="1"/>
                      </a:lnTo>
                      <a:lnTo>
                        <a:pt x="73" y="2"/>
                      </a:lnTo>
                      <a:lnTo>
                        <a:pt x="64" y="4"/>
                      </a:lnTo>
                      <a:lnTo>
                        <a:pt x="55" y="8"/>
                      </a:lnTo>
                      <a:lnTo>
                        <a:pt x="47" y="11"/>
                      </a:lnTo>
                      <a:lnTo>
                        <a:pt x="40" y="15"/>
                      </a:lnTo>
                      <a:lnTo>
                        <a:pt x="33" y="21"/>
                      </a:lnTo>
                      <a:lnTo>
                        <a:pt x="26" y="26"/>
                      </a:lnTo>
                      <a:lnTo>
                        <a:pt x="21" y="33"/>
                      </a:lnTo>
                      <a:lnTo>
                        <a:pt x="15" y="41"/>
                      </a:lnTo>
                      <a:lnTo>
                        <a:pt x="11" y="48"/>
                      </a:lnTo>
                      <a:lnTo>
                        <a:pt x="6" y="56"/>
                      </a:lnTo>
                      <a:lnTo>
                        <a:pt x="4" y="64"/>
                      </a:lnTo>
                      <a:lnTo>
                        <a:pt x="2" y="73"/>
                      </a:lnTo>
                      <a:lnTo>
                        <a:pt x="0" y="82"/>
                      </a:lnTo>
                      <a:lnTo>
                        <a:pt x="0" y="92"/>
                      </a:lnTo>
                      <a:lnTo>
                        <a:pt x="0" y="101"/>
                      </a:lnTo>
                      <a:lnTo>
                        <a:pt x="2" y="110"/>
                      </a:lnTo>
                      <a:lnTo>
                        <a:pt x="4" y="119"/>
                      </a:lnTo>
                      <a:lnTo>
                        <a:pt x="6" y="127"/>
                      </a:lnTo>
                      <a:lnTo>
                        <a:pt x="11" y="135"/>
                      </a:lnTo>
                      <a:lnTo>
                        <a:pt x="15" y="143"/>
                      </a:lnTo>
                      <a:lnTo>
                        <a:pt x="21" y="150"/>
                      </a:lnTo>
                      <a:lnTo>
                        <a:pt x="26" y="156"/>
                      </a:lnTo>
                      <a:lnTo>
                        <a:pt x="33" y="162"/>
                      </a:lnTo>
                      <a:lnTo>
                        <a:pt x="40" y="167"/>
                      </a:lnTo>
                      <a:lnTo>
                        <a:pt x="47"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0" name="Freeform 112"/>
                <p:cNvSpPr>
                  <a:spLocks/>
                </p:cNvSpPr>
                <p:nvPr/>
              </p:nvSpPr>
              <p:spPr bwMode="auto">
                <a:xfrm>
                  <a:off x="12235265" y="2963224"/>
                  <a:ext cx="203200" cy="34925"/>
                </a:xfrm>
                <a:custGeom>
                  <a:avLst/>
                  <a:gdLst/>
                  <a:ahLst/>
                  <a:cxnLst>
                    <a:cxn ang="0">
                      <a:pos x="1170" y="0"/>
                    </a:cxn>
                    <a:cxn ang="0">
                      <a:pos x="1192" y="2"/>
                    </a:cxn>
                    <a:cxn ang="0">
                      <a:pos x="1212" y="9"/>
                    </a:cxn>
                    <a:cxn ang="0">
                      <a:pos x="1231" y="19"/>
                    </a:cxn>
                    <a:cxn ang="0">
                      <a:pos x="1246" y="32"/>
                    </a:cxn>
                    <a:cxn ang="0">
                      <a:pos x="1259" y="48"/>
                    </a:cxn>
                    <a:cxn ang="0">
                      <a:pos x="1271" y="66"/>
                    </a:cxn>
                    <a:cxn ang="0">
                      <a:pos x="1276" y="86"/>
                    </a:cxn>
                    <a:cxn ang="0">
                      <a:pos x="1278" y="109"/>
                    </a:cxn>
                    <a:cxn ang="0">
                      <a:pos x="1276" y="131"/>
                    </a:cxn>
                    <a:cxn ang="0">
                      <a:pos x="1271" y="151"/>
                    </a:cxn>
                    <a:cxn ang="0">
                      <a:pos x="1259" y="170"/>
                    </a:cxn>
                    <a:cxn ang="0">
                      <a:pos x="1246" y="185"/>
                    </a:cxn>
                    <a:cxn ang="0">
                      <a:pos x="1231" y="198"/>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7"/>
                    </a:cxn>
                    <a:cxn ang="0">
                      <a:pos x="4" y="76"/>
                    </a:cxn>
                    <a:cxn ang="0">
                      <a:pos x="13" y="56"/>
                    </a:cxn>
                    <a:cxn ang="0">
                      <a:pos x="24" y="40"/>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9"/>
                      </a:lnTo>
                      <a:lnTo>
                        <a:pt x="1222" y="13"/>
                      </a:lnTo>
                      <a:lnTo>
                        <a:pt x="1231" y="19"/>
                      </a:lnTo>
                      <a:lnTo>
                        <a:pt x="1238" y="24"/>
                      </a:lnTo>
                      <a:lnTo>
                        <a:pt x="1246" y="32"/>
                      </a:lnTo>
                      <a:lnTo>
                        <a:pt x="1254" y="40"/>
                      </a:lnTo>
                      <a:lnTo>
                        <a:pt x="1259" y="48"/>
                      </a:lnTo>
                      <a:lnTo>
                        <a:pt x="1265" y="56"/>
                      </a:lnTo>
                      <a:lnTo>
                        <a:pt x="1271" y="66"/>
                      </a:lnTo>
                      <a:lnTo>
                        <a:pt x="1274" y="76"/>
                      </a:lnTo>
                      <a:lnTo>
                        <a:pt x="1276" y="86"/>
                      </a:lnTo>
                      <a:lnTo>
                        <a:pt x="1278" y="97"/>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8"/>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8"/>
                      </a:lnTo>
                      <a:lnTo>
                        <a:pt x="40" y="193"/>
                      </a:lnTo>
                      <a:lnTo>
                        <a:pt x="32" y="185"/>
                      </a:lnTo>
                      <a:lnTo>
                        <a:pt x="24" y="177"/>
                      </a:lnTo>
                      <a:lnTo>
                        <a:pt x="19" y="170"/>
                      </a:lnTo>
                      <a:lnTo>
                        <a:pt x="13" y="161"/>
                      </a:lnTo>
                      <a:lnTo>
                        <a:pt x="9" y="151"/>
                      </a:lnTo>
                      <a:lnTo>
                        <a:pt x="4" y="141"/>
                      </a:lnTo>
                      <a:lnTo>
                        <a:pt x="2" y="131"/>
                      </a:lnTo>
                      <a:lnTo>
                        <a:pt x="0" y="120"/>
                      </a:lnTo>
                      <a:lnTo>
                        <a:pt x="0" y="109"/>
                      </a:lnTo>
                      <a:lnTo>
                        <a:pt x="0" y="97"/>
                      </a:lnTo>
                      <a:lnTo>
                        <a:pt x="2" y="86"/>
                      </a:lnTo>
                      <a:lnTo>
                        <a:pt x="4" y="76"/>
                      </a:lnTo>
                      <a:lnTo>
                        <a:pt x="9" y="66"/>
                      </a:lnTo>
                      <a:lnTo>
                        <a:pt x="13" y="56"/>
                      </a:lnTo>
                      <a:lnTo>
                        <a:pt x="19" y="48"/>
                      </a:lnTo>
                      <a:lnTo>
                        <a:pt x="24" y="40"/>
                      </a:lnTo>
                      <a:lnTo>
                        <a:pt x="32" y="32"/>
                      </a:lnTo>
                      <a:lnTo>
                        <a:pt x="40"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1" name="Freeform 113"/>
                <p:cNvSpPr>
                  <a:spLocks/>
                </p:cNvSpPr>
                <p:nvPr/>
              </p:nvSpPr>
              <p:spPr bwMode="auto">
                <a:xfrm>
                  <a:off x="11619315" y="2964812"/>
                  <a:ext cx="28575" cy="28575"/>
                </a:xfrm>
                <a:custGeom>
                  <a:avLst/>
                  <a:gdLst/>
                  <a:ahLst/>
                  <a:cxnLst>
                    <a:cxn ang="0">
                      <a:pos x="101" y="182"/>
                    </a:cxn>
                    <a:cxn ang="0">
                      <a:pos x="119" y="179"/>
                    </a:cxn>
                    <a:cxn ang="0">
                      <a:pos x="136" y="172"/>
                    </a:cxn>
                    <a:cxn ang="0">
                      <a:pos x="150" y="162"/>
                    </a:cxn>
                    <a:cxn ang="0">
                      <a:pos x="162" y="150"/>
                    </a:cxn>
                    <a:cxn ang="0">
                      <a:pos x="172" y="136"/>
                    </a:cxn>
                    <a:cxn ang="0">
                      <a:pos x="179" y="119"/>
                    </a:cxn>
                    <a:cxn ang="0">
                      <a:pos x="183" y="101"/>
                    </a:cxn>
                    <a:cxn ang="0">
                      <a:pos x="183" y="83"/>
                    </a:cxn>
                    <a:cxn ang="0">
                      <a:pos x="179" y="65"/>
                    </a:cxn>
                    <a:cxn ang="0">
                      <a:pos x="172" y="48"/>
                    </a:cxn>
                    <a:cxn ang="0">
                      <a:pos x="162" y="34"/>
                    </a:cxn>
                    <a:cxn ang="0">
                      <a:pos x="150" y="22"/>
                    </a:cxn>
                    <a:cxn ang="0">
                      <a:pos x="136" y="12"/>
                    </a:cxn>
                    <a:cxn ang="0">
                      <a:pos x="119" y="5"/>
                    </a:cxn>
                    <a:cxn ang="0">
                      <a:pos x="101" y="2"/>
                    </a:cxn>
                    <a:cxn ang="0">
                      <a:pos x="82" y="2"/>
                    </a:cxn>
                    <a:cxn ang="0">
                      <a:pos x="65" y="5"/>
                    </a:cxn>
                    <a:cxn ang="0">
                      <a:pos x="49" y="12"/>
                    </a:cxn>
                    <a:cxn ang="0">
                      <a:pos x="34" y="22"/>
                    </a:cxn>
                    <a:cxn ang="0">
                      <a:pos x="21" y="34"/>
                    </a:cxn>
                    <a:cxn ang="0">
                      <a:pos x="11" y="48"/>
                    </a:cxn>
                    <a:cxn ang="0">
                      <a:pos x="5" y="65"/>
                    </a:cxn>
                    <a:cxn ang="0">
                      <a:pos x="1" y="83"/>
                    </a:cxn>
                    <a:cxn ang="0">
                      <a:pos x="1" y="101"/>
                    </a:cxn>
                    <a:cxn ang="0">
                      <a:pos x="5" y="119"/>
                    </a:cxn>
                    <a:cxn ang="0">
                      <a:pos x="11" y="136"/>
                    </a:cxn>
                    <a:cxn ang="0">
                      <a:pos x="21" y="150"/>
                    </a:cxn>
                    <a:cxn ang="0">
                      <a:pos x="34" y="162"/>
                    </a:cxn>
                    <a:cxn ang="0">
                      <a:pos x="49" y="172"/>
                    </a:cxn>
                    <a:cxn ang="0">
                      <a:pos x="65" y="179"/>
                    </a:cxn>
                    <a:cxn ang="0">
                      <a:pos x="82" y="182"/>
                    </a:cxn>
                  </a:cxnLst>
                  <a:rect l="0" t="0" r="r" b="b"/>
                  <a:pathLst>
                    <a:path w="183" h="184">
                      <a:moveTo>
                        <a:pt x="92" y="184"/>
                      </a:moveTo>
                      <a:lnTo>
                        <a:pt x="101" y="182"/>
                      </a:lnTo>
                      <a:lnTo>
                        <a:pt x="110" y="181"/>
                      </a:lnTo>
                      <a:lnTo>
                        <a:pt x="119" y="179"/>
                      </a:lnTo>
                      <a:lnTo>
                        <a:pt x="128" y="176"/>
                      </a:lnTo>
                      <a:lnTo>
                        <a:pt x="136" y="172"/>
                      </a:lnTo>
                      <a:lnTo>
                        <a:pt x="143" y="168"/>
                      </a:lnTo>
                      <a:lnTo>
                        <a:pt x="150" y="162"/>
                      </a:lnTo>
                      <a:lnTo>
                        <a:pt x="157" y="157"/>
                      </a:lnTo>
                      <a:lnTo>
                        <a:pt x="162" y="150"/>
                      </a:lnTo>
                      <a:lnTo>
                        <a:pt x="168" y="144"/>
                      </a:lnTo>
                      <a:lnTo>
                        <a:pt x="172" y="136"/>
                      </a:lnTo>
                      <a:lnTo>
                        <a:pt x="177" y="128"/>
                      </a:lnTo>
                      <a:lnTo>
                        <a:pt x="179" y="119"/>
                      </a:lnTo>
                      <a:lnTo>
                        <a:pt x="181" y="110"/>
                      </a:lnTo>
                      <a:lnTo>
                        <a:pt x="183" y="101"/>
                      </a:lnTo>
                      <a:lnTo>
                        <a:pt x="183" y="93"/>
                      </a:lnTo>
                      <a:lnTo>
                        <a:pt x="183" y="83"/>
                      </a:lnTo>
                      <a:lnTo>
                        <a:pt x="181" y="74"/>
                      </a:lnTo>
                      <a:lnTo>
                        <a:pt x="179" y="65"/>
                      </a:lnTo>
                      <a:lnTo>
                        <a:pt x="177" y="57"/>
                      </a:lnTo>
                      <a:lnTo>
                        <a:pt x="172" y="48"/>
                      </a:lnTo>
                      <a:lnTo>
                        <a:pt x="168" y="42"/>
                      </a:lnTo>
                      <a:lnTo>
                        <a:pt x="162" y="34"/>
                      </a:lnTo>
                      <a:lnTo>
                        <a:pt x="157" y="27"/>
                      </a:lnTo>
                      <a:lnTo>
                        <a:pt x="150" y="22"/>
                      </a:lnTo>
                      <a:lnTo>
                        <a:pt x="143" y="16"/>
                      </a:lnTo>
                      <a:lnTo>
                        <a:pt x="136" y="12"/>
                      </a:lnTo>
                      <a:lnTo>
                        <a:pt x="128" y="8"/>
                      </a:lnTo>
                      <a:lnTo>
                        <a:pt x="119" y="5"/>
                      </a:lnTo>
                      <a:lnTo>
                        <a:pt x="110" y="3"/>
                      </a:lnTo>
                      <a:lnTo>
                        <a:pt x="101" y="2"/>
                      </a:lnTo>
                      <a:lnTo>
                        <a:pt x="92" y="0"/>
                      </a:lnTo>
                      <a:lnTo>
                        <a:pt x="82" y="2"/>
                      </a:lnTo>
                      <a:lnTo>
                        <a:pt x="73" y="3"/>
                      </a:lnTo>
                      <a:lnTo>
                        <a:pt x="65" y="5"/>
                      </a:lnTo>
                      <a:lnTo>
                        <a:pt x="57" y="8"/>
                      </a:lnTo>
                      <a:lnTo>
                        <a:pt x="49" y="12"/>
                      </a:lnTo>
                      <a:lnTo>
                        <a:pt x="41" y="16"/>
                      </a:lnTo>
                      <a:lnTo>
                        <a:pt x="34" y="22"/>
                      </a:lnTo>
                      <a:lnTo>
                        <a:pt x="28" y="27"/>
                      </a:lnTo>
                      <a:lnTo>
                        <a:pt x="21" y="34"/>
                      </a:lnTo>
                      <a:lnTo>
                        <a:pt x="16" y="42"/>
                      </a:lnTo>
                      <a:lnTo>
                        <a:pt x="11" y="48"/>
                      </a:lnTo>
                      <a:lnTo>
                        <a:pt x="8" y="57"/>
                      </a:lnTo>
                      <a:lnTo>
                        <a:pt x="5" y="65"/>
                      </a:lnTo>
                      <a:lnTo>
                        <a:pt x="2" y="74"/>
                      </a:lnTo>
                      <a:lnTo>
                        <a:pt x="1" y="83"/>
                      </a:lnTo>
                      <a:lnTo>
                        <a:pt x="0" y="93"/>
                      </a:lnTo>
                      <a:lnTo>
                        <a:pt x="1" y="101"/>
                      </a:lnTo>
                      <a:lnTo>
                        <a:pt x="2" y="110"/>
                      </a:lnTo>
                      <a:lnTo>
                        <a:pt x="5" y="119"/>
                      </a:lnTo>
                      <a:lnTo>
                        <a:pt x="8" y="128"/>
                      </a:lnTo>
                      <a:lnTo>
                        <a:pt x="11" y="136"/>
                      </a:lnTo>
                      <a:lnTo>
                        <a:pt x="16" y="144"/>
                      </a:lnTo>
                      <a:lnTo>
                        <a:pt x="21" y="150"/>
                      </a:lnTo>
                      <a:lnTo>
                        <a:pt x="28" y="157"/>
                      </a:lnTo>
                      <a:lnTo>
                        <a:pt x="34" y="162"/>
                      </a:lnTo>
                      <a:lnTo>
                        <a:pt x="41" y="168"/>
                      </a:lnTo>
                      <a:lnTo>
                        <a:pt x="49" y="172"/>
                      </a:lnTo>
                      <a:lnTo>
                        <a:pt x="57" y="176"/>
                      </a:lnTo>
                      <a:lnTo>
                        <a:pt x="65"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2" name="Freeform 114"/>
                <p:cNvSpPr>
                  <a:spLocks/>
                </p:cNvSpPr>
                <p:nvPr/>
              </p:nvSpPr>
              <p:spPr bwMode="auto">
                <a:xfrm>
                  <a:off x="11659003" y="2964812"/>
                  <a:ext cx="28575" cy="28575"/>
                </a:xfrm>
                <a:custGeom>
                  <a:avLst/>
                  <a:gdLst/>
                  <a:ahLst/>
                  <a:cxnLst>
                    <a:cxn ang="0">
                      <a:pos x="100" y="182"/>
                    </a:cxn>
                    <a:cxn ang="0">
                      <a:pos x="118" y="179"/>
                    </a:cxn>
                    <a:cxn ang="0">
                      <a:pos x="134"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4" y="12"/>
                    </a:cxn>
                    <a:cxn ang="0">
                      <a:pos x="118" y="5"/>
                    </a:cxn>
                    <a:cxn ang="0">
                      <a:pos x="100" y="2"/>
                    </a:cxn>
                    <a:cxn ang="0">
                      <a:pos x="81" y="2"/>
                    </a:cxn>
                    <a:cxn ang="0">
                      <a:pos x="63" y="5"/>
                    </a:cxn>
                    <a:cxn ang="0">
                      <a:pos x="48" y="12"/>
                    </a:cxn>
                    <a:cxn ang="0">
                      <a:pos x="32" y="22"/>
                    </a:cxn>
                    <a:cxn ang="0">
                      <a:pos x="20" y="34"/>
                    </a:cxn>
                    <a:cxn ang="0">
                      <a:pos x="10" y="48"/>
                    </a:cxn>
                    <a:cxn ang="0">
                      <a:pos x="4" y="65"/>
                    </a:cxn>
                    <a:cxn ang="0">
                      <a:pos x="0" y="83"/>
                    </a:cxn>
                    <a:cxn ang="0">
                      <a:pos x="0" y="101"/>
                    </a:cxn>
                    <a:cxn ang="0">
                      <a:pos x="4" y="119"/>
                    </a:cxn>
                    <a:cxn ang="0">
                      <a:pos x="10" y="136"/>
                    </a:cxn>
                    <a:cxn ang="0">
                      <a:pos x="20" y="150"/>
                    </a:cxn>
                    <a:cxn ang="0">
                      <a:pos x="32" y="162"/>
                    </a:cxn>
                    <a:cxn ang="0">
                      <a:pos x="48" y="172"/>
                    </a:cxn>
                    <a:cxn ang="0">
                      <a:pos x="63" y="179"/>
                    </a:cxn>
                    <a:cxn ang="0">
                      <a:pos x="81" y="182"/>
                    </a:cxn>
                  </a:cxnLst>
                  <a:rect l="0" t="0" r="r" b="b"/>
                  <a:pathLst>
                    <a:path w="182" h="184">
                      <a:moveTo>
                        <a:pt x="91" y="184"/>
                      </a:moveTo>
                      <a:lnTo>
                        <a:pt x="100" y="182"/>
                      </a:lnTo>
                      <a:lnTo>
                        <a:pt x="109" y="181"/>
                      </a:lnTo>
                      <a:lnTo>
                        <a:pt x="118" y="179"/>
                      </a:lnTo>
                      <a:lnTo>
                        <a:pt x="127" y="176"/>
                      </a:lnTo>
                      <a:lnTo>
                        <a:pt x="134" y="172"/>
                      </a:lnTo>
                      <a:lnTo>
                        <a:pt x="142" y="168"/>
                      </a:lnTo>
                      <a:lnTo>
                        <a:pt x="149" y="162"/>
                      </a:lnTo>
                      <a:lnTo>
                        <a:pt x="155" y="157"/>
                      </a:lnTo>
                      <a:lnTo>
                        <a:pt x="161" y="150"/>
                      </a:lnTo>
                      <a:lnTo>
                        <a:pt x="167"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7" y="42"/>
                      </a:lnTo>
                      <a:lnTo>
                        <a:pt x="161" y="34"/>
                      </a:lnTo>
                      <a:lnTo>
                        <a:pt x="155" y="27"/>
                      </a:lnTo>
                      <a:lnTo>
                        <a:pt x="149" y="22"/>
                      </a:lnTo>
                      <a:lnTo>
                        <a:pt x="142" y="16"/>
                      </a:lnTo>
                      <a:lnTo>
                        <a:pt x="134" y="12"/>
                      </a:lnTo>
                      <a:lnTo>
                        <a:pt x="127" y="8"/>
                      </a:lnTo>
                      <a:lnTo>
                        <a:pt x="118" y="5"/>
                      </a:lnTo>
                      <a:lnTo>
                        <a:pt x="109" y="3"/>
                      </a:lnTo>
                      <a:lnTo>
                        <a:pt x="100" y="2"/>
                      </a:lnTo>
                      <a:lnTo>
                        <a:pt x="91" y="0"/>
                      </a:lnTo>
                      <a:lnTo>
                        <a:pt x="81" y="2"/>
                      </a:lnTo>
                      <a:lnTo>
                        <a:pt x="72" y="3"/>
                      </a:lnTo>
                      <a:lnTo>
                        <a:pt x="63" y="5"/>
                      </a:lnTo>
                      <a:lnTo>
                        <a:pt x="56" y="8"/>
                      </a:lnTo>
                      <a:lnTo>
                        <a:pt x="48" y="12"/>
                      </a:lnTo>
                      <a:lnTo>
                        <a:pt x="40" y="16"/>
                      </a:lnTo>
                      <a:lnTo>
                        <a:pt x="32" y="22"/>
                      </a:lnTo>
                      <a:lnTo>
                        <a:pt x="27" y="27"/>
                      </a:lnTo>
                      <a:lnTo>
                        <a:pt x="20" y="34"/>
                      </a:lnTo>
                      <a:lnTo>
                        <a:pt x="16" y="42"/>
                      </a:lnTo>
                      <a:lnTo>
                        <a:pt x="10" y="48"/>
                      </a:lnTo>
                      <a:lnTo>
                        <a:pt x="7" y="57"/>
                      </a:lnTo>
                      <a:lnTo>
                        <a:pt x="4" y="65"/>
                      </a:lnTo>
                      <a:lnTo>
                        <a:pt x="1" y="74"/>
                      </a:lnTo>
                      <a:lnTo>
                        <a:pt x="0" y="83"/>
                      </a:lnTo>
                      <a:lnTo>
                        <a:pt x="0" y="93"/>
                      </a:lnTo>
                      <a:lnTo>
                        <a:pt x="0" y="101"/>
                      </a:lnTo>
                      <a:lnTo>
                        <a:pt x="1" y="110"/>
                      </a:lnTo>
                      <a:lnTo>
                        <a:pt x="4" y="119"/>
                      </a:lnTo>
                      <a:lnTo>
                        <a:pt x="7" y="128"/>
                      </a:lnTo>
                      <a:lnTo>
                        <a:pt x="10" y="136"/>
                      </a:lnTo>
                      <a:lnTo>
                        <a:pt x="16" y="144"/>
                      </a:lnTo>
                      <a:lnTo>
                        <a:pt x="20" y="150"/>
                      </a:lnTo>
                      <a:lnTo>
                        <a:pt x="27" y="157"/>
                      </a:lnTo>
                      <a:lnTo>
                        <a:pt x="32" y="162"/>
                      </a:lnTo>
                      <a:lnTo>
                        <a:pt x="40" y="168"/>
                      </a:lnTo>
                      <a:lnTo>
                        <a:pt x="48" y="172"/>
                      </a:lnTo>
                      <a:lnTo>
                        <a:pt x="56" y="176"/>
                      </a:lnTo>
                      <a:lnTo>
                        <a:pt x="63" y="179"/>
                      </a:lnTo>
                      <a:lnTo>
                        <a:pt x="72" y="181"/>
                      </a:lnTo>
                      <a:lnTo>
                        <a:pt x="81"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3" name="Freeform 115"/>
                <p:cNvSpPr>
                  <a:spLocks/>
                </p:cNvSpPr>
                <p:nvPr/>
              </p:nvSpPr>
              <p:spPr bwMode="auto">
                <a:xfrm>
                  <a:off x="11698690" y="2964812"/>
                  <a:ext cx="30163" cy="28575"/>
                </a:xfrm>
                <a:custGeom>
                  <a:avLst/>
                  <a:gdLst/>
                  <a:ahLst/>
                  <a:cxnLst>
                    <a:cxn ang="0">
                      <a:pos x="100" y="182"/>
                    </a:cxn>
                    <a:cxn ang="0">
                      <a:pos x="118" y="179"/>
                    </a:cxn>
                    <a:cxn ang="0">
                      <a:pos x="134" y="172"/>
                    </a:cxn>
                    <a:cxn ang="0">
                      <a:pos x="149" y="162"/>
                    </a:cxn>
                    <a:cxn ang="0">
                      <a:pos x="162" y="150"/>
                    </a:cxn>
                    <a:cxn ang="0">
                      <a:pos x="171" y="136"/>
                    </a:cxn>
                    <a:cxn ang="0">
                      <a:pos x="179" y="119"/>
                    </a:cxn>
                    <a:cxn ang="0">
                      <a:pos x="182" y="101"/>
                    </a:cxn>
                    <a:cxn ang="0">
                      <a:pos x="182" y="83"/>
                    </a:cxn>
                    <a:cxn ang="0">
                      <a:pos x="179" y="65"/>
                    </a:cxn>
                    <a:cxn ang="0">
                      <a:pos x="171" y="48"/>
                    </a:cxn>
                    <a:cxn ang="0">
                      <a:pos x="162" y="34"/>
                    </a:cxn>
                    <a:cxn ang="0">
                      <a:pos x="149" y="22"/>
                    </a:cxn>
                    <a:cxn ang="0">
                      <a:pos x="134" y="12"/>
                    </a:cxn>
                    <a:cxn ang="0">
                      <a:pos x="118" y="5"/>
                    </a:cxn>
                    <a:cxn ang="0">
                      <a:pos x="100" y="2"/>
                    </a:cxn>
                    <a:cxn ang="0">
                      <a:pos x="82" y="2"/>
                    </a:cxn>
                    <a:cxn ang="0">
                      <a:pos x="64" y="5"/>
                    </a:cxn>
                    <a:cxn ang="0">
                      <a:pos x="48" y="12"/>
                    </a:cxn>
                    <a:cxn ang="0">
                      <a:pos x="33" y="22"/>
                    </a:cxn>
                    <a:cxn ang="0">
                      <a:pos x="20" y="34"/>
                    </a:cxn>
                    <a:cxn ang="0">
                      <a:pos x="11" y="48"/>
                    </a:cxn>
                    <a:cxn ang="0">
                      <a:pos x="3" y="65"/>
                    </a:cxn>
                    <a:cxn ang="0">
                      <a:pos x="0" y="83"/>
                    </a:cxn>
                    <a:cxn ang="0">
                      <a:pos x="0" y="101"/>
                    </a:cxn>
                    <a:cxn ang="0">
                      <a:pos x="3" y="119"/>
                    </a:cxn>
                    <a:cxn ang="0">
                      <a:pos x="11" y="136"/>
                    </a:cxn>
                    <a:cxn ang="0">
                      <a:pos x="20" y="150"/>
                    </a:cxn>
                    <a:cxn ang="0">
                      <a:pos x="33" y="162"/>
                    </a:cxn>
                    <a:cxn ang="0">
                      <a:pos x="48" y="172"/>
                    </a:cxn>
                    <a:cxn ang="0">
                      <a:pos x="64" y="179"/>
                    </a:cxn>
                    <a:cxn ang="0">
                      <a:pos x="82" y="182"/>
                    </a:cxn>
                  </a:cxnLst>
                  <a:rect l="0" t="0" r="r" b="b"/>
                  <a:pathLst>
                    <a:path w="182" h="184">
                      <a:moveTo>
                        <a:pt x="91" y="184"/>
                      </a:moveTo>
                      <a:lnTo>
                        <a:pt x="100" y="182"/>
                      </a:lnTo>
                      <a:lnTo>
                        <a:pt x="110" y="181"/>
                      </a:lnTo>
                      <a:lnTo>
                        <a:pt x="118" y="179"/>
                      </a:lnTo>
                      <a:lnTo>
                        <a:pt x="126" y="176"/>
                      </a:lnTo>
                      <a:lnTo>
                        <a:pt x="134" y="172"/>
                      </a:lnTo>
                      <a:lnTo>
                        <a:pt x="142" y="168"/>
                      </a:lnTo>
                      <a:lnTo>
                        <a:pt x="149" y="162"/>
                      </a:lnTo>
                      <a:lnTo>
                        <a:pt x="155" y="157"/>
                      </a:lnTo>
                      <a:lnTo>
                        <a:pt x="162" y="150"/>
                      </a:lnTo>
                      <a:lnTo>
                        <a:pt x="166"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6" y="42"/>
                      </a:lnTo>
                      <a:lnTo>
                        <a:pt x="162" y="34"/>
                      </a:lnTo>
                      <a:lnTo>
                        <a:pt x="155" y="27"/>
                      </a:lnTo>
                      <a:lnTo>
                        <a:pt x="149" y="22"/>
                      </a:lnTo>
                      <a:lnTo>
                        <a:pt x="142" y="16"/>
                      </a:lnTo>
                      <a:lnTo>
                        <a:pt x="134" y="12"/>
                      </a:lnTo>
                      <a:lnTo>
                        <a:pt x="126" y="8"/>
                      </a:lnTo>
                      <a:lnTo>
                        <a:pt x="118" y="5"/>
                      </a:lnTo>
                      <a:lnTo>
                        <a:pt x="110" y="3"/>
                      </a:lnTo>
                      <a:lnTo>
                        <a:pt x="100" y="2"/>
                      </a:lnTo>
                      <a:lnTo>
                        <a:pt x="91" y="0"/>
                      </a:lnTo>
                      <a:lnTo>
                        <a:pt x="82" y="2"/>
                      </a:lnTo>
                      <a:lnTo>
                        <a:pt x="72" y="3"/>
                      </a:lnTo>
                      <a:lnTo>
                        <a:pt x="64" y="5"/>
                      </a:lnTo>
                      <a:lnTo>
                        <a:pt x="55" y="8"/>
                      </a:lnTo>
                      <a:lnTo>
                        <a:pt x="48" y="12"/>
                      </a:lnTo>
                      <a:lnTo>
                        <a:pt x="40" y="16"/>
                      </a:lnTo>
                      <a:lnTo>
                        <a:pt x="33" y="22"/>
                      </a:lnTo>
                      <a:lnTo>
                        <a:pt x="27" y="27"/>
                      </a:lnTo>
                      <a:lnTo>
                        <a:pt x="20" y="34"/>
                      </a:lnTo>
                      <a:lnTo>
                        <a:pt x="16" y="42"/>
                      </a:lnTo>
                      <a:lnTo>
                        <a:pt x="11" y="48"/>
                      </a:lnTo>
                      <a:lnTo>
                        <a:pt x="7" y="57"/>
                      </a:lnTo>
                      <a:lnTo>
                        <a:pt x="3" y="65"/>
                      </a:lnTo>
                      <a:lnTo>
                        <a:pt x="1" y="74"/>
                      </a:lnTo>
                      <a:lnTo>
                        <a:pt x="0" y="83"/>
                      </a:lnTo>
                      <a:lnTo>
                        <a:pt x="0" y="93"/>
                      </a:lnTo>
                      <a:lnTo>
                        <a:pt x="0" y="101"/>
                      </a:lnTo>
                      <a:lnTo>
                        <a:pt x="1" y="110"/>
                      </a:lnTo>
                      <a:lnTo>
                        <a:pt x="3" y="119"/>
                      </a:lnTo>
                      <a:lnTo>
                        <a:pt x="7" y="128"/>
                      </a:lnTo>
                      <a:lnTo>
                        <a:pt x="11" y="136"/>
                      </a:lnTo>
                      <a:lnTo>
                        <a:pt x="16" y="144"/>
                      </a:lnTo>
                      <a:lnTo>
                        <a:pt x="20" y="150"/>
                      </a:lnTo>
                      <a:lnTo>
                        <a:pt x="27" y="157"/>
                      </a:lnTo>
                      <a:lnTo>
                        <a:pt x="33" y="162"/>
                      </a:lnTo>
                      <a:lnTo>
                        <a:pt x="40" y="168"/>
                      </a:lnTo>
                      <a:lnTo>
                        <a:pt x="48" y="172"/>
                      </a:lnTo>
                      <a:lnTo>
                        <a:pt x="55" y="176"/>
                      </a:lnTo>
                      <a:lnTo>
                        <a:pt x="64" y="179"/>
                      </a:lnTo>
                      <a:lnTo>
                        <a:pt x="72"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4" name="Freeform 116"/>
                <p:cNvSpPr>
                  <a:spLocks/>
                </p:cNvSpPr>
                <p:nvPr/>
              </p:nvSpPr>
              <p:spPr bwMode="auto">
                <a:xfrm>
                  <a:off x="11739965" y="2964812"/>
                  <a:ext cx="28575" cy="28575"/>
                </a:xfrm>
                <a:custGeom>
                  <a:avLst/>
                  <a:gdLst/>
                  <a:ahLst/>
                  <a:cxnLst>
                    <a:cxn ang="0">
                      <a:pos x="101" y="182"/>
                    </a:cxn>
                    <a:cxn ang="0">
                      <a:pos x="118" y="179"/>
                    </a:cxn>
                    <a:cxn ang="0">
                      <a:pos x="134" y="172"/>
                    </a:cxn>
                    <a:cxn ang="0">
                      <a:pos x="148" y="162"/>
                    </a:cxn>
                    <a:cxn ang="0">
                      <a:pos x="162" y="150"/>
                    </a:cxn>
                    <a:cxn ang="0">
                      <a:pos x="172" y="136"/>
                    </a:cxn>
                    <a:cxn ang="0">
                      <a:pos x="178" y="119"/>
                    </a:cxn>
                    <a:cxn ang="0">
                      <a:pos x="182" y="101"/>
                    </a:cxn>
                    <a:cxn ang="0">
                      <a:pos x="182" y="83"/>
                    </a:cxn>
                    <a:cxn ang="0">
                      <a:pos x="178" y="65"/>
                    </a:cxn>
                    <a:cxn ang="0">
                      <a:pos x="172" y="48"/>
                    </a:cxn>
                    <a:cxn ang="0">
                      <a:pos x="162" y="34"/>
                    </a:cxn>
                    <a:cxn ang="0">
                      <a:pos x="148" y="22"/>
                    </a:cxn>
                    <a:cxn ang="0">
                      <a:pos x="134" y="12"/>
                    </a:cxn>
                    <a:cxn ang="0">
                      <a:pos x="118" y="5"/>
                    </a:cxn>
                    <a:cxn ang="0">
                      <a:pos x="101" y="2"/>
                    </a:cxn>
                    <a:cxn ang="0">
                      <a:pos x="82" y="2"/>
                    </a:cxn>
                    <a:cxn ang="0">
                      <a:pos x="64" y="5"/>
                    </a:cxn>
                    <a:cxn ang="0">
                      <a:pos x="48" y="12"/>
                    </a:cxn>
                    <a:cxn ang="0">
                      <a:pos x="33" y="22"/>
                    </a:cxn>
                    <a:cxn ang="0">
                      <a:pos x="21" y="34"/>
                    </a:cxn>
                    <a:cxn ang="0">
                      <a:pos x="11" y="48"/>
                    </a:cxn>
                    <a:cxn ang="0">
                      <a:pos x="3" y="65"/>
                    </a:cxn>
                    <a:cxn ang="0">
                      <a:pos x="0" y="83"/>
                    </a:cxn>
                    <a:cxn ang="0">
                      <a:pos x="0" y="101"/>
                    </a:cxn>
                    <a:cxn ang="0">
                      <a:pos x="3"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8" y="179"/>
                      </a:lnTo>
                      <a:lnTo>
                        <a:pt x="126" y="176"/>
                      </a:lnTo>
                      <a:lnTo>
                        <a:pt x="134" y="172"/>
                      </a:lnTo>
                      <a:lnTo>
                        <a:pt x="142" y="168"/>
                      </a:lnTo>
                      <a:lnTo>
                        <a:pt x="148" y="162"/>
                      </a:lnTo>
                      <a:lnTo>
                        <a:pt x="155" y="157"/>
                      </a:lnTo>
                      <a:lnTo>
                        <a:pt x="162" y="150"/>
                      </a:lnTo>
                      <a:lnTo>
                        <a:pt x="166"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6" y="42"/>
                      </a:lnTo>
                      <a:lnTo>
                        <a:pt x="162" y="34"/>
                      </a:lnTo>
                      <a:lnTo>
                        <a:pt x="155" y="27"/>
                      </a:lnTo>
                      <a:lnTo>
                        <a:pt x="148" y="22"/>
                      </a:lnTo>
                      <a:lnTo>
                        <a:pt x="142" y="16"/>
                      </a:lnTo>
                      <a:lnTo>
                        <a:pt x="134" y="12"/>
                      </a:lnTo>
                      <a:lnTo>
                        <a:pt x="126" y="8"/>
                      </a:lnTo>
                      <a:lnTo>
                        <a:pt x="118" y="5"/>
                      </a:lnTo>
                      <a:lnTo>
                        <a:pt x="110" y="3"/>
                      </a:lnTo>
                      <a:lnTo>
                        <a:pt x="101" y="2"/>
                      </a:lnTo>
                      <a:lnTo>
                        <a:pt x="91"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6" y="57"/>
                      </a:lnTo>
                      <a:lnTo>
                        <a:pt x="3" y="65"/>
                      </a:lnTo>
                      <a:lnTo>
                        <a:pt x="1" y="74"/>
                      </a:lnTo>
                      <a:lnTo>
                        <a:pt x="0" y="83"/>
                      </a:lnTo>
                      <a:lnTo>
                        <a:pt x="0" y="93"/>
                      </a:lnTo>
                      <a:lnTo>
                        <a:pt x="0" y="101"/>
                      </a:lnTo>
                      <a:lnTo>
                        <a:pt x="1" y="110"/>
                      </a:lnTo>
                      <a:lnTo>
                        <a:pt x="3" y="119"/>
                      </a:lnTo>
                      <a:lnTo>
                        <a:pt x="6"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5" name="Freeform 117"/>
                <p:cNvSpPr>
                  <a:spLocks/>
                </p:cNvSpPr>
                <p:nvPr/>
              </p:nvSpPr>
              <p:spPr bwMode="auto">
                <a:xfrm>
                  <a:off x="11779653" y="2964812"/>
                  <a:ext cx="28575" cy="28575"/>
                </a:xfrm>
                <a:custGeom>
                  <a:avLst/>
                  <a:gdLst/>
                  <a:ahLst/>
                  <a:cxnLst>
                    <a:cxn ang="0">
                      <a:pos x="101" y="182"/>
                    </a:cxn>
                    <a:cxn ang="0">
                      <a:pos x="118" y="179"/>
                    </a:cxn>
                    <a:cxn ang="0">
                      <a:pos x="134" y="172"/>
                    </a:cxn>
                    <a:cxn ang="0">
                      <a:pos x="149" y="162"/>
                    </a:cxn>
                    <a:cxn ang="0">
                      <a:pos x="162" y="150"/>
                    </a:cxn>
                    <a:cxn ang="0">
                      <a:pos x="172" y="136"/>
                    </a:cxn>
                    <a:cxn ang="0">
                      <a:pos x="178" y="119"/>
                    </a:cxn>
                    <a:cxn ang="0">
                      <a:pos x="182" y="101"/>
                    </a:cxn>
                    <a:cxn ang="0">
                      <a:pos x="182" y="83"/>
                    </a:cxn>
                    <a:cxn ang="0">
                      <a:pos x="178" y="65"/>
                    </a:cxn>
                    <a:cxn ang="0">
                      <a:pos x="172" y="48"/>
                    </a:cxn>
                    <a:cxn ang="0">
                      <a:pos x="162" y="34"/>
                    </a:cxn>
                    <a:cxn ang="0">
                      <a:pos x="149" y="22"/>
                    </a:cxn>
                    <a:cxn ang="0">
                      <a:pos x="134" y="12"/>
                    </a:cxn>
                    <a:cxn ang="0">
                      <a:pos x="118" y="5"/>
                    </a:cxn>
                    <a:cxn ang="0">
                      <a:pos x="101" y="2"/>
                    </a:cxn>
                    <a:cxn ang="0">
                      <a:pos x="82" y="2"/>
                    </a:cxn>
                    <a:cxn ang="0">
                      <a:pos x="64" y="5"/>
                    </a:cxn>
                    <a:cxn ang="0">
                      <a:pos x="47"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7" y="172"/>
                    </a:cxn>
                    <a:cxn ang="0">
                      <a:pos x="64" y="179"/>
                    </a:cxn>
                    <a:cxn ang="0">
                      <a:pos x="82" y="182"/>
                    </a:cxn>
                  </a:cxnLst>
                  <a:rect l="0" t="0" r="r" b="b"/>
                  <a:pathLst>
                    <a:path w="183" h="184">
                      <a:moveTo>
                        <a:pt x="91" y="184"/>
                      </a:moveTo>
                      <a:lnTo>
                        <a:pt x="101" y="182"/>
                      </a:lnTo>
                      <a:lnTo>
                        <a:pt x="109" y="181"/>
                      </a:lnTo>
                      <a:lnTo>
                        <a:pt x="118" y="179"/>
                      </a:lnTo>
                      <a:lnTo>
                        <a:pt x="126" y="176"/>
                      </a:lnTo>
                      <a:lnTo>
                        <a:pt x="134" y="172"/>
                      </a:lnTo>
                      <a:lnTo>
                        <a:pt x="142" y="168"/>
                      </a:lnTo>
                      <a:lnTo>
                        <a:pt x="149" y="162"/>
                      </a:lnTo>
                      <a:lnTo>
                        <a:pt x="156" y="157"/>
                      </a:lnTo>
                      <a:lnTo>
                        <a:pt x="162" y="150"/>
                      </a:lnTo>
                      <a:lnTo>
                        <a:pt x="167" y="144"/>
                      </a:lnTo>
                      <a:lnTo>
                        <a:pt x="172" y="136"/>
                      </a:lnTo>
                      <a:lnTo>
                        <a:pt x="175" y="128"/>
                      </a:lnTo>
                      <a:lnTo>
                        <a:pt x="178" y="119"/>
                      </a:lnTo>
                      <a:lnTo>
                        <a:pt x="180" y="110"/>
                      </a:lnTo>
                      <a:lnTo>
                        <a:pt x="182" y="101"/>
                      </a:lnTo>
                      <a:lnTo>
                        <a:pt x="183" y="93"/>
                      </a:lnTo>
                      <a:lnTo>
                        <a:pt x="182" y="83"/>
                      </a:lnTo>
                      <a:lnTo>
                        <a:pt x="180" y="74"/>
                      </a:lnTo>
                      <a:lnTo>
                        <a:pt x="178" y="65"/>
                      </a:lnTo>
                      <a:lnTo>
                        <a:pt x="175" y="57"/>
                      </a:lnTo>
                      <a:lnTo>
                        <a:pt x="172" y="48"/>
                      </a:lnTo>
                      <a:lnTo>
                        <a:pt x="167" y="42"/>
                      </a:lnTo>
                      <a:lnTo>
                        <a:pt x="162" y="34"/>
                      </a:lnTo>
                      <a:lnTo>
                        <a:pt x="156" y="27"/>
                      </a:lnTo>
                      <a:lnTo>
                        <a:pt x="149" y="22"/>
                      </a:lnTo>
                      <a:lnTo>
                        <a:pt x="142" y="16"/>
                      </a:lnTo>
                      <a:lnTo>
                        <a:pt x="134" y="12"/>
                      </a:lnTo>
                      <a:lnTo>
                        <a:pt x="126" y="8"/>
                      </a:lnTo>
                      <a:lnTo>
                        <a:pt x="118" y="5"/>
                      </a:lnTo>
                      <a:lnTo>
                        <a:pt x="109" y="3"/>
                      </a:lnTo>
                      <a:lnTo>
                        <a:pt x="101" y="2"/>
                      </a:lnTo>
                      <a:lnTo>
                        <a:pt x="91" y="0"/>
                      </a:lnTo>
                      <a:lnTo>
                        <a:pt x="82" y="2"/>
                      </a:lnTo>
                      <a:lnTo>
                        <a:pt x="73" y="3"/>
                      </a:lnTo>
                      <a:lnTo>
                        <a:pt x="64" y="5"/>
                      </a:lnTo>
                      <a:lnTo>
                        <a:pt x="55" y="8"/>
                      </a:lnTo>
                      <a:lnTo>
                        <a:pt x="47" y="12"/>
                      </a:lnTo>
                      <a:lnTo>
                        <a:pt x="40" y="16"/>
                      </a:lnTo>
                      <a:lnTo>
                        <a:pt x="33" y="22"/>
                      </a:lnTo>
                      <a:lnTo>
                        <a:pt x="26" y="27"/>
                      </a:lnTo>
                      <a:lnTo>
                        <a:pt x="21" y="34"/>
                      </a:lnTo>
                      <a:lnTo>
                        <a:pt x="15" y="42"/>
                      </a:lnTo>
                      <a:lnTo>
                        <a:pt x="11" y="48"/>
                      </a:lnTo>
                      <a:lnTo>
                        <a:pt x="6" y="57"/>
                      </a:lnTo>
                      <a:lnTo>
                        <a:pt x="4" y="65"/>
                      </a:lnTo>
                      <a:lnTo>
                        <a:pt x="2" y="74"/>
                      </a:lnTo>
                      <a:lnTo>
                        <a:pt x="0" y="83"/>
                      </a:lnTo>
                      <a:lnTo>
                        <a:pt x="0" y="93"/>
                      </a:lnTo>
                      <a:lnTo>
                        <a:pt x="0" y="101"/>
                      </a:lnTo>
                      <a:lnTo>
                        <a:pt x="2" y="110"/>
                      </a:lnTo>
                      <a:lnTo>
                        <a:pt x="4" y="119"/>
                      </a:lnTo>
                      <a:lnTo>
                        <a:pt x="6" y="128"/>
                      </a:lnTo>
                      <a:lnTo>
                        <a:pt x="11" y="136"/>
                      </a:lnTo>
                      <a:lnTo>
                        <a:pt x="15" y="144"/>
                      </a:lnTo>
                      <a:lnTo>
                        <a:pt x="21" y="150"/>
                      </a:lnTo>
                      <a:lnTo>
                        <a:pt x="26" y="157"/>
                      </a:lnTo>
                      <a:lnTo>
                        <a:pt x="33" y="162"/>
                      </a:lnTo>
                      <a:lnTo>
                        <a:pt x="40" y="168"/>
                      </a:lnTo>
                      <a:lnTo>
                        <a:pt x="47"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6" name="Freeform 118"/>
                <p:cNvSpPr>
                  <a:spLocks/>
                </p:cNvSpPr>
                <p:nvPr/>
              </p:nvSpPr>
              <p:spPr bwMode="auto">
                <a:xfrm>
                  <a:off x="12235265" y="3150549"/>
                  <a:ext cx="203200" cy="34925"/>
                </a:xfrm>
                <a:custGeom>
                  <a:avLst/>
                  <a:gdLst/>
                  <a:ahLst/>
                  <a:cxnLst>
                    <a:cxn ang="0">
                      <a:pos x="1170" y="0"/>
                    </a:cxn>
                    <a:cxn ang="0">
                      <a:pos x="1192" y="3"/>
                    </a:cxn>
                    <a:cxn ang="0">
                      <a:pos x="1212" y="8"/>
                    </a:cxn>
                    <a:cxn ang="0">
                      <a:pos x="1231" y="19"/>
                    </a:cxn>
                    <a:cxn ang="0">
                      <a:pos x="1246" y="33"/>
                    </a:cxn>
                    <a:cxn ang="0">
                      <a:pos x="1259" y="48"/>
                    </a:cxn>
                    <a:cxn ang="0">
                      <a:pos x="1271" y="67"/>
                    </a:cxn>
                    <a:cxn ang="0">
                      <a:pos x="1276" y="87"/>
                    </a:cxn>
                    <a:cxn ang="0">
                      <a:pos x="1278" y="109"/>
                    </a:cxn>
                    <a:cxn ang="0">
                      <a:pos x="1276" y="131"/>
                    </a:cxn>
                    <a:cxn ang="0">
                      <a:pos x="1271" y="151"/>
                    </a:cxn>
                    <a:cxn ang="0">
                      <a:pos x="1259" y="170"/>
                    </a:cxn>
                    <a:cxn ang="0">
                      <a:pos x="1246" y="186"/>
                    </a:cxn>
                    <a:cxn ang="0">
                      <a:pos x="1231" y="199"/>
                    </a:cxn>
                    <a:cxn ang="0">
                      <a:pos x="1212" y="209"/>
                    </a:cxn>
                    <a:cxn ang="0">
                      <a:pos x="1192" y="216"/>
                    </a:cxn>
                    <a:cxn ang="0">
                      <a:pos x="1170" y="218"/>
                    </a:cxn>
                    <a:cxn ang="0">
                      <a:pos x="97" y="218"/>
                    </a:cxn>
                    <a:cxn ang="0">
                      <a:pos x="76" y="213"/>
                    </a:cxn>
                    <a:cxn ang="0">
                      <a:pos x="56" y="205"/>
                    </a:cxn>
                    <a:cxn ang="0">
                      <a:pos x="40" y="193"/>
                    </a:cxn>
                    <a:cxn ang="0">
                      <a:pos x="24" y="178"/>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3"/>
                      </a:lnTo>
                      <a:lnTo>
                        <a:pt x="1202" y="5"/>
                      </a:lnTo>
                      <a:lnTo>
                        <a:pt x="1212" y="8"/>
                      </a:lnTo>
                      <a:lnTo>
                        <a:pt x="1222" y="14"/>
                      </a:lnTo>
                      <a:lnTo>
                        <a:pt x="1231" y="19"/>
                      </a:lnTo>
                      <a:lnTo>
                        <a:pt x="1238" y="25"/>
                      </a:lnTo>
                      <a:lnTo>
                        <a:pt x="1246" y="33"/>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8"/>
                      </a:lnTo>
                      <a:lnTo>
                        <a:pt x="1246" y="186"/>
                      </a:lnTo>
                      <a:lnTo>
                        <a:pt x="1238" y="193"/>
                      </a:lnTo>
                      <a:lnTo>
                        <a:pt x="1231" y="199"/>
                      </a:lnTo>
                      <a:lnTo>
                        <a:pt x="1222" y="205"/>
                      </a:lnTo>
                      <a:lnTo>
                        <a:pt x="1212" y="209"/>
                      </a:lnTo>
                      <a:lnTo>
                        <a:pt x="1202" y="213"/>
                      </a:lnTo>
                      <a:lnTo>
                        <a:pt x="1192" y="216"/>
                      </a:lnTo>
                      <a:lnTo>
                        <a:pt x="1181" y="218"/>
                      </a:lnTo>
                      <a:lnTo>
                        <a:pt x="1170" y="218"/>
                      </a:lnTo>
                      <a:lnTo>
                        <a:pt x="108" y="218"/>
                      </a:lnTo>
                      <a:lnTo>
                        <a:pt x="97" y="218"/>
                      </a:lnTo>
                      <a:lnTo>
                        <a:pt x="86" y="216"/>
                      </a:lnTo>
                      <a:lnTo>
                        <a:pt x="76" y="213"/>
                      </a:lnTo>
                      <a:lnTo>
                        <a:pt x="66" y="209"/>
                      </a:lnTo>
                      <a:lnTo>
                        <a:pt x="56" y="205"/>
                      </a:lnTo>
                      <a:lnTo>
                        <a:pt x="47" y="199"/>
                      </a:lnTo>
                      <a:lnTo>
                        <a:pt x="40" y="193"/>
                      </a:lnTo>
                      <a:lnTo>
                        <a:pt x="32" y="186"/>
                      </a:lnTo>
                      <a:lnTo>
                        <a:pt x="24" y="178"/>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3"/>
                      </a:lnTo>
                      <a:lnTo>
                        <a:pt x="40"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7" name="Freeform 119"/>
                <p:cNvSpPr>
                  <a:spLocks/>
                </p:cNvSpPr>
                <p:nvPr/>
              </p:nvSpPr>
              <p:spPr bwMode="auto">
                <a:xfrm>
                  <a:off x="11619315" y="3152137"/>
                  <a:ext cx="28575" cy="28575"/>
                </a:xfrm>
                <a:custGeom>
                  <a:avLst/>
                  <a:gdLst/>
                  <a:ahLst/>
                  <a:cxnLst>
                    <a:cxn ang="0">
                      <a:pos x="101" y="182"/>
                    </a:cxn>
                    <a:cxn ang="0">
                      <a:pos x="119" y="179"/>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5"/>
                      </a:lnTo>
                      <a:lnTo>
                        <a:pt x="136" y="172"/>
                      </a:lnTo>
                      <a:lnTo>
                        <a:pt x="143" y="168"/>
                      </a:lnTo>
                      <a:lnTo>
                        <a:pt x="150" y="162"/>
                      </a:lnTo>
                      <a:lnTo>
                        <a:pt x="157" y="156"/>
                      </a:lnTo>
                      <a:lnTo>
                        <a:pt x="162" y="150"/>
                      </a:lnTo>
                      <a:lnTo>
                        <a:pt x="168" y="142"/>
                      </a:lnTo>
                      <a:lnTo>
                        <a:pt x="172" y="135"/>
                      </a:lnTo>
                      <a:lnTo>
                        <a:pt x="177" y="127"/>
                      </a:lnTo>
                      <a:lnTo>
                        <a:pt x="179" y="119"/>
                      </a:lnTo>
                      <a:lnTo>
                        <a:pt x="181" y="110"/>
                      </a:lnTo>
                      <a:lnTo>
                        <a:pt x="183" y="101"/>
                      </a:lnTo>
                      <a:lnTo>
                        <a:pt x="183" y="91"/>
                      </a:lnTo>
                      <a:lnTo>
                        <a:pt x="183" y="82"/>
                      </a:lnTo>
                      <a:lnTo>
                        <a:pt x="181" y="73"/>
                      </a:lnTo>
                      <a:lnTo>
                        <a:pt x="179" y="64"/>
                      </a:lnTo>
                      <a:lnTo>
                        <a:pt x="177" y="56"/>
                      </a:lnTo>
                      <a:lnTo>
                        <a:pt x="172" y="48"/>
                      </a:lnTo>
                      <a:lnTo>
                        <a:pt x="168" y="40"/>
                      </a:lnTo>
                      <a:lnTo>
                        <a:pt x="162" y="33"/>
                      </a:lnTo>
                      <a:lnTo>
                        <a:pt x="157" y="27"/>
                      </a:lnTo>
                      <a:lnTo>
                        <a:pt x="150" y="21"/>
                      </a:lnTo>
                      <a:lnTo>
                        <a:pt x="143" y="16"/>
                      </a:lnTo>
                      <a:lnTo>
                        <a:pt x="136" y="11"/>
                      </a:lnTo>
                      <a:lnTo>
                        <a:pt x="128" y="8"/>
                      </a:lnTo>
                      <a:lnTo>
                        <a:pt x="119" y="4"/>
                      </a:lnTo>
                      <a:lnTo>
                        <a:pt x="110" y="2"/>
                      </a:lnTo>
                      <a:lnTo>
                        <a:pt x="101" y="0"/>
                      </a:lnTo>
                      <a:lnTo>
                        <a:pt x="92" y="0"/>
                      </a:lnTo>
                      <a:lnTo>
                        <a:pt x="82" y="0"/>
                      </a:lnTo>
                      <a:lnTo>
                        <a:pt x="73" y="2"/>
                      </a:lnTo>
                      <a:lnTo>
                        <a:pt x="65" y="4"/>
                      </a:lnTo>
                      <a:lnTo>
                        <a:pt x="57" y="8"/>
                      </a:lnTo>
                      <a:lnTo>
                        <a:pt x="49" y="11"/>
                      </a:lnTo>
                      <a:lnTo>
                        <a:pt x="41" y="16"/>
                      </a:lnTo>
                      <a:lnTo>
                        <a:pt x="34" y="21"/>
                      </a:lnTo>
                      <a:lnTo>
                        <a:pt x="28" y="27"/>
                      </a:lnTo>
                      <a:lnTo>
                        <a:pt x="21" y="33"/>
                      </a:lnTo>
                      <a:lnTo>
                        <a:pt x="16" y="40"/>
                      </a:lnTo>
                      <a:lnTo>
                        <a:pt x="11" y="48"/>
                      </a:lnTo>
                      <a:lnTo>
                        <a:pt x="8" y="56"/>
                      </a:lnTo>
                      <a:lnTo>
                        <a:pt x="5" y="64"/>
                      </a:lnTo>
                      <a:lnTo>
                        <a:pt x="2" y="73"/>
                      </a:lnTo>
                      <a:lnTo>
                        <a:pt x="1" y="82"/>
                      </a:lnTo>
                      <a:lnTo>
                        <a:pt x="0" y="91"/>
                      </a:lnTo>
                      <a:lnTo>
                        <a:pt x="1" y="101"/>
                      </a:lnTo>
                      <a:lnTo>
                        <a:pt x="2" y="110"/>
                      </a:lnTo>
                      <a:lnTo>
                        <a:pt x="5" y="119"/>
                      </a:lnTo>
                      <a:lnTo>
                        <a:pt x="8" y="127"/>
                      </a:lnTo>
                      <a:lnTo>
                        <a:pt x="11" y="135"/>
                      </a:lnTo>
                      <a:lnTo>
                        <a:pt x="16" y="142"/>
                      </a:lnTo>
                      <a:lnTo>
                        <a:pt x="21" y="150"/>
                      </a:lnTo>
                      <a:lnTo>
                        <a:pt x="28" y="156"/>
                      </a:lnTo>
                      <a:lnTo>
                        <a:pt x="34" y="162"/>
                      </a:lnTo>
                      <a:lnTo>
                        <a:pt x="41" y="168"/>
                      </a:lnTo>
                      <a:lnTo>
                        <a:pt x="49" y="172"/>
                      </a:lnTo>
                      <a:lnTo>
                        <a:pt x="57" y="175"/>
                      </a:lnTo>
                      <a:lnTo>
                        <a:pt x="65"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8" name="Freeform 120"/>
                <p:cNvSpPr>
                  <a:spLocks/>
                </p:cNvSpPr>
                <p:nvPr/>
              </p:nvSpPr>
              <p:spPr bwMode="auto">
                <a:xfrm>
                  <a:off x="11659003" y="3152137"/>
                  <a:ext cx="28575" cy="28575"/>
                </a:xfrm>
                <a:custGeom>
                  <a:avLst/>
                  <a:gdLst/>
                  <a:ahLst/>
                  <a:cxnLst>
                    <a:cxn ang="0">
                      <a:pos x="100" y="182"/>
                    </a:cxn>
                    <a:cxn ang="0">
                      <a:pos x="118" y="179"/>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5"/>
                      </a:lnTo>
                      <a:lnTo>
                        <a:pt x="134" y="172"/>
                      </a:lnTo>
                      <a:lnTo>
                        <a:pt x="142" y="168"/>
                      </a:lnTo>
                      <a:lnTo>
                        <a:pt x="149" y="162"/>
                      </a:lnTo>
                      <a:lnTo>
                        <a:pt x="155" y="156"/>
                      </a:lnTo>
                      <a:lnTo>
                        <a:pt x="161" y="150"/>
                      </a:lnTo>
                      <a:lnTo>
                        <a:pt x="167"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7" y="40"/>
                      </a:lnTo>
                      <a:lnTo>
                        <a:pt x="161" y="33"/>
                      </a:lnTo>
                      <a:lnTo>
                        <a:pt x="155" y="27"/>
                      </a:lnTo>
                      <a:lnTo>
                        <a:pt x="149" y="21"/>
                      </a:lnTo>
                      <a:lnTo>
                        <a:pt x="142" y="16"/>
                      </a:lnTo>
                      <a:lnTo>
                        <a:pt x="134" y="11"/>
                      </a:lnTo>
                      <a:lnTo>
                        <a:pt x="127" y="8"/>
                      </a:lnTo>
                      <a:lnTo>
                        <a:pt x="118" y="4"/>
                      </a:lnTo>
                      <a:lnTo>
                        <a:pt x="109" y="2"/>
                      </a:lnTo>
                      <a:lnTo>
                        <a:pt x="100" y="0"/>
                      </a:lnTo>
                      <a:lnTo>
                        <a:pt x="91" y="0"/>
                      </a:lnTo>
                      <a:lnTo>
                        <a:pt x="81" y="0"/>
                      </a:lnTo>
                      <a:lnTo>
                        <a:pt x="72" y="2"/>
                      </a:lnTo>
                      <a:lnTo>
                        <a:pt x="63" y="4"/>
                      </a:lnTo>
                      <a:lnTo>
                        <a:pt x="56" y="8"/>
                      </a:lnTo>
                      <a:lnTo>
                        <a:pt x="48" y="11"/>
                      </a:lnTo>
                      <a:lnTo>
                        <a:pt x="40" y="16"/>
                      </a:lnTo>
                      <a:lnTo>
                        <a:pt x="32" y="21"/>
                      </a:lnTo>
                      <a:lnTo>
                        <a:pt x="27" y="27"/>
                      </a:lnTo>
                      <a:lnTo>
                        <a:pt x="20" y="33"/>
                      </a:lnTo>
                      <a:lnTo>
                        <a:pt x="16" y="40"/>
                      </a:lnTo>
                      <a:lnTo>
                        <a:pt x="10" y="48"/>
                      </a:lnTo>
                      <a:lnTo>
                        <a:pt x="7" y="56"/>
                      </a:lnTo>
                      <a:lnTo>
                        <a:pt x="4" y="64"/>
                      </a:lnTo>
                      <a:lnTo>
                        <a:pt x="1" y="73"/>
                      </a:lnTo>
                      <a:lnTo>
                        <a:pt x="0" y="82"/>
                      </a:lnTo>
                      <a:lnTo>
                        <a:pt x="0" y="91"/>
                      </a:lnTo>
                      <a:lnTo>
                        <a:pt x="0" y="101"/>
                      </a:lnTo>
                      <a:lnTo>
                        <a:pt x="1" y="110"/>
                      </a:lnTo>
                      <a:lnTo>
                        <a:pt x="4" y="119"/>
                      </a:lnTo>
                      <a:lnTo>
                        <a:pt x="7" y="127"/>
                      </a:lnTo>
                      <a:lnTo>
                        <a:pt x="10" y="135"/>
                      </a:lnTo>
                      <a:lnTo>
                        <a:pt x="16" y="142"/>
                      </a:lnTo>
                      <a:lnTo>
                        <a:pt x="20" y="150"/>
                      </a:lnTo>
                      <a:lnTo>
                        <a:pt x="27" y="156"/>
                      </a:lnTo>
                      <a:lnTo>
                        <a:pt x="32" y="162"/>
                      </a:lnTo>
                      <a:lnTo>
                        <a:pt x="40" y="168"/>
                      </a:lnTo>
                      <a:lnTo>
                        <a:pt x="48" y="172"/>
                      </a:lnTo>
                      <a:lnTo>
                        <a:pt x="56" y="175"/>
                      </a:lnTo>
                      <a:lnTo>
                        <a:pt x="63" y="179"/>
                      </a:lnTo>
                      <a:lnTo>
                        <a:pt x="72" y="181"/>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89" name="Freeform 121"/>
                <p:cNvSpPr>
                  <a:spLocks/>
                </p:cNvSpPr>
                <p:nvPr/>
              </p:nvSpPr>
              <p:spPr bwMode="auto">
                <a:xfrm>
                  <a:off x="11698690" y="3152137"/>
                  <a:ext cx="30163" cy="28575"/>
                </a:xfrm>
                <a:custGeom>
                  <a:avLst/>
                  <a:gdLst/>
                  <a:ahLst/>
                  <a:cxnLst>
                    <a:cxn ang="0">
                      <a:pos x="100" y="182"/>
                    </a:cxn>
                    <a:cxn ang="0">
                      <a:pos x="118" y="179"/>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5"/>
                      </a:lnTo>
                      <a:lnTo>
                        <a:pt x="134" y="172"/>
                      </a:lnTo>
                      <a:lnTo>
                        <a:pt x="142" y="168"/>
                      </a:lnTo>
                      <a:lnTo>
                        <a:pt x="149" y="162"/>
                      </a:lnTo>
                      <a:lnTo>
                        <a:pt x="155" y="156"/>
                      </a:lnTo>
                      <a:lnTo>
                        <a:pt x="162" y="150"/>
                      </a:lnTo>
                      <a:lnTo>
                        <a:pt x="166"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6" y="40"/>
                      </a:lnTo>
                      <a:lnTo>
                        <a:pt x="162" y="33"/>
                      </a:lnTo>
                      <a:lnTo>
                        <a:pt x="155" y="27"/>
                      </a:lnTo>
                      <a:lnTo>
                        <a:pt x="149" y="21"/>
                      </a:lnTo>
                      <a:lnTo>
                        <a:pt x="142" y="16"/>
                      </a:lnTo>
                      <a:lnTo>
                        <a:pt x="134" y="11"/>
                      </a:lnTo>
                      <a:lnTo>
                        <a:pt x="126" y="8"/>
                      </a:lnTo>
                      <a:lnTo>
                        <a:pt x="118" y="4"/>
                      </a:lnTo>
                      <a:lnTo>
                        <a:pt x="110" y="2"/>
                      </a:lnTo>
                      <a:lnTo>
                        <a:pt x="100" y="0"/>
                      </a:lnTo>
                      <a:lnTo>
                        <a:pt x="91" y="0"/>
                      </a:lnTo>
                      <a:lnTo>
                        <a:pt x="82" y="0"/>
                      </a:lnTo>
                      <a:lnTo>
                        <a:pt x="72" y="2"/>
                      </a:lnTo>
                      <a:lnTo>
                        <a:pt x="64" y="4"/>
                      </a:lnTo>
                      <a:lnTo>
                        <a:pt x="55" y="8"/>
                      </a:lnTo>
                      <a:lnTo>
                        <a:pt x="48" y="11"/>
                      </a:lnTo>
                      <a:lnTo>
                        <a:pt x="40" y="16"/>
                      </a:lnTo>
                      <a:lnTo>
                        <a:pt x="33" y="21"/>
                      </a:lnTo>
                      <a:lnTo>
                        <a:pt x="27" y="27"/>
                      </a:lnTo>
                      <a:lnTo>
                        <a:pt x="20" y="33"/>
                      </a:lnTo>
                      <a:lnTo>
                        <a:pt x="16" y="40"/>
                      </a:lnTo>
                      <a:lnTo>
                        <a:pt x="11" y="48"/>
                      </a:lnTo>
                      <a:lnTo>
                        <a:pt x="7" y="56"/>
                      </a:lnTo>
                      <a:lnTo>
                        <a:pt x="3" y="64"/>
                      </a:lnTo>
                      <a:lnTo>
                        <a:pt x="1" y="73"/>
                      </a:lnTo>
                      <a:lnTo>
                        <a:pt x="0" y="82"/>
                      </a:lnTo>
                      <a:lnTo>
                        <a:pt x="0" y="91"/>
                      </a:lnTo>
                      <a:lnTo>
                        <a:pt x="0" y="101"/>
                      </a:lnTo>
                      <a:lnTo>
                        <a:pt x="1" y="110"/>
                      </a:lnTo>
                      <a:lnTo>
                        <a:pt x="3" y="119"/>
                      </a:lnTo>
                      <a:lnTo>
                        <a:pt x="7" y="127"/>
                      </a:lnTo>
                      <a:lnTo>
                        <a:pt x="11" y="135"/>
                      </a:lnTo>
                      <a:lnTo>
                        <a:pt x="16" y="142"/>
                      </a:lnTo>
                      <a:lnTo>
                        <a:pt x="20" y="150"/>
                      </a:lnTo>
                      <a:lnTo>
                        <a:pt x="27" y="156"/>
                      </a:lnTo>
                      <a:lnTo>
                        <a:pt x="33" y="162"/>
                      </a:lnTo>
                      <a:lnTo>
                        <a:pt x="40" y="168"/>
                      </a:lnTo>
                      <a:lnTo>
                        <a:pt x="48" y="172"/>
                      </a:lnTo>
                      <a:lnTo>
                        <a:pt x="55" y="175"/>
                      </a:lnTo>
                      <a:lnTo>
                        <a:pt x="64" y="179"/>
                      </a:lnTo>
                      <a:lnTo>
                        <a:pt x="72"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0" name="Freeform 122"/>
                <p:cNvSpPr>
                  <a:spLocks/>
                </p:cNvSpPr>
                <p:nvPr/>
              </p:nvSpPr>
              <p:spPr bwMode="auto">
                <a:xfrm>
                  <a:off x="11739965" y="3152137"/>
                  <a:ext cx="28575" cy="28575"/>
                </a:xfrm>
                <a:custGeom>
                  <a:avLst/>
                  <a:gdLst/>
                  <a:ahLst/>
                  <a:cxnLst>
                    <a:cxn ang="0">
                      <a:pos x="101" y="182"/>
                    </a:cxn>
                    <a:cxn ang="0">
                      <a:pos x="118" y="179"/>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5"/>
                      </a:lnTo>
                      <a:lnTo>
                        <a:pt x="134" y="172"/>
                      </a:lnTo>
                      <a:lnTo>
                        <a:pt x="142" y="168"/>
                      </a:lnTo>
                      <a:lnTo>
                        <a:pt x="148" y="162"/>
                      </a:lnTo>
                      <a:lnTo>
                        <a:pt x="155" y="156"/>
                      </a:lnTo>
                      <a:lnTo>
                        <a:pt x="162" y="150"/>
                      </a:lnTo>
                      <a:lnTo>
                        <a:pt x="166"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6" y="40"/>
                      </a:lnTo>
                      <a:lnTo>
                        <a:pt x="162" y="33"/>
                      </a:lnTo>
                      <a:lnTo>
                        <a:pt x="155" y="27"/>
                      </a:lnTo>
                      <a:lnTo>
                        <a:pt x="148" y="21"/>
                      </a:lnTo>
                      <a:lnTo>
                        <a:pt x="142" y="16"/>
                      </a:lnTo>
                      <a:lnTo>
                        <a:pt x="134" y="11"/>
                      </a:lnTo>
                      <a:lnTo>
                        <a:pt x="126" y="8"/>
                      </a:lnTo>
                      <a:lnTo>
                        <a:pt x="118" y="4"/>
                      </a:lnTo>
                      <a:lnTo>
                        <a:pt x="110" y="2"/>
                      </a:lnTo>
                      <a:lnTo>
                        <a:pt x="101" y="0"/>
                      </a:lnTo>
                      <a:lnTo>
                        <a:pt x="91"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6" y="56"/>
                      </a:lnTo>
                      <a:lnTo>
                        <a:pt x="3" y="64"/>
                      </a:lnTo>
                      <a:lnTo>
                        <a:pt x="1" y="73"/>
                      </a:lnTo>
                      <a:lnTo>
                        <a:pt x="0" y="82"/>
                      </a:lnTo>
                      <a:lnTo>
                        <a:pt x="0" y="91"/>
                      </a:lnTo>
                      <a:lnTo>
                        <a:pt x="0" y="101"/>
                      </a:lnTo>
                      <a:lnTo>
                        <a:pt x="1" y="110"/>
                      </a:lnTo>
                      <a:lnTo>
                        <a:pt x="3" y="119"/>
                      </a:lnTo>
                      <a:lnTo>
                        <a:pt x="6"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1" name="Freeform 123"/>
                <p:cNvSpPr>
                  <a:spLocks/>
                </p:cNvSpPr>
                <p:nvPr/>
              </p:nvSpPr>
              <p:spPr bwMode="auto">
                <a:xfrm>
                  <a:off x="11779653" y="3152137"/>
                  <a:ext cx="28575" cy="28575"/>
                </a:xfrm>
                <a:custGeom>
                  <a:avLst/>
                  <a:gdLst/>
                  <a:ahLst/>
                  <a:cxnLst>
                    <a:cxn ang="0">
                      <a:pos x="101" y="182"/>
                    </a:cxn>
                    <a:cxn ang="0">
                      <a:pos x="118" y="179"/>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5"/>
                      </a:lnTo>
                      <a:lnTo>
                        <a:pt x="134" y="172"/>
                      </a:lnTo>
                      <a:lnTo>
                        <a:pt x="142" y="168"/>
                      </a:lnTo>
                      <a:lnTo>
                        <a:pt x="149" y="162"/>
                      </a:lnTo>
                      <a:lnTo>
                        <a:pt x="156" y="156"/>
                      </a:lnTo>
                      <a:lnTo>
                        <a:pt x="162" y="150"/>
                      </a:lnTo>
                      <a:lnTo>
                        <a:pt x="167" y="142"/>
                      </a:lnTo>
                      <a:lnTo>
                        <a:pt x="172" y="135"/>
                      </a:lnTo>
                      <a:lnTo>
                        <a:pt x="175" y="127"/>
                      </a:lnTo>
                      <a:lnTo>
                        <a:pt x="178" y="119"/>
                      </a:lnTo>
                      <a:lnTo>
                        <a:pt x="180" y="110"/>
                      </a:lnTo>
                      <a:lnTo>
                        <a:pt x="182" y="101"/>
                      </a:lnTo>
                      <a:lnTo>
                        <a:pt x="183" y="91"/>
                      </a:lnTo>
                      <a:lnTo>
                        <a:pt x="182" y="82"/>
                      </a:lnTo>
                      <a:lnTo>
                        <a:pt x="180" y="73"/>
                      </a:lnTo>
                      <a:lnTo>
                        <a:pt x="178" y="64"/>
                      </a:lnTo>
                      <a:lnTo>
                        <a:pt x="175" y="56"/>
                      </a:lnTo>
                      <a:lnTo>
                        <a:pt x="172" y="48"/>
                      </a:lnTo>
                      <a:lnTo>
                        <a:pt x="167" y="40"/>
                      </a:lnTo>
                      <a:lnTo>
                        <a:pt x="162" y="33"/>
                      </a:lnTo>
                      <a:lnTo>
                        <a:pt x="156" y="27"/>
                      </a:lnTo>
                      <a:lnTo>
                        <a:pt x="149" y="21"/>
                      </a:lnTo>
                      <a:lnTo>
                        <a:pt x="142" y="16"/>
                      </a:lnTo>
                      <a:lnTo>
                        <a:pt x="134" y="11"/>
                      </a:lnTo>
                      <a:lnTo>
                        <a:pt x="126" y="8"/>
                      </a:lnTo>
                      <a:lnTo>
                        <a:pt x="118" y="4"/>
                      </a:lnTo>
                      <a:lnTo>
                        <a:pt x="109" y="2"/>
                      </a:lnTo>
                      <a:lnTo>
                        <a:pt x="101" y="0"/>
                      </a:lnTo>
                      <a:lnTo>
                        <a:pt x="91" y="0"/>
                      </a:lnTo>
                      <a:lnTo>
                        <a:pt x="82" y="0"/>
                      </a:lnTo>
                      <a:lnTo>
                        <a:pt x="73" y="2"/>
                      </a:lnTo>
                      <a:lnTo>
                        <a:pt x="64" y="4"/>
                      </a:lnTo>
                      <a:lnTo>
                        <a:pt x="55" y="8"/>
                      </a:lnTo>
                      <a:lnTo>
                        <a:pt x="47" y="11"/>
                      </a:lnTo>
                      <a:lnTo>
                        <a:pt x="40" y="16"/>
                      </a:lnTo>
                      <a:lnTo>
                        <a:pt x="33" y="21"/>
                      </a:lnTo>
                      <a:lnTo>
                        <a:pt x="26" y="27"/>
                      </a:lnTo>
                      <a:lnTo>
                        <a:pt x="21" y="33"/>
                      </a:lnTo>
                      <a:lnTo>
                        <a:pt x="15" y="40"/>
                      </a:lnTo>
                      <a:lnTo>
                        <a:pt x="11" y="48"/>
                      </a:lnTo>
                      <a:lnTo>
                        <a:pt x="6" y="56"/>
                      </a:lnTo>
                      <a:lnTo>
                        <a:pt x="4" y="64"/>
                      </a:lnTo>
                      <a:lnTo>
                        <a:pt x="2" y="73"/>
                      </a:lnTo>
                      <a:lnTo>
                        <a:pt x="0" y="82"/>
                      </a:lnTo>
                      <a:lnTo>
                        <a:pt x="0" y="91"/>
                      </a:lnTo>
                      <a:lnTo>
                        <a:pt x="0" y="101"/>
                      </a:lnTo>
                      <a:lnTo>
                        <a:pt x="2" y="110"/>
                      </a:lnTo>
                      <a:lnTo>
                        <a:pt x="4" y="119"/>
                      </a:lnTo>
                      <a:lnTo>
                        <a:pt x="6" y="127"/>
                      </a:lnTo>
                      <a:lnTo>
                        <a:pt x="11" y="135"/>
                      </a:lnTo>
                      <a:lnTo>
                        <a:pt x="15" y="142"/>
                      </a:lnTo>
                      <a:lnTo>
                        <a:pt x="21" y="150"/>
                      </a:lnTo>
                      <a:lnTo>
                        <a:pt x="26" y="156"/>
                      </a:lnTo>
                      <a:lnTo>
                        <a:pt x="33" y="162"/>
                      </a:lnTo>
                      <a:lnTo>
                        <a:pt x="40" y="168"/>
                      </a:lnTo>
                      <a:lnTo>
                        <a:pt x="47"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2" name="Freeform 124"/>
                <p:cNvSpPr>
                  <a:spLocks/>
                </p:cNvSpPr>
                <p:nvPr/>
              </p:nvSpPr>
              <p:spPr bwMode="auto">
                <a:xfrm>
                  <a:off x="12235265" y="3337874"/>
                  <a:ext cx="203200" cy="34925"/>
                </a:xfrm>
                <a:custGeom>
                  <a:avLst/>
                  <a:gdLst/>
                  <a:ahLst/>
                  <a:cxnLst>
                    <a:cxn ang="0">
                      <a:pos x="1170" y="0"/>
                    </a:cxn>
                    <a:cxn ang="0">
                      <a:pos x="1192" y="2"/>
                    </a:cxn>
                    <a:cxn ang="0">
                      <a:pos x="1212" y="8"/>
                    </a:cxn>
                    <a:cxn ang="0">
                      <a:pos x="1231" y="18"/>
                    </a:cxn>
                    <a:cxn ang="0">
                      <a:pos x="1246" y="31"/>
                    </a:cxn>
                    <a:cxn ang="0">
                      <a:pos x="1259" y="48"/>
                    </a:cxn>
                    <a:cxn ang="0">
                      <a:pos x="1271" y="67"/>
                    </a:cxn>
                    <a:cxn ang="0">
                      <a:pos x="1276" y="87"/>
                    </a:cxn>
                    <a:cxn ang="0">
                      <a:pos x="1278" y="109"/>
                    </a:cxn>
                    <a:cxn ang="0">
                      <a:pos x="1276" y="131"/>
                    </a:cxn>
                    <a:cxn ang="0">
                      <a:pos x="1271" y="151"/>
                    </a:cxn>
                    <a:cxn ang="0">
                      <a:pos x="1259" y="170"/>
                    </a:cxn>
                    <a:cxn ang="0">
                      <a:pos x="1246" y="185"/>
                    </a:cxn>
                    <a:cxn ang="0">
                      <a:pos x="1231" y="199"/>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8"/>
                    </a:cxn>
                    <a:cxn ang="0">
                      <a:pos x="4" y="77"/>
                    </a:cxn>
                    <a:cxn ang="0">
                      <a:pos x="13" y="57"/>
                    </a:cxn>
                    <a:cxn ang="0">
                      <a:pos x="24" y="39"/>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8"/>
                      </a:lnTo>
                      <a:lnTo>
                        <a:pt x="1222" y="13"/>
                      </a:lnTo>
                      <a:lnTo>
                        <a:pt x="1231" y="18"/>
                      </a:lnTo>
                      <a:lnTo>
                        <a:pt x="1238" y="24"/>
                      </a:lnTo>
                      <a:lnTo>
                        <a:pt x="1246" y="31"/>
                      </a:lnTo>
                      <a:lnTo>
                        <a:pt x="1254" y="39"/>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9"/>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9"/>
                      </a:lnTo>
                      <a:lnTo>
                        <a:pt x="40" y="193"/>
                      </a:lnTo>
                      <a:lnTo>
                        <a:pt x="32" y="185"/>
                      </a:lnTo>
                      <a:lnTo>
                        <a:pt x="24" y="177"/>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39"/>
                      </a:lnTo>
                      <a:lnTo>
                        <a:pt x="32" y="31"/>
                      </a:lnTo>
                      <a:lnTo>
                        <a:pt x="40"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3" name="Freeform 125"/>
                <p:cNvSpPr>
                  <a:spLocks/>
                </p:cNvSpPr>
                <p:nvPr/>
              </p:nvSpPr>
              <p:spPr bwMode="auto">
                <a:xfrm>
                  <a:off x="11619315" y="3339462"/>
                  <a:ext cx="28575" cy="28575"/>
                </a:xfrm>
                <a:custGeom>
                  <a:avLst/>
                  <a:gdLst/>
                  <a:ahLst/>
                  <a:cxnLst>
                    <a:cxn ang="0">
                      <a:pos x="101" y="182"/>
                    </a:cxn>
                    <a:cxn ang="0">
                      <a:pos x="119" y="178"/>
                    </a:cxn>
                    <a:cxn ang="0">
                      <a:pos x="136" y="172"/>
                    </a:cxn>
                    <a:cxn ang="0">
                      <a:pos x="150" y="162"/>
                    </a:cxn>
                    <a:cxn ang="0">
                      <a:pos x="162" y="149"/>
                    </a:cxn>
                    <a:cxn ang="0">
                      <a:pos x="172" y="135"/>
                    </a:cxn>
                    <a:cxn ang="0">
                      <a:pos x="179" y="118"/>
                    </a:cxn>
                    <a:cxn ang="0">
                      <a:pos x="183" y="101"/>
                    </a:cxn>
                    <a:cxn ang="0">
                      <a:pos x="183" y="82"/>
                    </a:cxn>
                    <a:cxn ang="0">
                      <a:pos x="179" y="64"/>
                    </a:cxn>
                    <a:cxn ang="0">
                      <a:pos x="172" y="47"/>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7"/>
                    </a:cxn>
                    <a:cxn ang="0">
                      <a:pos x="5" y="64"/>
                    </a:cxn>
                    <a:cxn ang="0">
                      <a:pos x="1" y="82"/>
                    </a:cxn>
                    <a:cxn ang="0">
                      <a:pos x="1" y="101"/>
                    </a:cxn>
                    <a:cxn ang="0">
                      <a:pos x="5" y="118"/>
                    </a:cxn>
                    <a:cxn ang="0">
                      <a:pos x="11" y="135"/>
                    </a:cxn>
                    <a:cxn ang="0">
                      <a:pos x="21" y="149"/>
                    </a:cxn>
                    <a:cxn ang="0">
                      <a:pos x="34" y="162"/>
                    </a:cxn>
                    <a:cxn ang="0">
                      <a:pos x="49" y="172"/>
                    </a:cxn>
                    <a:cxn ang="0">
                      <a:pos x="65" y="178"/>
                    </a:cxn>
                    <a:cxn ang="0">
                      <a:pos x="82" y="182"/>
                    </a:cxn>
                  </a:cxnLst>
                  <a:rect l="0" t="0" r="r" b="b"/>
                  <a:pathLst>
                    <a:path w="183" h="183">
                      <a:moveTo>
                        <a:pt x="92" y="183"/>
                      </a:moveTo>
                      <a:lnTo>
                        <a:pt x="101" y="182"/>
                      </a:lnTo>
                      <a:lnTo>
                        <a:pt x="110" y="180"/>
                      </a:lnTo>
                      <a:lnTo>
                        <a:pt x="119" y="178"/>
                      </a:lnTo>
                      <a:lnTo>
                        <a:pt x="128" y="175"/>
                      </a:lnTo>
                      <a:lnTo>
                        <a:pt x="136" y="172"/>
                      </a:lnTo>
                      <a:lnTo>
                        <a:pt x="143" y="167"/>
                      </a:lnTo>
                      <a:lnTo>
                        <a:pt x="150" y="162"/>
                      </a:lnTo>
                      <a:lnTo>
                        <a:pt x="157" y="156"/>
                      </a:lnTo>
                      <a:lnTo>
                        <a:pt x="162" y="149"/>
                      </a:lnTo>
                      <a:lnTo>
                        <a:pt x="168" y="142"/>
                      </a:lnTo>
                      <a:lnTo>
                        <a:pt x="172" y="135"/>
                      </a:lnTo>
                      <a:lnTo>
                        <a:pt x="177" y="126"/>
                      </a:lnTo>
                      <a:lnTo>
                        <a:pt x="179" y="118"/>
                      </a:lnTo>
                      <a:lnTo>
                        <a:pt x="181" y="109"/>
                      </a:lnTo>
                      <a:lnTo>
                        <a:pt x="183" y="101"/>
                      </a:lnTo>
                      <a:lnTo>
                        <a:pt x="183" y="91"/>
                      </a:lnTo>
                      <a:lnTo>
                        <a:pt x="183" y="82"/>
                      </a:lnTo>
                      <a:lnTo>
                        <a:pt x="181" y="73"/>
                      </a:lnTo>
                      <a:lnTo>
                        <a:pt x="179" y="64"/>
                      </a:lnTo>
                      <a:lnTo>
                        <a:pt x="177" y="55"/>
                      </a:lnTo>
                      <a:lnTo>
                        <a:pt x="172" y="47"/>
                      </a:lnTo>
                      <a:lnTo>
                        <a:pt x="168" y="40"/>
                      </a:lnTo>
                      <a:lnTo>
                        <a:pt x="162" y="33"/>
                      </a:lnTo>
                      <a:lnTo>
                        <a:pt x="157" y="26"/>
                      </a:lnTo>
                      <a:lnTo>
                        <a:pt x="150" y="21"/>
                      </a:lnTo>
                      <a:lnTo>
                        <a:pt x="143" y="15"/>
                      </a:lnTo>
                      <a:lnTo>
                        <a:pt x="136" y="11"/>
                      </a:lnTo>
                      <a:lnTo>
                        <a:pt x="128" y="6"/>
                      </a:lnTo>
                      <a:lnTo>
                        <a:pt x="119" y="4"/>
                      </a:lnTo>
                      <a:lnTo>
                        <a:pt x="110" y="2"/>
                      </a:lnTo>
                      <a:lnTo>
                        <a:pt x="101" y="0"/>
                      </a:lnTo>
                      <a:lnTo>
                        <a:pt x="92" y="0"/>
                      </a:lnTo>
                      <a:lnTo>
                        <a:pt x="82" y="0"/>
                      </a:lnTo>
                      <a:lnTo>
                        <a:pt x="73" y="2"/>
                      </a:lnTo>
                      <a:lnTo>
                        <a:pt x="65" y="4"/>
                      </a:lnTo>
                      <a:lnTo>
                        <a:pt x="57" y="6"/>
                      </a:lnTo>
                      <a:lnTo>
                        <a:pt x="49" y="11"/>
                      </a:lnTo>
                      <a:lnTo>
                        <a:pt x="41" y="15"/>
                      </a:lnTo>
                      <a:lnTo>
                        <a:pt x="34" y="21"/>
                      </a:lnTo>
                      <a:lnTo>
                        <a:pt x="28" y="26"/>
                      </a:lnTo>
                      <a:lnTo>
                        <a:pt x="21" y="33"/>
                      </a:lnTo>
                      <a:lnTo>
                        <a:pt x="16" y="40"/>
                      </a:lnTo>
                      <a:lnTo>
                        <a:pt x="11" y="47"/>
                      </a:lnTo>
                      <a:lnTo>
                        <a:pt x="8" y="55"/>
                      </a:lnTo>
                      <a:lnTo>
                        <a:pt x="5" y="64"/>
                      </a:lnTo>
                      <a:lnTo>
                        <a:pt x="2" y="73"/>
                      </a:lnTo>
                      <a:lnTo>
                        <a:pt x="1" y="82"/>
                      </a:lnTo>
                      <a:lnTo>
                        <a:pt x="0" y="91"/>
                      </a:lnTo>
                      <a:lnTo>
                        <a:pt x="1" y="101"/>
                      </a:lnTo>
                      <a:lnTo>
                        <a:pt x="2" y="109"/>
                      </a:lnTo>
                      <a:lnTo>
                        <a:pt x="5" y="118"/>
                      </a:lnTo>
                      <a:lnTo>
                        <a:pt x="8" y="126"/>
                      </a:lnTo>
                      <a:lnTo>
                        <a:pt x="11" y="135"/>
                      </a:lnTo>
                      <a:lnTo>
                        <a:pt x="16" y="142"/>
                      </a:lnTo>
                      <a:lnTo>
                        <a:pt x="21" y="149"/>
                      </a:lnTo>
                      <a:lnTo>
                        <a:pt x="28" y="156"/>
                      </a:lnTo>
                      <a:lnTo>
                        <a:pt x="34" y="162"/>
                      </a:lnTo>
                      <a:lnTo>
                        <a:pt x="41" y="167"/>
                      </a:lnTo>
                      <a:lnTo>
                        <a:pt x="49" y="172"/>
                      </a:lnTo>
                      <a:lnTo>
                        <a:pt x="57" y="175"/>
                      </a:lnTo>
                      <a:lnTo>
                        <a:pt x="65"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4" name="Freeform 126"/>
                <p:cNvSpPr>
                  <a:spLocks/>
                </p:cNvSpPr>
                <p:nvPr/>
              </p:nvSpPr>
              <p:spPr bwMode="auto">
                <a:xfrm>
                  <a:off x="11659003" y="3339462"/>
                  <a:ext cx="28575" cy="28575"/>
                </a:xfrm>
                <a:custGeom>
                  <a:avLst/>
                  <a:gdLst/>
                  <a:ahLst/>
                  <a:cxnLst>
                    <a:cxn ang="0">
                      <a:pos x="100" y="182"/>
                    </a:cxn>
                    <a:cxn ang="0">
                      <a:pos x="118" y="178"/>
                    </a:cxn>
                    <a:cxn ang="0">
                      <a:pos x="134"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7"/>
                    </a:cxn>
                    <a:cxn ang="0">
                      <a:pos x="4" y="64"/>
                    </a:cxn>
                    <a:cxn ang="0">
                      <a:pos x="0" y="82"/>
                    </a:cxn>
                    <a:cxn ang="0">
                      <a:pos x="0" y="101"/>
                    </a:cxn>
                    <a:cxn ang="0">
                      <a:pos x="4" y="118"/>
                    </a:cxn>
                    <a:cxn ang="0">
                      <a:pos x="10" y="135"/>
                    </a:cxn>
                    <a:cxn ang="0">
                      <a:pos x="20" y="149"/>
                    </a:cxn>
                    <a:cxn ang="0">
                      <a:pos x="32" y="162"/>
                    </a:cxn>
                    <a:cxn ang="0">
                      <a:pos x="48" y="172"/>
                    </a:cxn>
                    <a:cxn ang="0">
                      <a:pos x="63" y="178"/>
                    </a:cxn>
                    <a:cxn ang="0">
                      <a:pos x="81" y="182"/>
                    </a:cxn>
                  </a:cxnLst>
                  <a:rect l="0" t="0" r="r" b="b"/>
                  <a:pathLst>
                    <a:path w="182" h="183">
                      <a:moveTo>
                        <a:pt x="91" y="183"/>
                      </a:moveTo>
                      <a:lnTo>
                        <a:pt x="100" y="182"/>
                      </a:lnTo>
                      <a:lnTo>
                        <a:pt x="109" y="180"/>
                      </a:lnTo>
                      <a:lnTo>
                        <a:pt x="118" y="178"/>
                      </a:lnTo>
                      <a:lnTo>
                        <a:pt x="127" y="175"/>
                      </a:lnTo>
                      <a:lnTo>
                        <a:pt x="134" y="172"/>
                      </a:lnTo>
                      <a:lnTo>
                        <a:pt x="142" y="167"/>
                      </a:lnTo>
                      <a:lnTo>
                        <a:pt x="149" y="162"/>
                      </a:lnTo>
                      <a:lnTo>
                        <a:pt x="155" y="156"/>
                      </a:lnTo>
                      <a:lnTo>
                        <a:pt x="161" y="149"/>
                      </a:lnTo>
                      <a:lnTo>
                        <a:pt x="167"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7" y="40"/>
                      </a:lnTo>
                      <a:lnTo>
                        <a:pt x="161" y="33"/>
                      </a:lnTo>
                      <a:lnTo>
                        <a:pt x="155" y="26"/>
                      </a:lnTo>
                      <a:lnTo>
                        <a:pt x="149" y="21"/>
                      </a:lnTo>
                      <a:lnTo>
                        <a:pt x="142" y="15"/>
                      </a:lnTo>
                      <a:lnTo>
                        <a:pt x="134" y="11"/>
                      </a:lnTo>
                      <a:lnTo>
                        <a:pt x="127" y="6"/>
                      </a:lnTo>
                      <a:lnTo>
                        <a:pt x="118" y="4"/>
                      </a:lnTo>
                      <a:lnTo>
                        <a:pt x="109" y="2"/>
                      </a:lnTo>
                      <a:lnTo>
                        <a:pt x="100" y="0"/>
                      </a:lnTo>
                      <a:lnTo>
                        <a:pt x="91" y="0"/>
                      </a:lnTo>
                      <a:lnTo>
                        <a:pt x="81" y="0"/>
                      </a:lnTo>
                      <a:lnTo>
                        <a:pt x="72" y="2"/>
                      </a:lnTo>
                      <a:lnTo>
                        <a:pt x="63" y="4"/>
                      </a:lnTo>
                      <a:lnTo>
                        <a:pt x="56" y="6"/>
                      </a:lnTo>
                      <a:lnTo>
                        <a:pt x="48" y="11"/>
                      </a:lnTo>
                      <a:lnTo>
                        <a:pt x="40" y="15"/>
                      </a:lnTo>
                      <a:lnTo>
                        <a:pt x="32" y="21"/>
                      </a:lnTo>
                      <a:lnTo>
                        <a:pt x="27" y="26"/>
                      </a:lnTo>
                      <a:lnTo>
                        <a:pt x="20" y="33"/>
                      </a:lnTo>
                      <a:lnTo>
                        <a:pt x="16" y="40"/>
                      </a:lnTo>
                      <a:lnTo>
                        <a:pt x="10" y="47"/>
                      </a:lnTo>
                      <a:lnTo>
                        <a:pt x="7" y="55"/>
                      </a:lnTo>
                      <a:lnTo>
                        <a:pt x="4" y="64"/>
                      </a:lnTo>
                      <a:lnTo>
                        <a:pt x="1" y="73"/>
                      </a:lnTo>
                      <a:lnTo>
                        <a:pt x="0" y="82"/>
                      </a:lnTo>
                      <a:lnTo>
                        <a:pt x="0" y="91"/>
                      </a:lnTo>
                      <a:lnTo>
                        <a:pt x="0" y="101"/>
                      </a:lnTo>
                      <a:lnTo>
                        <a:pt x="1" y="109"/>
                      </a:lnTo>
                      <a:lnTo>
                        <a:pt x="4" y="118"/>
                      </a:lnTo>
                      <a:lnTo>
                        <a:pt x="7" y="126"/>
                      </a:lnTo>
                      <a:lnTo>
                        <a:pt x="10" y="135"/>
                      </a:lnTo>
                      <a:lnTo>
                        <a:pt x="16" y="142"/>
                      </a:lnTo>
                      <a:lnTo>
                        <a:pt x="20" y="149"/>
                      </a:lnTo>
                      <a:lnTo>
                        <a:pt x="27" y="156"/>
                      </a:lnTo>
                      <a:lnTo>
                        <a:pt x="32" y="162"/>
                      </a:lnTo>
                      <a:lnTo>
                        <a:pt x="40" y="167"/>
                      </a:lnTo>
                      <a:lnTo>
                        <a:pt x="48" y="172"/>
                      </a:lnTo>
                      <a:lnTo>
                        <a:pt x="56" y="175"/>
                      </a:lnTo>
                      <a:lnTo>
                        <a:pt x="63" y="178"/>
                      </a:lnTo>
                      <a:lnTo>
                        <a:pt x="72" y="180"/>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5" name="Freeform 127"/>
                <p:cNvSpPr>
                  <a:spLocks/>
                </p:cNvSpPr>
                <p:nvPr/>
              </p:nvSpPr>
              <p:spPr bwMode="auto">
                <a:xfrm>
                  <a:off x="11698690" y="3339462"/>
                  <a:ext cx="30163" cy="28575"/>
                </a:xfrm>
                <a:custGeom>
                  <a:avLst/>
                  <a:gdLst/>
                  <a:ahLst/>
                  <a:cxnLst>
                    <a:cxn ang="0">
                      <a:pos x="100" y="182"/>
                    </a:cxn>
                    <a:cxn ang="0">
                      <a:pos x="118" y="178"/>
                    </a:cxn>
                    <a:cxn ang="0">
                      <a:pos x="134" y="172"/>
                    </a:cxn>
                    <a:cxn ang="0">
                      <a:pos x="149" y="162"/>
                    </a:cxn>
                    <a:cxn ang="0">
                      <a:pos x="162" y="149"/>
                    </a:cxn>
                    <a:cxn ang="0">
                      <a:pos x="171" y="135"/>
                    </a:cxn>
                    <a:cxn ang="0">
                      <a:pos x="179" y="118"/>
                    </a:cxn>
                    <a:cxn ang="0">
                      <a:pos x="182" y="101"/>
                    </a:cxn>
                    <a:cxn ang="0">
                      <a:pos x="182" y="82"/>
                    </a:cxn>
                    <a:cxn ang="0">
                      <a:pos x="179" y="64"/>
                    </a:cxn>
                    <a:cxn ang="0">
                      <a:pos x="171" y="47"/>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7"/>
                    </a:cxn>
                    <a:cxn ang="0">
                      <a:pos x="3" y="64"/>
                    </a:cxn>
                    <a:cxn ang="0">
                      <a:pos x="0" y="82"/>
                    </a:cxn>
                    <a:cxn ang="0">
                      <a:pos x="0" y="101"/>
                    </a:cxn>
                    <a:cxn ang="0">
                      <a:pos x="3" y="118"/>
                    </a:cxn>
                    <a:cxn ang="0">
                      <a:pos x="11" y="135"/>
                    </a:cxn>
                    <a:cxn ang="0">
                      <a:pos x="20" y="149"/>
                    </a:cxn>
                    <a:cxn ang="0">
                      <a:pos x="33" y="162"/>
                    </a:cxn>
                    <a:cxn ang="0">
                      <a:pos x="48" y="172"/>
                    </a:cxn>
                    <a:cxn ang="0">
                      <a:pos x="64" y="178"/>
                    </a:cxn>
                    <a:cxn ang="0">
                      <a:pos x="82" y="182"/>
                    </a:cxn>
                  </a:cxnLst>
                  <a:rect l="0" t="0" r="r" b="b"/>
                  <a:pathLst>
                    <a:path w="182" h="183">
                      <a:moveTo>
                        <a:pt x="91" y="183"/>
                      </a:moveTo>
                      <a:lnTo>
                        <a:pt x="100" y="182"/>
                      </a:lnTo>
                      <a:lnTo>
                        <a:pt x="110" y="180"/>
                      </a:lnTo>
                      <a:lnTo>
                        <a:pt x="118" y="178"/>
                      </a:lnTo>
                      <a:lnTo>
                        <a:pt x="126" y="175"/>
                      </a:lnTo>
                      <a:lnTo>
                        <a:pt x="134" y="172"/>
                      </a:lnTo>
                      <a:lnTo>
                        <a:pt x="142" y="167"/>
                      </a:lnTo>
                      <a:lnTo>
                        <a:pt x="149" y="162"/>
                      </a:lnTo>
                      <a:lnTo>
                        <a:pt x="155" y="156"/>
                      </a:lnTo>
                      <a:lnTo>
                        <a:pt x="162" y="149"/>
                      </a:lnTo>
                      <a:lnTo>
                        <a:pt x="166"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6" y="40"/>
                      </a:lnTo>
                      <a:lnTo>
                        <a:pt x="162" y="33"/>
                      </a:lnTo>
                      <a:lnTo>
                        <a:pt x="155" y="26"/>
                      </a:lnTo>
                      <a:lnTo>
                        <a:pt x="149" y="21"/>
                      </a:lnTo>
                      <a:lnTo>
                        <a:pt x="142" y="15"/>
                      </a:lnTo>
                      <a:lnTo>
                        <a:pt x="134" y="11"/>
                      </a:lnTo>
                      <a:lnTo>
                        <a:pt x="126" y="6"/>
                      </a:lnTo>
                      <a:lnTo>
                        <a:pt x="118" y="4"/>
                      </a:lnTo>
                      <a:lnTo>
                        <a:pt x="110" y="2"/>
                      </a:lnTo>
                      <a:lnTo>
                        <a:pt x="100" y="0"/>
                      </a:lnTo>
                      <a:lnTo>
                        <a:pt x="91" y="0"/>
                      </a:lnTo>
                      <a:lnTo>
                        <a:pt x="82" y="0"/>
                      </a:lnTo>
                      <a:lnTo>
                        <a:pt x="72" y="2"/>
                      </a:lnTo>
                      <a:lnTo>
                        <a:pt x="64" y="4"/>
                      </a:lnTo>
                      <a:lnTo>
                        <a:pt x="55" y="6"/>
                      </a:lnTo>
                      <a:lnTo>
                        <a:pt x="48" y="11"/>
                      </a:lnTo>
                      <a:lnTo>
                        <a:pt x="40" y="15"/>
                      </a:lnTo>
                      <a:lnTo>
                        <a:pt x="33" y="21"/>
                      </a:lnTo>
                      <a:lnTo>
                        <a:pt x="27" y="26"/>
                      </a:lnTo>
                      <a:lnTo>
                        <a:pt x="20" y="33"/>
                      </a:lnTo>
                      <a:lnTo>
                        <a:pt x="16" y="40"/>
                      </a:lnTo>
                      <a:lnTo>
                        <a:pt x="11" y="47"/>
                      </a:lnTo>
                      <a:lnTo>
                        <a:pt x="7" y="55"/>
                      </a:lnTo>
                      <a:lnTo>
                        <a:pt x="3" y="64"/>
                      </a:lnTo>
                      <a:lnTo>
                        <a:pt x="1" y="73"/>
                      </a:lnTo>
                      <a:lnTo>
                        <a:pt x="0" y="82"/>
                      </a:lnTo>
                      <a:lnTo>
                        <a:pt x="0" y="91"/>
                      </a:lnTo>
                      <a:lnTo>
                        <a:pt x="0" y="101"/>
                      </a:lnTo>
                      <a:lnTo>
                        <a:pt x="1" y="109"/>
                      </a:lnTo>
                      <a:lnTo>
                        <a:pt x="3" y="118"/>
                      </a:lnTo>
                      <a:lnTo>
                        <a:pt x="7" y="126"/>
                      </a:lnTo>
                      <a:lnTo>
                        <a:pt x="11" y="135"/>
                      </a:lnTo>
                      <a:lnTo>
                        <a:pt x="16" y="142"/>
                      </a:lnTo>
                      <a:lnTo>
                        <a:pt x="20" y="149"/>
                      </a:lnTo>
                      <a:lnTo>
                        <a:pt x="27" y="156"/>
                      </a:lnTo>
                      <a:lnTo>
                        <a:pt x="33" y="162"/>
                      </a:lnTo>
                      <a:lnTo>
                        <a:pt x="40" y="167"/>
                      </a:lnTo>
                      <a:lnTo>
                        <a:pt x="48" y="172"/>
                      </a:lnTo>
                      <a:lnTo>
                        <a:pt x="55" y="175"/>
                      </a:lnTo>
                      <a:lnTo>
                        <a:pt x="64" y="178"/>
                      </a:lnTo>
                      <a:lnTo>
                        <a:pt x="72"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6" name="Freeform 128"/>
                <p:cNvSpPr>
                  <a:spLocks/>
                </p:cNvSpPr>
                <p:nvPr/>
              </p:nvSpPr>
              <p:spPr bwMode="auto">
                <a:xfrm>
                  <a:off x="11739965" y="3339462"/>
                  <a:ext cx="28575" cy="28575"/>
                </a:xfrm>
                <a:custGeom>
                  <a:avLst/>
                  <a:gdLst/>
                  <a:ahLst/>
                  <a:cxnLst>
                    <a:cxn ang="0">
                      <a:pos x="101" y="182"/>
                    </a:cxn>
                    <a:cxn ang="0">
                      <a:pos x="118" y="178"/>
                    </a:cxn>
                    <a:cxn ang="0">
                      <a:pos x="134" y="172"/>
                    </a:cxn>
                    <a:cxn ang="0">
                      <a:pos x="148" y="162"/>
                    </a:cxn>
                    <a:cxn ang="0">
                      <a:pos x="162" y="149"/>
                    </a:cxn>
                    <a:cxn ang="0">
                      <a:pos x="172" y="135"/>
                    </a:cxn>
                    <a:cxn ang="0">
                      <a:pos x="178" y="118"/>
                    </a:cxn>
                    <a:cxn ang="0">
                      <a:pos x="182" y="101"/>
                    </a:cxn>
                    <a:cxn ang="0">
                      <a:pos x="182" y="82"/>
                    </a:cxn>
                    <a:cxn ang="0">
                      <a:pos x="178" y="64"/>
                    </a:cxn>
                    <a:cxn ang="0">
                      <a:pos x="172" y="47"/>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7"/>
                    </a:cxn>
                    <a:cxn ang="0">
                      <a:pos x="3" y="64"/>
                    </a:cxn>
                    <a:cxn ang="0">
                      <a:pos x="0" y="82"/>
                    </a:cxn>
                    <a:cxn ang="0">
                      <a:pos x="0" y="101"/>
                    </a:cxn>
                    <a:cxn ang="0">
                      <a:pos x="3"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8" y="178"/>
                      </a:lnTo>
                      <a:lnTo>
                        <a:pt x="126" y="175"/>
                      </a:lnTo>
                      <a:lnTo>
                        <a:pt x="134" y="172"/>
                      </a:lnTo>
                      <a:lnTo>
                        <a:pt x="142" y="167"/>
                      </a:lnTo>
                      <a:lnTo>
                        <a:pt x="148" y="162"/>
                      </a:lnTo>
                      <a:lnTo>
                        <a:pt x="155" y="156"/>
                      </a:lnTo>
                      <a:lnTo>
                        <a:pt x="162" y="149"/>
                      </a:lnTo>
                      <a:lnTo>
                        <a:pt x="166"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6" y="40"/>
                      </a:lnTo>
                      <a:lnTo>
                        <a:pt x="162" y="33"/>
                      </a:lnTo>
                      <a:lnTo>
                        <a:pt x="155" y="26"/>
                      </a:lnTo>
                      <a:lnTo>
                        <a:pt x="148" y="21"/>
                      </a:lnTo>
                      <a:lnTo>
                        <a:pt x="142" y="15"/>
                      </a:lnTo>
                      <a:lnTo>
                        <a:pt x="134" y="11"/>
                      </a:lnTo>
                      <a:lnTo>
                        <a:pt x="126" y="6"/>
                      </a:lnTo>
                      <a:lnTo>
                        <a:pt x="118" y="4"/>
                      </a:lnTo>
                      <a:lnTo>
                        <a:pt x="110" y="2"/>
                      </a:lnTo>
                      <a:lnTo>
                        <a:pt x="101" y="0"/>
                      </a:lnTo>
                      <a:lnTo>
                        <a:pt x="91"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6" y="55"/>
                      </a:lnTo>
                      <a:lnTo>
                        <a:pt x="3" y="64"/>
                      </a:lnTo>
                      <a:lnTo>
                        <a:pt x="1" y="73"/>
                      </a:lnTo>
                      <a:lnTo>
                        <a:pt x="0" y="82"/>
                      </a:lnTo>
                      <a:lnTo>
                        <a:pt x="0" y="91"/>
                      </a:lnTo>
                      <a:lnTo>
                        <a:pt x="0" y="101"/>
                      </a:lnTo>
                      <a:lnTo>
                        <a:pt x="1" y="109"/>
                      </a:lnTo>
                      <a:lnTo>
                        <a:pt x="3" y="118"/>
                      </a:lnTo>
                      <a:lnTo>
                        <a:pt x="6"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7" name="Freeform 129"/>
                <p:cNvSpPr>
                  <a:spLocks/>
                </p:cNvSpPr>
                <p:nvPr/>
              </p:nvSpPr>
              <p:spPr bwMode="auto">
                <a:xfrm>
                  <a:off x="11779653" y="3339462"/>
                  <a:ext cx="28575" cy="28575"/>
                </a:xfrm>
                <a:custGeom>
                  <a:avLst/>
                  <a:gdLst/>
                  <a:ahLst/>
                  <a:cxnLst>
                    <a:cxn ang="0">
                      <a:pos x="101" y="182"/>
                    </a:cxn>
                    <a:cxn ang="0">
                      <a:pos x="118" y="178"/>
                    </a:cxn>
                    <a:cxn ang="0">
                      <a:pos x="134" y="172"/>
                    </a:cxn>
                    <a:cxn ang="0">
                      <a:pos x="149" y="162"/>
                    </a:cxn>
                    <a:cxn ang="0">
                      <a:pos x="162" y="149"/>
                    </a:cxn>
                    <a:cxn ang="0">
                      <a:pos x="172" y="135"/>
                    </a:cxn>
                    <a:cxn ang="0">
                      <a:pos x="178" y="118"/>
                    </a:cxn>
                    <a:cxn ang="0">
                      <a:pos x="182" y="101"/>
                    </a:cxn>
                    <a:cxn ang="0">
                      <a:pos x="182" y="82"/>
                    </a:cxn>
                    <a:cxn ang="0">
                      <a:pos x="178" y="64"/>
                    </a:cxn>
                    <a:cxn ang="0">
                      <a:pos x="172" y="47"/>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7" y="172"/>
                    </a:cxn>
                    <a:cxn ang="0">
                      <a:pos x="64" y="178"/>
                    </a:cxn>
                    <a:cxn ang="0">
                      <a:pos x="82" y="182"/>
                    </a:cxn>
                  </a:cxnLst>
                  <a:rect l="0" t="0" r="r" b="b"/>
                  <a:pathLst>
                    <a:path w="183" h="183">
                      <a:moveTo>
                        <a:pt x="91" y="183"/>
                      </a:moveTo>
                      <a:lnTo>
                        <a:pt x="101" y="182"/>
                      </a:lnTo>
                      <a:lnTo>
                        <a:pt x="109" y="180"/>
                      </a:lnTo>
                      <a:lnTo>
                        <a:pt x="118" y="178"/>
                      </a:lnTo>
                      <a:lnTo>
                        <a:pt x="126" y="175"/>
                      </a:lnTo>
                      <a:lnTo>
                        <a:pt x="134" y="172"/>
                      </a:lnTo>
                      <a:lnTo>
                        <a:pt x="142" y="167"/>
                      </a:lnTo>
                      <a:lnTo>
                        <a:pt x="149" y="162"/>
                      </a:lnTo>
                      <a:lnTo>
                        <a:pt x="156" y="156"/>
                      </a:lnTo>
                      <a:lnTo>
                        <a:pt x="162" y="149"/>
                      </a:lnTo>
                      <a:lnTo>
                        <a:pt x="167" y="142"/>
                      </a:lnTo>
                      <a:lnTo>
                        <a:pt x="172" y="135"/>
                      </a:lnTo>
                      <a:lnTo>
                        <a:pt x="175" y="126"/>
                      </a:lnTo>
                      <a:lnTo>
                        <a:pt x="178" y="118"/>
                      </a:lnTo>
                      <a:lnTo>
                        <a:pt x="180" y="109"/>
                      </a:lnTo>
                      <a:lnTo>
                        <a:pt x="182" y="101"/>
                      </a:lnTo>
                      <a:lnTo>
                        <a:pt x="183" y="91"/>
                      </a:lnTo>
                      <a:lnTo>
                        <a:pt x="182" y="82"/>
                      </a:lnTo>
                      <a:lnTo>
                        <a:pt x="180" y="73"/>
                      </a:lnTo>
                      <a:lnTo>
                        <a:pt x="178" y="64"/>
                      </a:lnTo>
                      <a:lnTo>
                        <a:pt x="175" y="55"/>
                      </a:lnTo>
                      <a:lnTo>
                        <a:pt x="172" y="47"/>
                      </a:lnTo>
                      <a:lnTo>
                        <a:pt x="167" y="40"/>
                      </a:lnTo>
                      <a:lnTo>
                        <a:pt x="162" y="33"/>
                      </a:lnTo>
                      <a:lnTo>
                        <a:pt x="156" y="26"/>
                      </a:lnTo>
                      <a:lnTo>
                        <a:pt x="149" y="21"/>
                      </a:lnTo>
                      <a:lnTo>
                        <a:pt x="142" y="15"/>
                      </a:lnTo>
                      <a:lnTo>
                        <a:pt x="134" y="11"/>
                      </a:lnTo>
                      <a:lnTo>
                        <a:pt x="126" y="6"/>
                      </a:lnTo>
                      <a:lnTo>
                        <a:pt x="118" y="4"/>
                      </a:lnTo>
                      <a:lnTo>
                        <a:pt x="109" y="2"/>
                      </a:lnTo>
                      <a:lnTo>
                        <a:pt x="101" y="0"/>
                      </a:lnTo>
                      <a:lnTo>
                        <a:pt x="91" y="0"/>
                      </a:lnTo>
                      <a:lnTo>
                        <a:pt x="82" y="0"/>
                      </a:lnTo>
                      <a:lnTo>
                        <a:pt x="73" y="2"/>
                      </a:lnTo>
                      <a:lnTo>
                        <a:pt x="64" y="4"/>
                      </a:lnTo>
                      <a:lnTo>
                        <a:pt x="55" y="6"/>
                      </a:lnTo>
                      <a:lnTo>
                        <a:pt x="47" y="11"/>
                      </a:lnTo>
                      <a:lnTo>
                        <a:pt x="40" y="15"/>
                      </a:lnTo>
                      <a:lnTo>
                        <a:pt x="33" y="21"/>
                      </a:lnTo>
                      <a:lnTo>
                        <a:pt x="26" y="26"/>
                      </a:lnTo>
                      <a:lnTo>
                        <a:pt x="21" y="33"/>
                      </a:lnTo>
                      <a:lnTo>
                        <a:pt x="15" y="40"/>
                      </a:lnTo>
                      <a:lnTo>
                        <a:pt x="11" y="47"/>
                      </a:lnTo>
                      <a:lnTo>
                        <a:pt x="6" y="55"/>
                      </a:lnTo>
                      <a:lnTo>
                        <a:pt x="4" y="64"/>
                      </a:lnTo>
                      <a:lnTo>
                        <a:pt x="2" y="73"/>
                      </a:lnTo>
                      <a:lnTo>
                        <a:pt x="0" y="82"/>
                      </a:lnTo>
                      <a:lnTo>
                        <a:pt x="0" y="91"/>
                      </a:lnTo>
                      <a:lnTo>
                        <a:pt x="0" y="101"/>
                      </a:lnTo>
                      <a:lnTo>
                        <a:pt x="2" y="109"/>
                      </a:lnTo>
                      <a:lnTo>
                        <a:pt x="4" y="118"/>
                      </a:lnTo>
                      <a:lnTo>
                        <a:pt x="6" y="126"/>
                      </a:lnTo>
                      <a:lnTo>
                        <a:pt x="11" y="135"/>
                      </a:lnTo>
                      <a:lnTo>
                        <a:pt x="15" y="142"/>
                      </a:lnTo>
                      <a:lnTo>
                        <a:pt x="21" y="149"/>
                      </a:lnTo>
                      <a:lnTo>
                        <a:pt x="26" y="156"/>
                      </a:lnTo>
                      <a:lnTo>
                        <a:pt x="33" y="162"/>
                      </a:lnTo>
                      <a:lnTo>
                        <a:pt x="40" y="167"/>
                      </a:lnTo>
                      <a:lnTo>
                        <a:pt x="47"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8" name="Freeform 130"/>
                <p:cNvSpPr>
                  <a:spLocks/>
                </p:cNvSpPr>
                <p:nvPr/>
              </p:nvSpPr>
              <p:spPr bwMode="auto">
                <a:xfrm>
                  <a:off x="12235265" y="3526787"/>
                  <a:ext cx="203200" cy="33338"/>
                </a:xfrm>
                <a:custGeom>
                  <a:avLst/>
                  <a:gdLst/>
                  <a:ahLst/>
                  <a:cxnLst>
                    <a:cxn ang="0">
                      <a:pos x="1170" y="0"/>
                    </a:cxn>
                    <a:cxn ang="0">
                      <a:pos x="1192" y="2"/>
                    </a:cxn>
                    <a:cxn ang="0">
                      <a:pos x="1212" y="7"/>
                    </a:cxn>
                    <a:cxn ang="0">
                      <a:pos x="1231" y="17"/>
                    </a:cxn>
                    <a:cxn ang="0">
                      <a:pos x="1246" y="31"/>
                    </a:cxn>
                    <a:cxn ang="0">
                      <a:pos x="1259" y="47"/>
                    </a:cxn>
                    <a:cxn ang="0">
                      <a:pos x="1271" y="66"/>
                    </a:cxn>
                    <a:cxn ang="0">
                      <a:pos x="1276" y="86"/>
                    </a:cxn>
                    <a:cxn ang="0">
                      <a:pos x="1278" y="108"/>
                    </a:cxn>
                    <a:cxn ang="0">
                      <a:pos x="1276" y="130"/>
                    </a:cxn>
                    <a:cxn ang="0">
                      <a:pos x="1271" y="150"/>
                    </a:cxn>
                    <a:cxn ang="0">
                      <a:pos x="1259" y="169"/>
                    </a:cxn>
                    <a:cxn ang="0">
                      <a:pos x="1246" y="185"/>
                    </a:cxn>
                    <a:cxn ang="0">
                      <a:pos x="1231" y="198"/>
                    </a:cxn>
                    <a:cxn ang="0">
                      <a:pos x="1212" y="208"/>
                    </a:cxn>
                    <a:cxn ang="0">
                      <a:pos x="1192" y="215"/>
                    </a:cxn>
                    <a:cxn ang="0">
                      <a:pos x="1170" y="217"/>
                    </a:cxn>
                    <a:cxn ang="0">
                      <a:pos x="97" y="216"/>
                    </a:cxn>
                    <a:cxn ang="0">
                      <a:pos x="76" y="213"/>
                    </a:cxn>
                    <a:cxn ang="0">
                      <a:pos x="56" y="204"/>
                    </a:cxn>
                    <a:cxn ang="0">
                      <a:pos x="40" y="192"/>
                    </a:cxn>
                    <a:cxn ang="0">
                      <a:pos x="24" y="177"/>
                    </a:cxn>
                    <a:cxn ang="0">
                      <a:pos x="13" y="159"/>
                    </a:cxn>
                    <a:cxn ang="0">
                      <a:pos x="4" y="140"/>
                    </a:cxn>
                    <a:cxn ang="0">
                      <a:pos x="0" y="119"/>
                    </a:cxn>
                    <a:cxn ang="0">
                      <a:pos x="0" y="97"/>
                    </a:cxn>
                    <a:cxn ang="0">
                      <a:pos x="4" y="76"/>
                    </a:cxn>
                    <a:cxn ang="0">
                      <a:pos x="13" y="56"/>
                    </a:cxn>
                    <a:cxn ang="0">
                      <a:pos x="24" y="38"/>
                    </a:cxn>
                    <a:cxn ang="0">
                      <a:pos x="40" y="24"/>
                    </a:cxn>
                    <a:cxn ang="0">
                      <a:pos x="56" y="12"/>
                    </a:cxn>
                    <a:cxn ang="0">
                      <a:pos x="76" y="4"/>
                    </a:cxn>
                    <a:cxn ang="0">
                      <a:pos x="97" y="0"/>
                    </a:cxn>
                  </a:cxnLst>
                  <a:rect l="0" t="0" r="r" b="b"/>
                  <a:pathLst>
                    <a:path w="1278" h="217">
                      <a:moveTo>
                        <a:pt x="108" y="0"/>
                      </a:moveTo>
                      <a:lnTo>
                        <a:pt x="1170" y="0"/>
                      </a:lnTo>
                      <a:lnTo>
                        <a:pt x="1181" y="0"/>
                      </a:lnTo>
                      <a:lnTo>
                        <a:pt x="1192" y="2"/>
                      </a:lnTo>
                      <a:lnTo>
                        <a:pt x="1202" y="4"/>
                      </a:lnTo>
                      <a:lnTo>
                        <a:pt x="1212" y="7"/>
                      </a:lnTo>
                      <a:lnTo>
                        <a:pt x="1222" y="12"/>
                      </a:lnTo>
                      <a:lnTo>
                        <a:pt x="1231" y="17"/>
                      </a:lnTo>
                      <a:lnTo>
                        <a:pt x="1238" y="24"/>
                      </a:lnTo>
                      <a:lnTo>
                        <a:pt x="1246" y="31"/>
                      </a:lnTo>
                      <a:lnTo>
                        <a:pt x="1254" y="38"/>
                      </a:lnTo>
                      <a:lnTo>
                        <a:pt x="1259" y="47"/>
                      </a:lnTo>
                      <a:lnTo>
                        <a:pt x="1265" y="56"/>
                      </a:lnTo>
                      <a:lnTo>
                        <a:pt x="1271" y="66"/>
                      </a:lnTo>
                      <a:lnTo>
                        <a:pt x="1274" y="76"/>
                      </a:lnTo>
                      <a:lnTo>
                        <a:pt x="1276" y="86"/>
                      </a:lnTo>
                      <a:lnTo>
                        <a:pt x="1278" y="97"/>
                      </a:lnTo>
                      <a:lnTo>
                        <a:pt x="1278" y="108"/>
                      </a:lnTo>
                      <a:lnTo>
                        <a:pt x="1278" y="119"/>
                      </a:lnTo>
                      <a:lnTo>
                        <a:pt x="1276" y="130"/>
                      </a:lnTo>
                      <a:lnTo>
                        <a:pt x="1274" y="140"/>
                      </a:lnTo>
                      <a:lnTo>
                        <a:pt x="1271" y="150"/>
                      </a:lnTo>
                      <a:lnTo>
                        <a:pt x="1265" y="159"/>
                      </a:lnTo>
                      <a:lnTo>
                        <a:pt x="1259" y="169"/>
                      </a:lnTo>
                      <a:lnTo>
                        <a:pt x="1254" y="177"/>
                      </a:lnTo>
                      <a:lnTo>
                        <a:pt x="1246" y="185"/>
                      </a:lnTo>
                      <a:lnTo>
                        <a:pt x="1238" y="192"/>
                      </a:lnTo>
                      <a:lnTo>
                        <a:pt x="1231" y="198"/>
                      </a:lnTo>
                      <a:lnTo>
                        <a:pt x="1222" y="204"/>
                      </a:lnTo>
                      <a:lnTo>
                        <a:pt x="1212" y="208"/>
                      </a:lnTo>
                      <a:lnTo>
                        <a:pt x="1202" y="213"/>
                      </a:lnTo>
                      <a:lnTo>
                        <a:pt x="1192" y="215"/>
                      </a:lnTo>
                      <a:lnTo>
                        <a:pt x="1181" y="216"/>
                      </a:lnTo>
                      <a:lnTo>
                        <a:pt x="1170" y="217"/>
                      </a:lnTo>
                      <a:lnTo>
                        <a:pt x="108" y="217"/>
                      </a:lnTo>
                      <a:lnTo>
                        <a:pt x="97" y="216"/>
                      </a:lnTo>
                      <a:lnTo>
                        <a:pt x="86" y="215"/>
                      </a:lnTo>
                      <a:lnTo>
                        <a:pt x="76" y="213"/>
                      </a:lnTo>
                      <a:lnTo>
                        <a:pt x="66" y="208"/>
                      </a:lnTo>
                      <a:lnTo>
                        <a:pt x="56" y="204"/>
                      </a:lnTo>
                      <a:lnTo>
                        <a:pt x="47" y="198"/>
                      </a:lnTo>
                      <a:lnTo>
                        <a:pt x="40" y="192"/>
                      </a:lnTo>
                      <a:lnTo>
                        <a:pt x="32" y="185"/>
                      </a:lnTo>
                      <a:lnTo>
                        <a:pt x="24" y="177"/>
                      </a:lnTo>
                      <a:lnTo>
                        <a:pt x="19" y="169"/>
                      </a:lnTo>
                      <a:lnTo>
                        <a:pt x="13" y="159"/>
                      </a:lnTo>
                      <a:lnTo>
                        <a:pt x="9" y="150"/>
                      </a:lnTo>
                      <a:lnTo>
                        <a:pt x="4" y="140"/>
                      </a:lnTo>
                      <a:lnTo>
                        <a:pt x="2" y="130"/>
                      </a:lnTo>
                      <a:lnTo>
                        <a:pt x="0" y="119"/>
                      </a:lnTo>
                      <a:lnTo>
                        <a:pt x="0" y="108"/>
                      </a:lnTo>
                      <a:lnTo>
                        <a:pt x="0" y="97"/>
                      </a:lnTo>
                      <a:lnTo>
                        <a:pt x="2" y="86"/>
                      </a:lnTo>
                      <a:lnTo>
                        <a:pt x="4" y="76"/>
                      </a:lnTo>
                      <a:lnTo>
                        <a:pt x="9" y="66"/>
                      </a:lnTo>
                      <a:lnTo>
                        <a:pt x="13" y="56"/>
                      </a:lnTo>
                      <a:lnTo>
                        <a:pt x="19" y="47"/>
                      </a:lnTo>
                      <a:lnTo>
                        <a:pt x="24" y="38"/>
                      </a:lnTo>
                      <a:lnTo>
                        <a:pt x="32" y="31"/>
                      </a:lnTo>
                      <a:lnTo>
                        <a:pt x="40"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999" name="Freeform 131"/>
                <p:cNvSpPr>
                  <a:spLocks/>
                </p:cNvSpPr>
                <p:nvPr/>
              </p:nvSpPr>
              <p:spPr bwMode="auto">
                <a:xfrm>
                  <a:off x="11619315" y="3526787"/>
                  <a:ext cx="28575" cy="30163"/>
                </a:xfrm>
                <a:custGeom>
                  <a:avLst/>
                  <a:gdLst/>
                  <a:ahLst/>
                  <a:cxnLst>
                    <a:cxn ang="0">
                      <a:pos x="101" y="182"/>
                    </a:cxn>
                    <a:cxn ang="0">
                      <a:pos x="119" y="179"/>
                    </a:cxn>
                    <a:cxn ang="0">
                      <a:pos x="136" y="172"/>
                    </a:cxn>
                    <a:cxn ang="0">
                      <a:pos x="150" y="162"/>
                    </a:cxn>
                    <a:cxn ang="0">
                      <a:pos x="162" y="150"/>
                    </a:cxn>
                    <a:cxn ang="0">
                      <a:pos x="172" y="134"/>
                    </a:cxn>
                    <a:cxn ang="0">
                      <a:pos x="179" y="119"/>
                    </a:cxn>
                    <a:cxn ang="0">
                      <a:pos x="183" y="101"/>
                    </a:cxn>
                    <a:cxn ang="0">
                      <a:pos x="183" y="82"/>
                    </a:cxn>
                    <a:cxn ang="0">
                      <a:pos x="179" y="65"/>
                    </a:cxn>
                    <a:cxn ang="0">
                      <a:pos x="172" y="48"/>
                    </a:cxn>
                    <a:cxn ang="0">
                      <a:pos x="162" y="34"/>
                    </a:cxn>
                    <a:cxn ang="0">
                      <a:pos x="150" y="21"/>
                    </a:cxn>
                    <a:cxn ang="0">
                      <a:pos x="136" y="11"/>
                    </a:cxn>
                    <a:cxn ang="0">
                      <a:pos x="119" y="5"/>
                    </a:cxn>
                    <a:cxn ang="0">
                      <a:pos x="101" y="0"/>
                    </a:cxn>
                    <a:cxn ang="0">
                      <a:pos x="82" y="0"/>
                    </a:cxn>
                    <a:cxn ang="0">
                      <a:pos x="65" y="5"/>
                    </a:cxn>
                    <a:cxn ang="0">
                      <a:pos x="49" y="11"/>
                    </a:cxn>
                    <a:cxn ang="0">
                      <a:pos x="34" y="21"/>
                    </a:cxn>
                    <a:cxn ang="0">
                      <a:pos x="21" y="34"/>
                    </a:cxn>
                    <a:cxn ang="0">
                      <a:pos x="11" y="48"/>
                    </a:cxn>
                    <a:cxn ang="0">
                      <a:pos x="5" y="65"/>
                    </a:cxn>
                    <a:cxn ang="0">
                      <a:pos x="1" y="82"/>
                    </a:cxn>
                    <a:cxn ang="0">
                      <a:pos x="1" y="101"/>
                    </a:cxn>
                    <a:cxn ang="0">
                      <a:pos x="5" y="119"/>
                    </a:cxn>
                    <a:cxn ang="0">
                      <a:pos x="11" y="134"/>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6"/>
                      </a:lnTo>
                      <a:lnTo>
                        <a:pt x="136" y="172"/>
                      </a:lnTo>
                      <a:lnTo>
                        <a:pt x="143" y="168"/>
                      </a:lnTo>
                      <a:lnTo>
                        <a:pt x="150" y="162"/>
                      </a:lnTo>
                      <a:lnTo>
                        <a:pt x="157" y="156"/>
                      </a:lnTo>
                      <a:lnTo>
                        <a:pt x="162" y="150"/>
                      </a:lnTo>
                      <a:lnTo>
                        <a:pt x="168" y="142"/>
                      </a:lnTo>
                      <a:lnTo>
                        <a:pt x="172" y="134"/>
                      </a:lnTo>
                      <a:lnTo>
                        <a:pt x="177" y="127"/>
                      </a:lnTo>
                      <a:lnTo>
                        <a:pt x="179" y="119"/>
                      </a:lnTo>
                      <a:lnTo>
                        <a:pt x="181" y="110"/>
                      </a:lnTo>
                      <a:lnTo>
                        <a:pt x="183" y="101"/>
                      </a:lnTo>
                      <a:lnTo>
                        <a:pt x="183" y="91"/>
                      </a:lnTo>
                      <a:lnTo>
                        <a:pt x="183" y="82"/>
                      </a:lnTo>
                      <a:lnTo>
                        <a:pt x="181" y="73"/>
                      </a:lnTo>
                      <a:lnTo>
                        <a:pt x="179" y="65"/>
                      </a:lnTo>
                      <a:lnTo>
                        <a:pt x="177" y="56"/>
                      </a:lnTo>
                      <a:lnTo>
                        <a:pt x="172" y="48"/>
                      </a:lnTo>
                      <a:lnTo>
                        <a:pt x="168" y="40"/>
                      </a:lnTo>
                      <a:lnTo>
                        <a:pt x="162" y="34"/>
                      </a:lnTo>
                      <a:lnTo>
                        <a:pt x="157" y="27"/>
                      </a:lnTo>
                      <a:lnTo>
                        <a:pt x="150" y="21"/>
                      </a:lnTo>
                      <a:lnTo>
                        <a:pt x="143" y="16"/>
                      </a:lnTo>
                      <a:lnTo>
                        <a:pt x="136" y="11"/>
                      </a:lnTo>
                      <a:lnTo>
                        <a:pt x="128" y="7"/>
                      </a:lnTo>
                      <a:lnTo>
                        <a:pt x="119" y="5"/>
                      </a:lnTo>
                      <a:lnTo>
                        <a:pt x="110" y="2"/>
                      </a:lnTo>
                      <a:lnTo>
                        <a:pt x="101" y="0"/>
                      </a:lnTo>
                      <a:lnTo>
                        <a:pt x="92" y="0"/>
                      </a:lnTo>
                      <a:lnTo>
                        <a:pt x="82" y="0"/>
                      </a:lnTo>
                      <a:lnTo>
                        <a:pt x="73" y="2"/>
                      </a:lnTo>
                      <a:lnTo>
                        <a:pt x="65" y="5"/>
                      </a:lnTo>
                      <a:lnTo>
                        <a:pt x="57" y="7"/>
                      </a:lnTo>
                      <a:lnTo>
                        <a:pt x="49" y="11"/>
                      </a:lnTo>
                      <a:lnTo>
                        <a:pt x="41" y="16"/>
                      </a:lnTo>
                      <a:lnTo>
                        <a:pt x="34" y="21"/>
                      </a:lnTo>
                      <a:lnTo>
                        <a:pt x="28" y="27"/>
                      </a:lnTo>
                      <a:lnTo>
                        <a:pt x="21" y="34"/>
                      </a:lnTo>
                      <a:lnTo>
                        <a:pt x="16" y="40"/>
                      </a:lnTo>
                      <a:lnTo>
                        <a:pt x="11" y="48"/>
                      </a:lnTo>
                      <a:lnTo>
                        <a:pt x="8" y="56"/>
                      </a:lnTo>
                      <a:lnTo>
                        <a:pt x="5" y="65"/>
                      </a:lnTo>
                      <a:lnTo>
                        <a:pt x="2" y="73"/>
                      </a:lnTo>
                      <a:lnTo>
                        <a:pt x="1" y="82"/>
                      </a:lnTo>
                      <a:lnTo>
                        <a:pt x="0" y="91"/>
                      </a:lnTo>
                      <a:lnTo>
                        <a:pt x="1" y="101"/>
                      </a:lnTo>
                      <a:lnTo>
                        <a:pt x="2" y="110"/>
                      </a:lnTo>
                      <a:lnTo>
                        <a:pt x="5" y="119"/>
                      </a:lnTo>
                      <a:lnTo>
                        <a:pt x="8" y="127"/>
                      </a:lnTo>
                      <a:lnTo>
                        <a:pt x="11" y="134"/>
                      </a:lnTo>
                      <a:lnTo>
                        <a:pt x="16" y="142"/>
                      </a:lnTo>
                      <a:lnTo>
                        <a:pt x="21" y="150"/>
                      </a:lnTo>
                      <a:lnTo>
                        <a:pt x="28" y="156"/>
                      </a:lnTo>
                      <a:lnTo>
                        <a:pt x="34" y="162"/>
                      </a:lnTo>
                      <a:lnTo>
                        <a:pt x="41" y="168"/>
                      </a:lnTo>
                      <a:lnTo>
                        <a:pt x="49" y="172"/>
                      </a:lnTo>
                      <a:lnTo>
                        <a:pt x="57" y="176"/>
                      </a:lnTo>
                      <a:lnTo>
                        <a:pt x="65"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0" name="Freeform 132"/>
                <p:cNvSpPr>
                  <a:spLocks/>
                </p:cNvSpPr>
                <p:nvPr/>
              </p:nvSpPr>
              <p:spPr bwMode="auto">
                <a:xfrm>
                  <a:off x="11659003" y="3526787"/>
                  <a:ext cx="28575" cy="30163"/>
                </a:xfrm>
                <a:custGeom>
                  <a:avLst/>
                  <a:gdLst/>
                  <a:ahLst/>
                  <a:cxnLst>
                    <a:cxn ang="0">
                      <a:pos x="100" y="182"/>
                    </a:cxn>
                    <a:cxn ang="0">
                      <a:pos x="118" y="179"/>
                    </a:cxn>
                    <a:cxn ang="0">
                      <a:pos x="134"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4" y="11"/>
                    </a:cxn>
                    <a:cxn ang="0">
                      <a:pos x="118" y="5"/>
                    </a:cxn>
                    <a:cxn ang="0">
                      <a:pos x="100" y="0"/>
                    </a:cxn>
                    <a:cxn ang="0">
                      <a:pos x="81" y="0"/>
                    </a:cxn>
                    <a:cxn ang="0">
                      <a:pos x="63" y="5"/>
                    </a:cxn>
                    <a:cxn ang="0">
                      <a:pos x="48" y="11"/>
                    </a:cxn>
                    <a:cxn ang="0">
                      <a:pos x="32" y="21"/>
                    </a:cxn>
                    <a:cxn ang="0">
                      <a:pos x="20" y="34"/>
                    </a:cxn>
                    <a:cxn ang="0">
                      <a:pos x="10" y="48"/>
                    </a:cxn>
                    <a:cxn ang="0">
                      <a:pos x="4" y="65"/>
                    </a:cxn>
                    <a:cxn ang="0">
                      <a:pos x="0" y="82"/>
                    </a:cxn>
                    <a:cxn ang="0">
                      <a:pos x="0" y="101"/>
                    </a:cxn>
                    <a:cxn ang="0">
                      <a:pos x="4" y="119"/>
                    </a:cxn>
                    <a:cxn ang="0">
                      <a:pos x="10" y="134"/>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6"/>
                      </a:lnTo>
                      <a:lnTo>
                        <a:pt x="134" y="172"/>
                      </a:lnTo>
                      <a:lnTo>
                        <a:pt x="142" y="168"/>
                      </a:lnTo>
                      <a:lnTo>
                        <a:pt x="149" y="162"/>
                      </a:lnTo>
                      <a:lnTo>
                        <a:pt x="155" y="156"/>
                      </a:lnTo>
                      <a:lnTo>
                        <a:pt x="161" y="150"/>
                      </a:lnTo>
                      <a:lnTo>
                        <a:pt x="167"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7" y="40"/>
                      </a:lnTo>
                      <a:lnTo>
                        <a:pt x="161" y="34"/>
                      </a:lnTo>
                      <a:lnTo>
                        <a:pt x="155" y="27"/>
                      </a:lnTo>
                      <a:lnTo>
                        <a:pt x="149" y="21"/>
                      </a:lnTo>
                      <a:lnTo>
                        <a:pt x="142" y="16"/>
                      </a:lnTo>
                      <a:lnTo>
                        <a:pt x="134" y="11"/>
                      </a:lnTo>
                      <a:lnTo>
                        <a:pt x="127" y="7"/>
                      </a:lnTo>
                      <a:lnTo>
                        <a:pt x="118" y="5"/>
                      </a:lnTo>
                      <a:lnTo>
                        <a:pt x="109" y="2"/>
                      </a:lnTo>
                      <a:lnTo>
                        <a:pt x="100" y="0"/>
                      </a:lnTo>
                      <a:lnTo>
                        <a:pt x="91" y="0"/>
                      </a:lnTo>
                      <a:lnTo>
                        <a:pt x="81" y="0"/>
                      </a:lnTo>
                      <a:lnTo>
                        <a:pt x="72" y="2"/>
                      </a:lnTo>
                      <a:lnTo>
                        <a:pt x="63" y="5"/>
                      </a:lnTo>
                      <a:lnTo>
                        <a:pt x="56" y="7"/>
                      </a:lnTo>
                      <a:lnTo>
                        <a:pt x="48" y="11"/>
                      </a:lnTo>
                      <a:lnTo>
                        <a:pt x="40" y="16"/>
                      </a:lnTo>
                      <a:lnTo>
                        <a:pt x="32" y="21"/>
                      </a:lnTo>
                      <a:lnTo>
                        <a:pt x="27" y="27"/>
                      </a:lnTo>
                      <a:lnTo>
                        <a:pt x="20" y="34"/>
                      </a:lnTo>
                      <a:lnTo>
                        <a:pt x="16" y="40"/>
                      </a:lnTo>
                      <a:lnTo>
                        <a:pt x="10" y="48"/>
                      </a:lnTo>
                      <a:lnTo>
                        <a:pt x="7" y="56"/>
                      </a:lnTo>
                      <a:lnTo>
                        <a:pt x="4" y="65"/>
                      </a:lnTo>
                      <a:lnTo>
                        <a:pt x="1" y="73"/>
                      </a:lnTo>
                      <a:lnTo>
                        <a:pt x="0" y="82"/>
                      </a:lnTo>
                      <a:lnTo>
                        <a:pt x="0" y="91"/>
                      </a:lnTo>
                      <a:lnTo>
                        <a:pt x="0" y="101"/>
                      </a:lnTo>
                      <a:lnTo>
                        <a:pt x="1" y="110"/>
                      </a:lnTo>
                      <a:lnTo>
                        <a:pt x="4" y="119"/>
                      </a:lnTo>
                      <a:lnTo>
                        <a:pt x="7" y="127"/>
                      </a:lnTo>
                      <a:lnTo>
                        <a:pt x="10" y="134"/>
                      </a:lnTo>
                      <a:lnTo>
                        <a:pt x="16" y="142"/>
                      </a:lnTo>
                      <a:lnTo>
                        <a:pt x="20" y="150"/>
                      </a:lnTo>
                      <a:lnTo>
                        <a:pt x="27" y="156"/>
                      </a:lnTo>
                      <a:lnTo>
                        <a:pt x="32" y="162"/>
                      </a:lnTo>
                      <a:lnTo>
                        <a:pt x="40" y="168"/>
                      </a:lnTo>
                      <a:lnTo>
                        <a:pt x="48" y="172"/>
                      </a:lnTo>
                      <a:lnTo>
                        <a:pt x="56" y="176"/>
                      </a:lnTo>
                      <a:lnTo>
                        <a:pt x="63" y="179"/>
                      </a:lnTo>
                      <a:lnTo>
                        <a:pt x="72" y="181"/>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1" name="Freeform 133"/>
                <p:cNvSpPr>
                  <a:spLocks/>
                </p:cNvSpPr>
                <p:nvPr/>
              </p:nvSpPr>
              <p:spPr bwMode="auto">
                <a:xfrm>
                  <a:off x="11698690" y="3526787"/>
                  <a:ext cx="30163" cy="30163"/>
                </a:xfrm>
                <a:custGeom>
                  <a:avLst/>
                  <a:gdLst/>
                  <a:ahLst/>
                  <a:cxnLst>
                    <a:cxn ang="0">
                      <a:pos x="100" y="182"/>
                    </a:cxn>
                    <a:cxn ang="0">
                      <a:pos x="118" y="179"/>
                    </a:cxn>
                    <a:cxn ang="0">
                      <a:pos x="134" y="172"/>
                    </a:cxn>
                    <a:cxn ang="0">
                      <a:pos x="149" y="162"/>
                    </a:cxn>
                    <a:cxn ang="0">
                      <a:pos x="162" y="150"/>
                    </a:cxn>
                    <a:cxn ang="0">
                      <a:pos x="171" y="134"/>
                    </a:cxn>
                    <a:cxn ang="0">
                      <a:pos x="179" y="119"/>
                    </a:cxn>
                    <a:cxn ang="0">
                      <a:pos x="182" y="101"/>
                    </a:cxn>
                    <a:cxn ang="0">
                      <a:pos x="182" y="82"/>
                    </a:cxn>
                    <a:cxn ang="0">
                      <a:pos x="179" y="65"/>
                    </a:cxn>
                    <a:cxn ang="0">
                      <a:pos x="171" y="48"/>
                    </a:cxn>
                    <a:cxn ang="0">
                      <a:pos x="162" y="34"/>
                    </a:cxn>
                    <a:cxn ang="0">
                      <a:pos x="149" y="21"/>
                    </a:cxn>
                    <a:cxn ang="0">
                      <a:pos x="134" y="11"/>
                    </a:cxn>
                    <a:cxn ang="0">
                      <a:pos x="118" y="5"/>
                    </a:cxn>
                    <a:cxn ang="0">
                      <a:pos x="100" y="0"/>
                    </a:cxn>
                    <a:cxn ang="0">
                      <a:pos x="82" y="0"/>
                    </a:cxn>
                    <a:cxn ang="0">
                      <a:pos x="64" y="5"/>
                    </a:cxn>
                    <a:cxn ang="0">
                      <a:pos x="48" y="11"/>
                    </a:cxn>
                    <a:cxn ang="0">
                      <a:pos x="33" y="21"/>
                    </a:cxn>
                    <a:cxn ang="0">
                      <a:pos x="20" y="34"/>
                    </a:cxn>
                    <a:cxn ang="0">
                      <a:pos x="11" y="48"/>
                    </a:cxn>
                    <a:cxn ang="0">
                      <a:pos x="3" y="65"/>
                    </a:cxn>
                    <a:cxn ang="0">
                      <a:pos x="0" y="82"/>
                    </a:cxn>
                    <a:cxn ang="0">
                      <a:pos x="0" y="101"/>
                    </a:cxn>
                    <a:cxn ang="0">
                      <a:pos x="3" y="119"/>
                    </a:cxn>
                    <a:cxn ang="0">
                      <a:pos x="11" y="134"/>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6"/>
                      </a:lnTo>
                      <a:lnTo>
                        <a:pt x="134" y="172"/>
                      </a:lnTo>
                      <a:lnTo>
                        <a:pt x="142" y="168"/>
                      </a:lnTo>
                      <a:lnTo>
                        <a:pt x="149" y="162"/>
                      </a:lnTo>
                      <a:lnTo>
                        <a:pt x="155" y="156"/>
                      </a:lnTo>
                      <a:lnTo>
                        <a:pt x="162" y="150"/>
                      </a:lnTo>
                      <a:lnTo>
                        <a:pt x="166"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6" y="40"/>
                      </a:lnTo>
                      <a:lnTo>
                        <a:pt x="162" y="34"/>
                      </a:lnTo>
                      <a:lnTo>
                        <a:pt x="155" y="27"/>
                      </a:lnTo>
                      <a:lnTo>
                        <a:pt x="149" y="21"/>
                      </a:lnTo>
                      <a:lnTo>
                        <a:pt x="142" y="16"/>
                      </a:lnTo>
                      <a:lnTo>
                        <a:pt x="134" y="11"/>
                      </a:lnTo>
                      <a:lnTo>
                        <a:pt x="126" y="7"/>
                      </a:lnTo>
                      <a:lnTo>
                        <a:pt x="118" y="5"/>
                      </a:lnTo>
                      <a:lnTo>
                        <a:pt x="110" y="2"/>
                      </a:lnTo>
                      <a:lnTo>
                        <a:pt x="100" y="0"/>
                      </a:lnTo>
                      <a:lnTo>
                        <a:pt x="91" y="0"/>
                      </a:lnTo>
                      <a:lnTo>
                        <a:pt x="82" y="0"/>
                      </a:lnTo>
                      <a:lnTo>
                        <a:pt x="72" y="2"/>
                      </a:lnTo>
                      <a:lnTo>
                        <a:pt x="64" y="5"/>
                      </a:lnTo>
                      <a:lnTo>
                        <a:pt x="55" y="7"/>
                      </a:lnTo>
                      <a:lnTo>
                        <a:pt x="48" y="11"/>
                      </a:lnTo>
                      <a:lnTo>
                        <a:pt x="40" y="16"/>
                      </a:lnTo>
                      <a:lnTo>
                        <a:pt x="33" y="21"/>
                      </a:lnTo>
                      <a:lnTo>
                        <a:pt x="27" y="27"/>
                      </a:lnTo>
                      <a:lnTo>
                        <a:pt x="20" y="34"/>
                      </a:lnTo>
                      <a:lnTo>
                        <a:pt x="16" y="40"/>
                      </a:lnTo>
                      <a:lnTo>
                        <a:pt x="11" y="48"/>
                      </a:lnTo>
                      <a:lnTo>
                        <a:pt x="7" y="56"/>
                      </a:lnTo>
                      <a:lnTo>
                        <a:pt x="3" y="65"/>
                      </a:lnTo>
                      <a:lnTo>
                        <a:pt x="1" y="73"/>
                      </a:lnTo>
                      <a:lnTo>
                        <a:pt x="0" y="82"/>
                      </a:lnTo>
                      <a:lnTo>
                        <a:pt x="0" y="91"/>
                      </a:lnTo>
                      <a:lnTo>
                        <a:pt x="0" y="101"/>
                      </a:lnTo>
                      <a:lnTo>
                        <a:pt x="1" y="110"/>
                      </a:lnTo>
                      <a:lnTo>
                        <a:pt x="3" y="119"/>
                      </a:lnTo>
                      <a:lnTo>
                        <a:pt x="7" y="127"/>
                      </a:lnTo>
                      <a:lnTo>
                        <a:pt x="11" y="134"/>
                      </a:lnTo>
                      <a:lnTo>
                        <a:pt x="16" y="142"/>
                      </a:lnTo>
                      <a:lnTo>
                        <a:pt x="20" y="150"/>
                      </a:lnTo>
                      <a:lnTo>
                        <a:pt x="27" y="156"/>
                      </a:lnTo>
                      <a:lnTo>
                        <a:pt x="33" y="162"/>
                      </a:lnTo>
                      <a:lnTo>
                        <a:pt x="40" y="168"/>
                      </a:lnTo>
                      <a:lnTo>
                        <a:pt x="48" y="172"/>
                      </a:lnTo>
                      <a:lnTo>
                        <a:pt x="55" y="176"/>
                      </a:lnTo>
                      <a:lnTo>
                        <a:pt x="64" y="179"/>
                      </a:lnTo>
                      <a:lnTo>
                        <a:pt x="72"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2" name="Freeform 134"/>
                <p:cNvSpPr>
                  <a:spLocks/>
                </p:cNvSpPr>
                <p:nvPr/>
              </p:nvSpPr>
              <p:spPr bwMode="auto">
                <a:xfrm>
                  <a:off x="11739965" y="3526787"/>
                  <a:ext cx="28575" cy="30163"/>
                </a:xfrm>
                <a:custGeom>
                  <a:avLst/>
                  <a:gdLst/>
                  <a:ahLst/>
                  <a:cxnLst>
                    <a:cxn ang="0">
                      <a:pos x="101" y="182"/>
                    </a:cxn>
                    <a:cxn ang="0">
                      <a:pos x="118" y="179"/>
                    </a:cxn>
                    <a:cxn ang="0">
                      <a:pos x="134" y="172"/>
                    </a:cxn>
                    <a:cxn ang="0">
                      <a:pos x="148" y="162"/>
                    </a:cxn>
                    <a:cxn ang="0">
                      <a:pos x="162" y="150"/>
                    </a:cxn>
                    <a:cxn ang="0">
                      <a:pos x="172" y="134"/>
                    </a:cxn>
                    <a:cxn ang="0">
                      <a:pos x="178" y="119"/>
                    </a:cxn>
                    <a:cxn ang="0">
                      <a:pos x="182" y="101"/>
                    </a:cxn>
                    <a:cxn ang="0">
                      <a:pos x="182" y="82"/>
                    </a:cxn>
                    <a:cxn ang="0">
                      <a:pos x="178" y="65"/>
                    </a:cxn>
                    <a:cxn ang="0">
                      <a:pos x="172" y="48"/>
                    </a:cxn>
                    <a:cxn ang="0">
                      <a:pos x="162" y="34"/>
                    </a:cxn>
                    <a:cxn ang="0">
                      <a:pos x="148" y="21"/>
                    </a:cxn>
                    <a:cxn ang="0">
                      <a:pos x="134" y="11"/>
                    </a:cxn>
                    <a:cxn ang="0">
                      <a:pos x="118" y="5"/>
                    </a:cxn>
                    <a:cxn ang="0">
                      <a:pos x="101" y="0"/>
                    </a:cxn>
                    <a:cxn ang="0">
                      <a:pos x="82" y="0"/>
                    </a:cxn>
                    <a:cxn ang="0">
                      <a:pos x="64" y="5"/>
                    </a:cxn>
                    <a:cxn ang="0">
                      <a:pos x="48" y="11"/>
                    </a:cxn>
                    <a:cxn ang="0">
                      <a:pos x="33" y="21"/>
                    </a:cxn>
                    <a:cxn ang="0">
                      <a:pos x="21" y="34"/>
                    </a:cxn>
                    <a:cxn ang="0">
                      <a:pos x="11" y="48"/>
                    </a:cxn>
                    <a:cxn ang="0">
                      <a:pos x="3" y="65"/>
                    </a:cxn>
                    <a:cxn ang="0">
                      <a:pos x="0" y="82"/>
                    </a:cxn>
                    <a:cxn ang="0">
                      <a:pos x="0" y="101"/>
                    </a:cxn>
                    <a:cxn ang="0">
                      <a:pos x="3"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6"/>
                      </a:lnTo>
                      <a:lnTo>
                        <a:pt x="134" y="172"/>
                      </a:lnTo>
                      <a:lnTo>
                        <a:pt x="142" y="168"/>
                      </a:lnTo>
                      <a:lnTo>
                        <a:pt x="148" y="162"/>
                      </a:lnTo>
                      <a:lnTo>
                        <a:pt x="155" y="156"/>
                      </a:lnTo>
                      <a:lnTo>
                        <a:pt x="162" y="150"/>
                      </a:lnTo>
                      <a:lnTo>
                        <a:pt x="166"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6" y="40"/>
                      </a:lnTo>
                      <a:lnTo>
                        <a:pt x="162" y="34"/>
                      </a:lnTo>
                      <a:lnTo>
                        <a:pt x="155" y="27"/>
                      </a:lnTo>
                      <a:lnTo>
                        <a:pt x="148" y="21"/>
                      </a:lnTo>
                      <a:lnTo>
                        <a:pt x="142" y="16"/>
                      </a:lnTo>
                      <a:lnTo>
                        <a:pt x="134" y="11"/>
                      </a:lnTo>
                      <a:lnTo>
                        <a:pt x="126" y="7"/>
                      </a:lnTo>
                      <a:lnTo>
                        <a:pt x="118" y="5"/>
                      </a:lnTo>
                      <a:lnTo>
                        <a:pt x="110" y="2"/>
                      </a:lnTo>
                      <a:lnTo>
                        <a:pt x="101" y="0"/>
                      </a:lnTo>
                      <a:lnTo>
                        <a:pt x="91"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6" y="56"/>
                      </a:lnTo>
                      <a:lnTo>
                        <a:pt x="3" y="65"/>
                      </a:lnTo>
                      <a:lnTo>
                        <a:pt x="1" y="73"/>
                      </a:lnTo>
                      <a:lnTo>
                        <a:pt x="0" y="82"/>
                      </a:lnTo>
                      <a:lnTo>
                        <a:pt x="0" y="91"/>
                      </a:lnTo>
                      <a:lnTo>
                        <a:pt x="0" y="101"/>
                      </a:lnTo>
                      <a:lnTo>
                        <a:pt x="1" y="110"/>
                      </a:lnTo>
                      <a:lnTo>
                        <a:pt x="3" y="119"/>
                      </a:lnTo>
                      <a:lnTo>
                        <a:pt x="6"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3" name="Freeform 135"/>
                <p:cNvSpPr>
                  <a:spLocks/>
                </p:cNvSpPr>
                <p:nvPr/>
              </p:nvSpPr>
              <p:spPr bwMode="auto">
                <a:xfrm>
                  <a:off x="11779653" y="3526787"/>
                  <a:ext cx="28575" cy="30163"/>
                </a:xfrm>
                <a:custGeom>
                  <a:avLst/>
                  <a:gdLst/>
                  <a:ahLst/>
                  <a:cxnLst>
                    <a:cxn ang="0">
                      <a:pos x="101" y="182"/>
                    </a:cxn>
                    <a:cxn ang="0">
                      <a:pos x="118" y="179"/>
                    </a:cxn>
                    <a:cxn ang="0">
                      <a:pos x="134" y="172"/>
                    </a:cxn>
                    <a:cxn ang="0">
                      <a:pos x="149" y="162"/>
                    </a:cxn>
                    <a:cxn ang="0">
                      <a:pos x="162" y="150"/>
                    </a:cxn>
                    <a:cxn ang="0">
                      <a:pos x="172" y="134"/>
                    </a:cxn>
                    <a:cxn ang="0">
                      <a:pos x="178" y="119"/>
                    </a:cxn>
                    <a:cxn ang="0">
                      <a:pos x="182" y="101"/>
                    </a:cxn>
                    <a:cxn ang="0">
                      <a:pos x="182" y="82"/>
                    </a:cxn>
                    <a:cxn ang="0">
                      <a:pos x="178" y="65"/>
                    </a:cxn>
                    <a:cxn ang="0">
                      <a:pos x="172" y="48"/>
                    </a:cxn>
                    <a:cxn ang="0">
                      <a:pos x="162" y="34"/>
                    </a:cxn>
                    <a:cxn ang="0">
                      <a:pos x="149" y="21"/>
                    </a:cxn>
                    <a:cxn ang="0">
                      <a:pos x="134" y="11"/>
                    </a:cxn>
                    <a:cxn ang="0">
                      <a:pos x="118" y="5"/>
                    </a:cxn>
                    <a:cxn ang="0">
                      <a:pos x="101" y="0"/>
                    </a:cxn>
                    <a:cxn ang="0">
                      <a:pos x="82" y="0"/>
                    </a:cxn>
                    <a:cxn ang="0">
                      <a:pos x="64" y="5"/>
                    </a:cxn>
                    <a:cxn ang="0">
                      <a:pos x="47"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6"/>
                      </a:lnTo>
                      <a:lnTo>
                        <a:pt x="134" y="172"/>
                      </a:lnTo>
                      <a:lnTo>
                        <a:pt x="142" y="168"/>
                      </a:lnTo>
                      <a:lnTo>
                        <a:pt x="149" y="162"/>
                      </a:lnTo>
                      <a:lnTo>
                        <a:pt x="156" y="156"/>
                      </a:lnTo>
                      <a:lnTo>
                        <a:pt x="162" y="150"/>
                      </a:lnTo>
                      <a:lnTo>
                        <a:pt x="167" y="142"/>
                      </a:lnTo>
                      <a:lnTo>
                        <a:pt x="172" y="134"/>
                      </a:lnTo>
                      <a:lnTo>
                        <a:pt x="175" y="127"/>
                      </a:lnTo>
                      <a:lnTo>
                        <a:pt x="178" y="119"/>
                      </a:lnTo>
                      <a:lnTo>
                        <a:pt x="180" y="110"/>
                      </a:lnTo>
                      <a:lnTo>
                        <a:pt x="182" y="101"/>
                      </a:lnTo>
                      <a:lnTo>
                        <a:pt x="183" y="91"/>
                      </a:lnTo>
                      <a:lnTo>
                        <a:pt x="182" y="82"/>
                      </a:lnTo>
                      <a:lnTo>
                        <a:pt x="180" y="73"/>
                      </a:lnTo>
                      <a:lnTo>
                        <a:pt x="178" y="65"/>
                      </a:lnTo>
                      <a:lnTo>
                        <a:pt x="175" y="56"/>
                      </a:lnTo>
                      <a:lnTo>
                        <a:pt x="172" y="48"/>
                      </a:lnTo>
                      <a:lnTo>
                        <a:pt x="167" y="40"/>
                      </a:lnTo>
                      <a:lnTo>
                        <a:pt x="162" y="34"/>
                      </a:lnTo>
                      <a:lnTo>
                        <a:pt x="156" y="27"/>
                      </a:lnTo>
                      <a:lnTo>
                        <a:pt x="149" y="21"/>
                      </a:lnTo>
                      <a:lnTo>
                        <a:pt x="142" y="16"/>
                      </a:lnTo>
                      <a:lnTo>
                        <a:pt x="134" y="11"/>
                      </a:lnTo>
                      <a:lnTo>
                        <a:pt x="126" y="7"/>
                      </a:lnTo>
                      <a:lnTo>
                        <a:pt x="118" y="5"/>
                      </a:lnTo>
                      <a:lnTo>
                        <a:pt x="109" y="2"/>
                      </a:lnTo>
                      <a:lnTo>
                        <a:pt x="101" y="0"/>
                      </a:lnTo>
                      <a:lnTo>
                        <a:pt x="91" y="0"/>
                      </a:lnTo>
                      <a:lnTo>
                        <a:pt x="82" y="0"/>
                      </a:lnTo>
                      <a:lnTo>
                        <a:pt x="73" y="2"/>
                      </a:lnTo>
                      <a:lnTo>
                        <a:pt x="64" y="5"/>
                      </a:lnTo>
                      <a:lnTo>
                        <a:pt x="55" y="7"/>
                      </a:lnTo>
                      <a:lnTo>
                        <a:pt x="47" y="11"/>
                      </a:lnTo>
                      <a:lnTo>
                        <a:pt x="40" y="16"/>
                      </a:lnTo>
                      <a:lnTo>
                        <a:pt x="33" y="21"/>
                      </a:lnTo>
                      <a:lnTo>
                        <a:pt x="26" y="27"/>
                      </a:lnTo>
                      <a:lnTo>
                        <a:pt x="21" y="34"/>
                      </a:lnTo>
                      <a:lnTo>
                        <a:pt x="15" y="40"/>
                      </a:lnTo>
                      <a:lnTo>
                        <a:pt x="11" y="48"/>
                      </a:lnTo>
                      <a:lnTo>
                        <a:pt x="6" y="56"/>
                      </a:lnTo>
                      <a:lnTo>
                        <a:pt x="4" y="65"/>
                      </a:lnTo>
                      <a:lnTo>
                        <a:pt x="2" y="73"/>
                      </a:lnTo>
                      <a:lnTo>
                        <a:pt x="0" y="82"/>
                      </a:lnTo>
                      <a:lnTo>
                        <a:pt x="0" y="91"/>
                      </a:lnTo>
                      <a:lnTo>
                        <a:pt x="0" y="101"/>
                      </a:lnTo>
                      <a:lnTo>
                        <a:pt x="2" y="110"/>
                      </a:lnTo>
                      <a:lnTo>
                        <a:pt x="4" y="119"/>
                      </a:lnTo>
                      <a:lnTo>
                        <a:pt x="6" y="127"/>
                      </a:lnTo>
                      <a:lnTo>
                        <a:pt x="11" y="134"/>
                      </a:lnTo>
                      <a:lnTo>
                        <a:pt x="15" y="142"/>
                      </a:lnTo>
                      <a:lnTo>
                        <a:pt x="21" y="150"/>
                      </a:lnTo>
                      <a:lnTo>
                        <a:pt x="26" y="156"/>
                      </a:lnTo>
                      <a:lnTo>
                        <a:pt x="33" y="162"/>
                      </a:lnTo>
                      <a:lnTo>
                        <a:pt x="40" y="168"/>
                      </a:lnTo>
                      <a:lnTo>
                        <a:pt x="47"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4" name="Freeform 136"/>
                <p:cNvSpPr>
                  <a:spLocks/>
                </p:cNvSpPr>
                <p:nvPr/>
              </p:nvSpPr>
              <p:spPr bwMode="auto">
                <a:xfrm>
                  <a:off x="12235265" y="2586987"/>
                  <a:ext cx="203200" cy="34925"/>
                </a:xfrm>
                <a:custGeom>
                  <a:avLst/>
                  <a:gdLst/>
                  <a:ahLst/>
                  <a:cxnLst>
                    <a:cxn ang="0">
                      <a:pos x="1170" y="0"/>
                    </a:cxn>
                    <a:cxn ang="0">
                      <a:pos x="1192" y="2"/>
                    </a:cxn>
                    <a:cxn ang="0">
                      <a:pos x="1212" y="8"/>
                    </a:cxn>
                    <a:cxn ang="0">
                      <a:pos x="1231" y="18"/>
                    </a:cxn>
                    <a:cxn ang="0">
                      <a:pos x="1246" y="32"/>
                    </a:cxn>
                    <a:cxn ang="0">
                      <a:pos x="1259" y="47"/>
                    </a:cxn>
                    <a:cxn ang="0">
                      <a:pos x="1271" y="66"/>
                    </a:cxn>
                    <a:cxn ang="0">
                      <a:pos x="1276" y="87"/>
                    </a:cxn>
                    <a:cxn ang="0">
                      <a:pos x="1278" y="108"/>
                    </a:cxn>
                    <a:cxn ang="0">
                      <a:pos x="1276" y="131"/>
                    </a:cxn>
                    <a:cxn ang="0">
                      <a:pos x="1271" y="150"/>
                    </a:cxn>
                    <a:cxn ang="0">
                      <a:pos x="1259" y="169"/>
                    </a:cxn>
                    <a:cxn ang="0">
                      <a:pos x="1246" y="186"/>
                    </a:cxn>
                    <a:cxn ang="0">
                      <a:pos x="1231" y="199"/>
                    </a:cxn>
                    <a:cxn ang="0">
                      <a:pos x="1212" y="209"/>
                    </a:cxn>
                    <a:cxn ang="0">
                      <a:pos x="1192" y="215"/>
                    </a:cxn>
                    <a:cxn ang="0">
                      <a:pos x="1170" y="217"/>
                    </a:cxn>
                    <a:cxn ang="0">
                      <a:pos x="97" y="217"/>
                    </a:cxn>
                    <a:cxn ang="0">
                      <a:pos x="76" y="213"/>
                    </a:cxn>
                    <a:cxn ang="0">
                      <a:pos x="56" y="205"/>
                    </a:cxn>
                    <a:cxn ang="0">
                      <a:pos x="40" y="193"/>
                    </a:cxn>
                    <a:cxn ang="0">
                      <a:pos x="24" y="178"/>
                    </a:cxn>
                    <a:cxn ang="0">
                      <a:pos x="13" y="160"/>
                    </a:cxn>
                    <a:cxn ang="0">
                      <a:pos x="4" y="141"/>
                    </a:cxn>
                    <a:cxn ang="0">
                      <a:pos x="0" y="119"/>
                    </a:cxn>
                    <a:cxn ang="0">
                      <a:pos x="0" y="97"/>
                    </a:cxn>
                    <a:cxn ang="0">
                      <a:pos x="4" y="76"/>
                    </a:cxn>
                    <a:cxn ang="0">
                      <a:pos x="13" y="57"/>
                    </a:cxn>
                    <a:cxn ang="0">
                      <a:pos x="24" y="40"/>
                    </a:cxn>
                    <a:cxn ang="0">
                      <a:pos x="40" y="25"/>
                    </a:cxn>
                    <a:cxn ang="0">
                      <a:pos x="56" y="13"/>
                    </a:cxn>
                    <a:cxn ang="0">
                      <a:pos x="76" y="4"/>
                    </a:cxn>
                    <a:cxn ang="0">
                      <a:pos x="97" y="1"/>
                    </a:cxn>
                  </a:cxnLst>
                  <a:rect l="0" t="0" r="r" b="b"/>
                  <a:pathLst>
                    <a:path w="1278" h="217">
                      <a:moveTo>
                        <a:pt x="108" y="0"/>
                      </a:moveTo>
                      <a:lnTo>
                        <a:pt x="1170" y="0"/>
                      </a:lnTo>
                      <a:lnTo>
                        <a:pt x="1181" y="1"/>
                      </a:lnTo>
                      <a:lnTo>
                        <a:pt x="1192" y="2"/>
                      </a:lnTo>
                      <a:lnTo>
                        <a:pt x="1202" y="4"/>
                      </a:lnTo>
                      <a:lnTo>
                        <a:pt x="1212" y="8"/>
                      </a:lnTo>
                      <a:lnTo>
                        <a:pt x="1222" y="13"/>
                      </a:lnTo>
                      <a:lnTo>
                        <a:pt x="1231" y="18"/>
                      </a:lnTo>
                      <a:lnTo>
                        <a:pt x="1238" y="25"/>
                      </a:lnTo>
                      <a:lnTo>
                        <a:pt x="1246" y="32"/>
                      </a:lnTo>
                      <a:lnTo>
                        <a:pt x="1254" y="40"/>
                      </a:lnTo>
                      <a:lnTo>
                        <a:pt x="1259" y="47"/>
                      </a:lnTo>
                      <a:lnTo>
                        <a:pt x="1265" y="57"/>
                      </a:lnTo>
                      <a:lnTo>
                        <a:pt x="1271" y="66"/>
                      </a:lnTo>
                      <a:lnTo>
                        <a:pt x="1274" y="76"/>
                      </a:lnTo>
                      <a:lnTo>
                        <a:pt x="1276" y="87"/>
                      </a:lnTo>
                      <a:lnTo>
                        <a:pt x="1278" y="97"/>
                      </a:lnTo>
                      <a:lnTo>
                        <a:pt x="1278" y="108"/>
                      </a:lnTo>
                      <a:lnTo>
                        <a:pt x="1278" y="119"/>
                      </a:lnTo>
                      <a:lnTo>
                        <a:pt x="1276" y="131"/>
                      </a:lnTo>
                      <a:lnTo>
                        <a:pt x="1274" y="141"/>
                      </a:lnTo>
                      <a:lnTo>
                        <a:pt x="1271" y="150"/>
                      </a:lnTo>
                      <a:lnTo>
                        <a:pt x="1265" y="160"/>
                      </a:lnTo>
                      <a:lnTo>
                        <a:pt x="1259" y="169"/>
                      </a:lnTo>
                      <a:lnTo>
                        <a:pt x="1254" y="178"/>
                      </a:lnTo>
                      <a:lnTo>
                        <a:pt x="1246" y="186"/>
                      </a:lnTo>
                      <a:lnTo>
                        <a:pt x="1238" y="193"/>
                      </a:lnTo>
                      <a:lnTo>
                        <a:pt x="1231" y="199"/>
                      </a:lnTo>
                      <a:lnTo>
                        <a:pt x="1222" y="205"/>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5"/>
                      </a:lnTo>
                      <a:lnTo>
                        <a:pt x="47" y="199"/>
                      </a:lnTo>
                      <a:lnTo>
                        <a:pt x="40" y="193"/>
                      </a:lnTo>
                      <a:lnTo>
                        <a:pt x="32" y="186"/>
                      </a:lnTo>
                      <a:lnTo>
                        <a:pt x="24" y="178"/>
                      </a:lnTo>
                      <a:lnTo>
                        <a:pt x="19" y="169"/>
                      </a:lnTo>
                      <a:lnTo>
                        <a:pt x="13" y="160"/>
                      </a:lnTo>
                      <a:lnTo>
                        <a:pt x="9" y="150"/>
                      </a:lnTo>
                      <a:lnTo>
                        <a:pt x="4" y="141"/>
                      </a:lnTo>
                      <a:lnTo>
                        <a:pt x="2" y="131"/>
                      </a:lnTo>
                      <a:lnTo>
                        <a:pt x="0" y="119"/>
                      </a:lnTo>
                      <a:lnTo>
                        <a:pt x="0" y="108"/>
                      </a:lnTo>
                      <a:lnTo>
                        <a:pt x="0" y="97"/>
                      </a:lnTo>
                      <a:lnTo>
                        <a:pt x="2" y="87"/>
                      </a:lnTo>
                      <a:lnTo>
                        <a:pt x="4" y="76"/>
                      </a:lnTo>
                      <a:lnTo>
                        <a:pt x="9" y="66"/>
                      </a:lnTo>
                      <a:lnTo>
                        <a:pt x="13" y="57"/>
                      </a:lnTo>
                      <a:lnTo>
                        <a:pt x="19" y="47"/>
                      </a:lnTo>
                      <a:lnTo>
                        <a:pt x="24" y="40"/>
                      </a:lnTo>
                      <a:lnTo>
                        <a:pt x="32" y="32"/>
                      </a:lnTo>
                      <a:lnTo>
                        <a:pt x="40"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5" name="Freeform 137"/>
                <p:cNvSpPr>
                  <a:spLocks/>
                </p:cNvSpPr>
                <p:nvPr/>
              </p:nvSpPr>
              <p:spPr bwMode="auto">
                <a:xfrm>
                  <a:off x="11619315" y="2588574"/>
                  <a:ext cx="28575" cy="28575"/>
                </a:xfrm>
                <a:custGeom>
                  <a:avLst/>
                  <a:gdLst/>
                  <a:ahLst/>
                  <a:cxnLst>
                    <a:cxn ang="0">
                      <a:pos x="101" y="183"/>
                    </a:cxn>
                    <a:cxn ang="0">
                      <a:pos x="119" y="179"/>
                    </a:cxn>
                    <a:cxn ang="0">
                      <a:pos x="136" y="172"/>
                    </a:cxn>
                    <a:cxn ang="0">
                      <a:pos x="150" y="162"/>
                    </a:cxn>
                    <a:cxn ang="0">
                      <a:pos x="162" y="150"/>
                    </a:cxn>
                    <a:cxn ang="0">
                      <a:pos x="172" y="136"/>
                    </a:cxn>
                    <a:cxn ang="0">
                      <a:pos x="179" y="119"/>
                    </a:cxn>
                    <a:cxn ang="0">
                      <a:pos x="183" y="101"/>
                    </a:cxn>
                    <a:cxn ang="0">
                      <a:pos x="183" y="82"/>
                    </a:cxn>
                    <a:cxn ang="0">
                      <a:pos x="179" y="65"/>
                    </a:cxn>
                    <a:cxn ang="0">
                      <a:pos x="172" y="49"/>
                    </a:cxn>
                    <a:cxn ang="0">
                      <a:pos x="162" y="34"/>
                    </a:cxn>
                    <a:cxn ang="0">
                      <a:pos x="150" y="21"/>
                    </a:cxn>
                    <a:cxn ang="0">
                      <a:pos x="136" y="11"/>
                    </a:cxn>
                    <a:cxn ang="0">
                      <a:pos x="119" y="5"/>
                    </a:cxn>
                    <a:cxn ang="0">
                      <a:pos x="101" y="1"/>
                    </a:cxn>
                    <a:cxn ang="0">
                      <a:pos x="82" y="1"/>
                    </a:cxn>
                    <a:cxn ang="0">
                      <a:pos x="65" y="5"/>
                    </a:cxn>
                    <a:cxn ang="0">
                      <a:pos x="49" y="11"/>
                    </a:cxn>
                    <a:cxn ang="0">
                      <a:pos x="34" y="21"/>
                    </a:cxn>
                    <a:cxn ang="0">
                      <a:pos x="21" y="34"/>
                    </a:cxn>
                    <a:cxn ang="0">
                      <a:pos x="11" y="49"/>
                    </a:cxn>
                    <a:cxn ang="0">
                      <a:pos x="5" y="65"/>
                    </a:cxn>
                    <a:cxn ang="0">
                      <a:pos x="1" y="82"/>
                    </a:cxn>
                    <a:cxn ang="0">
                      <a:pos x="1" y="101"/>
                    </a:cxn>
                    <a:cxn ang="0">
                      <a:pos x="5" y="119"/>
                    </a:cxn>
                    <a:cxn ang="0">
                      <a:pos x="11" y="136"/>
                    </a:cxn>
                    <a:cxn ang="0">
                      <a:pos x="21" y="150"/>
                    </a:cxn>
                    <a:cxn ang="0">
                      <a:pos x="34" y="162"/>
                    </a:cxn>
                    <a:cxn ang="0">
                      <a:pos x="49" y="172"/>
                    </a:cxn>
                    <a:cxn ang="0">
                      <a:pos x="65" y="179"/>
                    </a:cxn>
                    <a:cxn ang="0">
                      <a:pos x="82" y="183"/>
                    </a:cxn>
                  </a:cxnLst>
                  <a:rect l="0" t="0" r="r" b="b"/>
                  <a:pathLst>
                    <a:path w="183" h="183">
                      <a:moveTo>
                        <a:pt x="92" y="183"/>
                      </a:moveTo>
                      <a:lnTo>
                        <a:pt x="101" y="183"/>
                      </a:lnTo>
                      <a:lnTo>
                        <a:pt x="110" y="181"/>
                      </a:lnTo>
                      <a:lnTo>
                        <a:pt x="119" y="179"/>
                      </a:lnTo>
                      <a:lnTo>
                        <a:pt x="128" y="177"/>
                      </a:lnTo>
                      <a:lnTo>
                        <a:pt x="136" y="172"/>
                      </a:lnTo>
                      <a:lnTo>
                        <a:pt x="143" y="168"/>
                      </a:lnTo>
                      <a:lnTo>
                        <a:pt x="150" y="162"/>
                      </a:lnTo>
                      <a:lnTo>
                        <a:pt x="157" y="157"/>
                      </a:lnTo>
                      <a:lnTo>
                        <a:pt x="162" y="150"/>
                      </a:lnTo>
                      <a:lnTo>
                        <a:pt x="168" y="143"/>
                      </a:lnTo>
                      <a:lnTo>
                        <a:pt x="172" y="136"/>
                      </a:lnTo>
                      <a:lnTo>
                        <a:pt x="177" y="128"/>
                      </a:lnTo>
                      <a:lnTo>
                        <a:pt x="179" y="119"/>
                      </a:lnTo>
                      <a:lnTo>
                        <a:pt x="181" y="110"/>
                      </a:lnTo>
                      <a:lnTo>
                        <a:pt x="183" y="101"/>
                      </a:lnTo>
                      <a:lnTo>
                        <a:pt x="183" y="92"/>
                      </a:lnTo>
                      <a:lnTo>
                        <a:pt x="183" y="82"/>
                      </a:lnTo>
                      <a:lnTo>
                        <a:pt x="181" y="73"/>
                      </a:lnTo>
                      <a:lnTo>
                        <a:pt x="179" y="65"/>
                      </a:lnTo>
                      <a:lnTo>
                        <a:pt x="177" y="57"/>
                      </a:lnTo>
                      <a:lnTo>
                        <a:pt x="172" y="49"/>
                      </a:lnTo>
                      <a:lnTo>
                        <a:pt x="168" y="41"/>
                      </a:lnTo>
                      <a:lnTo>
                        <a:pt x="162" y="34"/>
                      </a:lnTo>
                      <a:lnTo>
                        <a:pt x="157" y="28"/>
                      </a:lnTo>
                      <a:lnTo>
                        <a:pt x="150" y="21"/>
                      </a:lnTo>
                      <a:lnTo>
                        <a:pt x="143" y="16"/>
                      </a:lnTo>
                      <a:lnTo>
                        <a:pt x="136" y="11"/>
                      </a:lnTo>
                      <a:lnTo>
                        <a:pt x="128" y="8"/>
                      </a:lnTo>
                      <a:lnTo>
                        <a:pt x="119" y="5"/>
                      </a:lnTo>
                      <a:lnTo>
                        <a:pt x="110" y="2"/>
                      </a:lnTo>
                      <a:lnTo>
                        <a:pt x="101" y="1"/>
                      </a:lnTo>
                      <a:lnTo>
                        <a:pt x="92" y="0"/>
                      </a:lnTo>
                      <a:lnTo>
                        <a:pt x="82" y="1"/>
                      </a:lnTo>
                      <a:lnTo>
                        <a:pt x="73" y="2"/>
                      </a:lnTo>
                      <a:lnTo>
                        <a:pt x="65" y="5"/>
                      </a:lnTo>
                      <a:lnTo>
                        <a:pt x="57" y="8"/>
                      </a:lnTo>
                      <a:lnTo>
                        <a:pt x="49" y="11"/>
                      </a:lnTo>
                      <a:lnTo>
                        <a:pt x="41" y="16"/>
                      </a:lnTo>
                      <a:lnTo>
                        <a:pt x="34" y="21"/>
                      </a:lnTo>
                      <a:lnTo>
                        <a:pt x="28" y="28"/>
                      </a:lnTo>
                      <a:lnTo>
                        <a:pt x="21" y="34"/>
                      </a:lnTo>
                      <a:lnTo>
                        <a:pt x="16" y="41"/>
                      </a:lnTo>
                      <a:lnTo>
                        <a:pt x="11" y="49"/>
                      </a:lnTo>
                      <a:lnTo>
                        <a:pt x="8" y="57"/>
                      </a:lnTo>
                      <a:lnTo>
                        <a:pt x="5" y="65"/>
                      </a:lnTo>
                      <a:lnTo>
                        <a:pt x="2" y="73"/>
                      </a:lnTo>
                      <a:lnTo>
                        <a:pt x="1" y="82"/>
                      </a:lnTo>
                      <a:lnTo>
                        <a:pt x="0" y="92"/>
                      </a:lnTo>
                      <a:lnTo>
                        <a:pt x="1" y="101"/>
                      </a:lnTo>
                      <a:lnTo>
                        <a:pt x="2" y="110"/>
                      </a:lnTo>
                      <a:lnTo>
                        <a:pt x="5" y="119"/>
                      </a:lnTo>
                      <a:lnTo>
                        <a:pt x="8" y="128"/>
                      </a:lnTo>
                      <a:lnTo>
                        <a:pt x="11" y="136"/>
                      </a:lnTo>
                      <a:lnTo>
                        <a:pt x="16" y="143"/>
                      </a:lnTo>
                      <a:lnTo>
                        <a:pt x="21" y="150"/>
                      </a:lnTo>
                      <a:lnTo>
                        <a:pt x="28" y="157"/>
                      </a:lnTo>
                      <a:lnTo>
                        <a:pt x="34" y="162"/>
                      </a:lnTo>
                      <a:lnTo>
                        <a:pt x="41" y="168"/>
                      </a:lnTo>
                      <a:lnTo>
                        <a:pt x="49" y="172"/>
                      </a:lnTo>
                      <a:lnTo>
                        <a:pt x="57" y="177"/>
                      </a:lnTo>
                      <a:lnTo>
                        <a:pt x="65"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6" name="Freeform 138"/>
                <p:cNvSpPr>
                  <a:spLocks/>
                </p:cNvSpPr>
                <p:nvPr/>
              </p:nvSpPr>
              <p:spPr bwMode="auto">
                <a:xfrm>
                  <a:off x="11659003" y="2588574"/>
                  <a:ext cx="28575" cy="28575"/>
                </a:xfrm>
                <a:custGeom>
                  <a:avLst/>
                  <a:gdLst/>
                  <a:ahLst/>
                  <a:cxnLst>
                    <a:cxn ang="0">
                      <a:pos x="100" y="183"/>
                    </a:cxn>
                    <a:cxn ang="0">
                      <a:pos x="118" y="179"/>
                    </a:cxn>
                    <a:cxn ang="0">
                      <a:pos x="134"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4" y="11"/>
                    </a:cxn>
                    <a:cxn ang="0">
                      <a:pos x="118" y="5"/>
                    </a:cxn>
                    <a:cxn ang="0">
                      <a:pos x="100" y="1"/>
                    </a:cxn>
                    <a:cxn ang="0">
                      <a:pos x="81" y="1"/>
                    </a:cxn>
                    <a:cxn ang="0">
                      <a:pos x="63" y="5"/>
                    </a:cxn>
                    <a:cxn ang="0">
                      <a:pos x="48" y="11"/>
                    </a:cxn>
                    <a:cxn ang="0">
                      <a:pos x="32" y="21"/>
                    </a:cxn>
                    <a:cxn ang="0">
                      <a:pos x="20" y="34"/>
                    </a:cxn>
                    <a:cxn ang="0">
                      <a:pos x="10" y="49"/>
                    </a:cxn>
                    <a:cxn ang="0">
                      <a:pos x="4" y="65"/>
                    </a:cxn>
                    <a:cxn ang="0">
                      <a:pos x="0" y="82"/>
                    </a:cxn>
                    <a:cxn ang="0">
                      <a:pos x="0" y="101"/>
                    </a:cxn>
                    <a:cxn ang="0">
                      <a:pos x="4" y="119"/>
                    </a:cxn>
                    <a:cxn ang="0">
                      <a:pos x="10" y="136"/>
                    </a:cxn>
                    <a:cxn ang="0">
                      <a:pos x="20" y="150"/>
                    </a:cxn>
                    <a:cxn ang="0">
                      <a:pos x="32" y="162"/>
                    </a:cxn>
                    <a:cxn ang="0">
                      <a:pos x="48" y="172"/>
                    </a:cxn>
                    <a:cxn ang="0">
                      <a:pos x="63" y="179"/>
                    </a:cxn>
                    <a:cxn ang="0">
                      <a:pos x="81" y="183"/>
                    </a:cxn>
                  </a:cxnLst>
                  <a:rect l="0" t="0" r="r" b="b"/>
                  <a:pathLst>
                    <a:path w="182" h="183">
                      <a:moveTo>
                        <a:pt x="91" y="183"/>
                      </a:moveTo>
                      <a:lnTo>
                        <a:pt x="100" y="183"/>
                      </a:lnTo>
                      <a:lnTo>
                        <a:pt x="109" y="181"/>
                      </a:lnTo>
                      <a:lnTo>
                        <a:pt x="118" y="179"/>
                      </a:lnTo>
                      <a:lnTo>
                        <a:pt x="127" y="177"/>
                      </a:lnTo>
                      <a:lnTo>
                        <a:pt x="134" y="172"/>
                      </a:lnTo>
                      <a:lnTo>
                        <a:pt x="142" y="168"/>
                      </a:lnTo>
                      <a:lnTo>
                        <a:pt x="149" y="162"/>
                      </a:lnTo>
                      <a:lnTo>
                        <a:pt x="155" y="157"/>
                      </a:lnTo>
                      <a:lnTo>
                        <a:pt x="161" y="150"/>
                      </a:lnTo>
                      <a:lnTo>
                        <a:pt x="167"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7" y="41"/>
                      </a:lnTo>
                      <a:lnTo>
                        <a:pt x="161" y="34"/>
                      </a:lnTo>
                      <a:lnTo>
                        <a:pt x="155" y="28"/>
                      </a:lnTo>
                      <a:lnTo>
                        <a:pt x="149" y="21"/>
                      </a:lnTo>
                      <a:lnTo>
                        <a:pt x="142" y="16"/>
                      </a:lnTo>
                      <a:lnTo>
                        <a:pt x="134" y="11"/>
                      </a:lnTo>
                      <a:lnTo>
                        <a:pt x="127" y="8"/>
                      </a:lnTo>
                      <a:lnTo>
                        <a:pt x="118" y="5"/>
                      </a:lnTo>
                      <a:lnTo>
                        <a:pt x="109" y="2"/>
                      </a:lnTo>
                      <a:lnTo>
                        <a:pt x="100" y="1"/>
                      </a:lnTo>
                      <a:lnTo>
                        <a:pt x="91" y="0"/>
                      </a:lnTo>
                      <a:lnTo>
                        <a:pt x="81" y="1"/>
                      </a:lnTo>
                      <a:lnTo>
                        <a:pt x="72" y="2"/>
                      </a:lnTo>
                      <a:lnTo>
                        <a:pt x="63" y="5"/>
                      </a:lnTo>
                      <a:lnTo>
                        <a:pt x="56" y="8"/>
                      </a:lnTo>
                      <a:lnTo>
                        <a:pt x="48" y="11"/>
                      </a:lnTo>
                      <a:lnTo>
                        <a:pt x="40" y="16"/>
                      </a:lnTo>
                      <a:lnTo>
                        <a:pt x="32" y="21"/>
                      </a:lnTo>
                      <a:lnTo>
                        <a:pt x="27" y="28"/>
                      </a:lnTo>
                      <a:lnTo>
                        <a:pt x="20" y="34"/>
                      </a:lnTo>
                      <a:lnTo>
                        <a:pt x="16" y="41"/>
                      </a:lnTo>
                      <a:lnTo>
                        <a:pt x="10" y="49"/>
                      </a:lnTo>
                      <a:lnTo>
                        <a:pt x="7" y="57"/>
                      </a:lnTo>
                      <a:lnTo>
                        <a:pt x="4" y="65"/>
                      </a:lnTo>
                      <a:lnTo>
                        <a:pt x="1" y="73"/>
                      </a:lnTo>
                      <a:lnTo>
                        <a:pt x="0" y="82"/>
                      </a:lnTo>
                      <a:lnTo>
                        <a:pt x="0" y="92"/>
                      </a:lnTo>
                      <a:lnTo>
                        <a:pt x="0" y="101"/>
                      </a:lnTo>
                      <a:lnTo>
                        <a:pt x="1" y="110"/>
                      </a:lnTo>
                      <a:lnTo>
                        <a:pt x="4" y="119"/>
                      </a:lnTo>
                      <a:lnTo>
                        <a:pt x="7" y="128"/>
                      </a:lnTo>
                      <a:lnTo>
                        <a:pt x="10" y="136"/>
                      </a:lnTo>
                      <a:lnTo>
                        <a:pt x="16" y="143"/>
                      </a:lnTo>
                      <a:lnTo>
                        <a:pt x="20" y="150"/>
                      </a:lnTo>
                      <a:lnTo>
                        <a:pt x="27" y="157"/>
                      </a:lnTo>
                      <a:lnTo>
                        <a:pt x="32" y="162"/>
                      </a:lnTo>
                      <a:lnTo>
                        <a:pt x="40" y="168"/>
                      </a:lnTo>
                      <a:lnTo>
                        <a:pt x="48" y="172"/>
                      </a:lnTo>
                      <a:lnTo>
                        <a:pt x="56" y="177"/>
                      </a:lnTo>
                      <a:lnTo>
                        <a:pt x="63" y="179"/>
                      </a:lnTo>
                      <a:lnTo>
                        <a:pt x="72" y="181"/>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7" name="Freeform 139"/>
                <p:cNvSpPr>
                  <a:spLocks/>
                </p:cNvSpPr>
                <p:nvPr/>
              </p:nvSpPr>
              <p:spPr bwMode="auto">
                <a:xfrm>
                  <a:off x="11698690" y="2588574"/>
                  <a:ext cx="30163" cy="28575"/>
                </a:xfrm>
                <a:custGeom>
                  <a:avLst/>
                  <a:gdLst/>
                  <a:ahLst/>
                  <a:cxnLst>
                    <a:cxn ang="0">
                      <a:pos x="100" y="183"/>
                    </a:cxn>
                    <a:cxn ang="0">
                      <a:pos x="118" y="179"/>
                    </a:cxn>
                    <a:cxn ang="0">
                      <a:pos x="134" y="172"/>
                    </a:cxn>
                    <a:cxn ang="0">
                      <a:pos x="149" y="162"/>
                    </a:cxn>
                    <a:cxn ang="0">
                      <a:pos x="162" y="150"/>
                    </a:cxn>
                    <a:cxn ang="0">
                      <a:pos x="171" y="136"/>
                    </a:cxn>
                    <a:cxn ang="0">
                      <a:pos x="179" y="119"/>
                    </a:cxn>
                    <a:cxn ang="0">
                      <a:pos x="182" y="101"/>
                    </a:cxn>
                    <a:cxn ang="0">
                      <a:pos x="182" y="82"/>
                    </a:cxn>
                    <a:cxn ang="0">
                      <a:pos x="179" y="65"/>
                    </a:cxn>
                    <a:cxn ang="0">
                      <a:pos x="171" y="49"/>
                    </a:cxn>
                    <a:cxn ang="0">
                      <a:pos x="162" y="34"/>
                    </a:cxn>
                    <a:cxn ang="0">
                      <a:pos x="149" y="21"/>
                    </a:cxn>
                    <a:cxn ang="0">
                      <a:pos x="134" y="11"/>
                    </a:cxn>
                    <a:cxn ang="0">
                      <a:pos x="118" y="5"/>
                    </a:cxn>
                    <a:cxn ang="0">
                      <a:pos x="100" y="1"/>
                    </a:cxn>
                    <a:cxn ang="0">
                      <a:pos x="82" y="1"/>
                    </a:cxn>
                    <a:cxn ang="0">
                      <a:pos x="64" y="5"/>
                    </a:cxn>
                    <a:cxn ang="0">
                      <a:pos x="48" y="11"/>
                    </a:cxn>
                    <a:cxn ang="0">
                      <a:pos x="33" y="21"/>
                    </a:cxn>
                    <a:cxn ang="0">
                      <a:pos x="20" y="34"/>
                    </a:cxn>
                    <a:cxn ang="0">
                      <a:pos x="11" y="49"/>
                    </a:cxn>
                    <a:cxn ang="0">
                      <a:pos x="3" y="65"/>
                    </a:cxn>
                    <a:cxn ang="0">
                      <a:pos x="0" y="82"/>
                    </a:cxn>
                    <a:cxn ang="0">
                      <a:pos x="0" y="101"/>
                    </a:cxn>
                    <a:cxn ang="0">
                      <a:pos x="3" y="119"/>
                    </a:cxn>
                    <a:cxn ang="0">
                      <a:pos x="11" y="136"/>
                    </a:cxn>
                    <a:cxn ang="0">
                      <a:pos x="20" y="150"/>
                    </a:cxn>
                    <a:cxn ang="0">
                      <a:pos x="33" y="162"/>
                    </a:cxn>
                    <a:cxn ang="0">
                      <a:pos x="48" y="172"/>
                    </a:cxn>
                    <a:cxn ang="0">
                      <a:pos x="64" y="179"/>
                    </a:cxn>
                    <a:cxn ang="0">
                      <a:pos x="82" y="183"/>
                    </a:cxn>
                  </a:cxnLst>
                  <a:rect l="0" t="0" r="r" b="b"/>
                  <a:pathLst>
                    <a:path w="182" h="183">
                      <a:moveTo>
                        <a:pt x="91" y="183"/>
                      </a:moveTo>
                      <a:lnTo>
                        <a:pt x="100" y="183"/>
                      </a:lnTo>
                      <a:lnTo>
                        <a:pt x="110" y="181"/>
                      </a:lnTo>
                      <a:lnTo>
                        <a:pt x="118" y="179"/>
                      </a:lnTo>
                      <a:lnTo>
                        <a:pt x="126" y="177"/>
                      </a:lnTo>
                      <a:lnTo>
                        <a:pt x="134" y="172"/>
                      </a:lnTo>
                      <a:lnTo>
                        <a:pt x="142" y="168"/>
                      </a:lnTo>
                      <a:lnTo>
                        <a:pt x="149" y="162"/>
                      </a:lnTo>
                      <a:lnTo>
                        <a:pt x="155" y="157"/>
                      </a:lnTo>
                      <a:lnTo>
                        <a:pt x="162" y="150"/>
                      </a:lnTo>
                      <a:lnTo>
                        <a:pt x="166"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6" y="41"/>
                      </a:lnTo>
                      <a:lnTo>
                        <a:pt x="162" y="34"/>
                      </a:lnTo>
                      <a:lnTo>
                        <a:pt x="155" y="28"/>
                      </a:lnTo>
                      <a:lnTo>
                        <a:pt x="149" y="21"/>
                      </a:lnTo>
                      <a:lnTo>
                        <a:pt x="142" y="16"/>
                      </a:lnTo>
                      <a:lnTo>
                        <a:pt x="134" y="11"/>
                      </a:lnTo>
                      <a:lnTo>
                        <a:pt x="126" y="8"/>
                      </a:lnTo>
                      <a:lnTo>
                        <a:pt x="118" y="5"/>
                      </a:lnTo>
                      <a:lnTo>
                        <a:pt x="110" y="2"/>
                      </a:lnTo>
                      <a:lnTo>
                        <a:pt x="100" y="1"/>
                      </a:lnTo>
                      <a:lnTo>
                        <a:pt x="91" y="0"/>
                      </a:lnTo>
                      <a:lnTo>
                        <a:pt x="82" y="1"/>
                      </a:lnTo>
                      <a:lnTo>
                        <a:pt x="72" y="2"/>
                      </a:lnTo>
                      <a:lnTo>
                        <a:pt x="64" y="5"/>
                      </a:lnTo>
                      <a:lnTo>
                        <a:pt x="55" y="8"/>
                      </a:lnTo>
                      <a:lnTo>
                        <a:pt x="48" y="11"/>
                      </a:lnTo>
                      <a:lnTo>
                        <a:pt x="40" y="16"/>
                      </a:lnTo>
                      <a:lnTo>
                        <a:pt x="33" y="21"/>
                      </a:lnTo>
                      <a:lnTo>
                        <a:pt x="27" y="28"/>
                      </a:lnTo>
                      <a:lnTo>
                        <a:pt x="20" y="34"/>
                      </a:lnTo>
                      <a:lnTo>
                        <a:pt x="16" y="41"/>
                      </a:lnTo>
                      <a:lnTo>
                        <a:pt x="11" y="49"/>
                      </a:lnTo>
                      <a:lnTo>
                        <a:pt x="7" y="57"/>
                      </a:lnTo>
                      <a:lnTo>
                        <a:pt x="3" y="65"/>
                      </a:lnTo>
                      <a:lnTo>
                        <a:pt x="1" y="73"/>
                      </a:lnTo>
                      <a:lnTo>
                        <a:pt x="0" y="82"/>
                      </a:lnTo>
                      <a:lnTo>
                        <a:pt x="0" y="92"/>
                      </a:lnTo>
                      <a:lnTo>
                        <a:pt x="0" y="101"/>
                      </a:lnTo>
                      <a:lnTo>
                        <a:pt x="1" y="110"/>
                      </a:lnTo>
                      <a:lnTo>
                        <a:pt x="3" y="119"/>
                      </a:lnTo>
                      <a:lnTo>
                        <a:pt x="7" y="128"/>
                      </a:lnTo>
                      <a:lnTo>
                        <a:pt x="11" y="136"/>
                      </a:lnTo>
                      <a:lnTo>
                        <a:pt x="16" y="143"/>
                      </a:lnTo>
                      <a:lnTo>
                        <a:pt x="20" y="150"/>
                      </a:lnTo>
                      <a:lnTo>
                        <a:pt x="27" y="157"/>
                      </a:lnTo>
                      <a:lnTo>
                        <a:pt x="33" y="162"/>
                      </a:lnTo>
                      <a:lnTo>
                        <a:pt x="40" y="168"/>
                      </a:lnTo>
                      <a:lnTo>
                        <a:pt x="48" y="172"/>
                      </a:lnTo>
                      <a:lnTo>
                        <a:pt x="55" y="177"/>
                      </a:lnTo>
                      <a:lnTo>
                        <a:pt x="64" y="179"/>
                      </a:lnTo>
                      <a:lnTo>
                        <a:pt x="72"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8" name="Freeform 140"/>
                <p:cNvSpPr>
                  <a:spLocks/>
                </p:cNvSpPr>
                <p:nvPr/>
              </p:nvSpPr>
              <p:spPr bwMode="auto">
                <a:xfrm>
                  <a:off x="11739965" y="2588574"/>
                  <a:ext cx="28575" cy="28575"/>
                </a:xfrm>
                <a:custGeom>
                  <a:avLst/>
                  <a:gdLst/>
                  <a:ahLst/>
                  <a:cxnLst>
                    <a:cxn ang="0">
                      <a:pos x="101" y="183"/>
                    </a:cxn>
                    <a:cxn ang="0">
                      <a:pos x="118" y="179"/>
                    </a:cxn>
                    <a:cxn ang="0">
                      <a:pos x="134" y="172"/>
                    </a:cxn>
                    <a:cxn ang="0">
                      <a:pos x="148" y="162"/>
                    </a:cxn>
                    <a:cxn ang="0">
                      <a:pos x="162" y="150"/>
                    </a:cxn>
                    <a:cxn ang="0">
                      <a:pos x="172" y="136"/>
                    </a:cxn>
                    <a:cxn ang="0">
                      <a:pos x="178" y="119"/>
                    </a:cxn>
                    <a:cxn ang="0">
                      <a:pos x="182" y="101"/>
                    </a:cxn>
                    <a:cxn ang="0">
                      <a:pos x="182" y="82"/>
                    </a:cxn>
                    <a:cxn ang="0">
                      <a:pos x="178" y="65"/>
                    </a:cxn>
                    <a:cxn ang="0">
                      <a:pos x="172" y="49"/>
                    </a:cxn>
                    <a:cxn ang="0">
                      <a:pos x="162" y="34"/>
                    </a:cxn>
                    <a:cxn ang="0">
                      <a:pos x="148" y="21"/>
                    </a:cxn>
                    <a:cxn ang="0">
                      <a:pos x="134" y="11"/>
                    </a:cxn>
                    <a:cxn ang="0">
                      <a:pos x="118" y="5"/>
                    </a:cxn>
                    <a:cxn ang="0">
                      <a:pos x="101" y="1"/>
                    </a:cxn>
                    <a:cxn ang="0">
                      <a:pos x="82" y="1"/>
                    </a:cxn>
                    <a:cxn ang="0">
                      <a:pos x="64" y="5"/>
                    </a:cxn>
                    <a:cxn ang="0">
                      <a:pos x="48" y="11"/>
                    </a:cxn>
                    <a:cxn ang="0">
                      <a:pos x="33" y="21"/>
                    </a:cxn>
                    <a:cxn ang="0">
                      <a:pos x="21" y="34"/>
                    </a:cxn>
                    <a:cxn ang="0">
                      <a:pos x="11" y="49"/>
                    </a:cxn>
                    <a:cxn ang="0">
                      <a:pos x="3" y="65"/>
                    </a:cxn>
                    <a:cxn ang="0">
                      <a:pos x="0" y="82"/>
                    </a:cxn>
                    <a:cxn ang="0">
                      <a:pos x="0" y="101"/>
                    </a:cxn>
                    <a:cxn ang="0">
                      <a:pos x="3"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8" y="179"/>
                      </a:lnTo>
                      <a:lnTo>
                        <a:pt x="126" y="177"/>
                      </a:lnTo>
                      <a:lnTo>
                        <a:pt x="134" y="172"/>
                      </a:lnTo>
                      <a:lnTo>
                        <a:pt x="142" y="168"/>
                      </a:lnTo>
                      <a:lnTo>
                        <a:pt x="148" y="162"/>
                      </a:lnTo>
                      <a:lnTo>
                        <a:pt x="155" y="157"/>
                      </a:lnTo>
                      <a:lnTo>
                        <a:pt x="162" y="150"/>
                      </a:lnTo>
                      <a:lnTo>
                        <a:pt x="166"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6" y="41"/>
                      </a:lnTo>
                      <a:lnTo>
                        <a:pt x="162" y="34"/>
                      </a:lnTo>
                      <a:lnTo>
                        <a:pt x="155" y="28"/>
                      </a:lnTo>
                      <a:lnTo>
                        <a:pt x="148" y="21"/>
                      </a:lnTo>
                      <a:lnTo>
                        <a:pt x="142" y="16"/>
                      </a:lnTo>
                      <a:lnTo>
                        <a:pt x="134" y="11"/>
                      </a:lnTo>
                      <a:lnTo>
                        <a:pt x="126" y="8"/>
                      </a:lnTo>
                      <a:lnTo>
                        <a:pt x="118" y="5"/>
                      </a:lnTo>
                      <a:lnTo>
                        <a:pt x="110" y="2"/>
                      </a:lnTo>
                      <a:lnTo>
                        <a:pt x="101" y="1"/>
                      </a:lnTo>
                      <a:lnTo>
                        <a:pt x="91"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6" y="57"/>
                      </a:lnTo>
                      <a:lnTo>
                        <a:pt x="3" y="65"/>
                      </a:lnTo>
                      <a:lnTo>
                        <a:pt x="1" y="73"/>
                      </a:lnTo>
                      <a:lnTo>
                        <a:pt x="0" y="82"/>
                      </a:lnTo>
                      <a:lnTo>
                        <a:pt x="0" y="92"/>
                      </a:lnTo>
                      <a:lnTo>
                        <a:pt x="0" y="101"/>
                      </a:lnTo>
                      <a:lnTo>
                        <a:pt x="1" y="110"/>
                      </a:lnTo>
                      <a:lnTo>
                        <a:pt x="3" y="119"/>
                      </a:lnTo>
                      <a:lnTo>
                        <a:pt x="6"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09" name="Freeform 141"/>
                <p:cNvSpPr>
                  <a:spLocks/>
                </p:cNvSpPr>
                <p:nvPr/>
              </p:nvSpPr>
              <p:spPr bwMode="auto">
                <a:xfrm>
                  <a:off x="11779653" y="2588574"/>
                  <a:ext cx="28575" cy="28575"/>
                </a:xfrm>
                <a:custGeom>
                  <a:avLst/>
                  <a:gdLst/>
                  <a:ahLst/>
                  <a:cxnLst>
                    <a:cxn ang="0">
                      <a:pos x="101" y="183"/>
                    </a:cxn>
                    <a:cxn ang="0">
                      <a:pos x="118" y="179"/>
                    </a:cxn>
                    <a:cxn ang="0">
                      <a:pos x="134" y="172"/>
                    </a:cxn>
                    <a:cxn ang="0">
                      <a:pos x="149" y="162"/>
                    </a:cxn>
                    <a:cxn ang="0">
                      <a:pos x="162" y="150"/>
                    </a:cxn>
                    <a:cxn ang="0">
                      <a:pos x="172" y="136"/>
                    </a:cxn>
                    <a:cxn ang="0">
                      <a:pos x="178" y="119"/>
                    </a:cxn>
                    <a:cxn ang="0">
                      <a:pos x="182" y="101"/>
                    </a:cxn>
                    <a:cxn ang="0">
                      <a:pos x="182" y="82"/>
                    </a:cxn>
                    <a:cxn ang="0">
                      <a:pos x="178" y="65"/>
                    </a:cxn>
                    <a:cxn ang="0">
                      <a:pos x="172" y="49"/>
                    </a:cxn>
                    <a:cxn ang="0">
                      <a:pos x="162" y="34"/>
                    </a:cxn>
                    <a:cxn ang="0">
                      <a:pos x="149" y="21"/>
                    </a:cxn>
                    <a:cxn ang="0">
                      <a:pos x="134" y="11"/>
                    </a:cxn>
                    <a:cxn ang="0">
                      <a:pos x="118" y="5"/>
                    </a:cxn>
                    <a:cxn ang="0">
                      <a:pos x="101" y="1"/>
                    </a:cxn>
                    <a:cxn ang="0">
                      <a:pos x="82" y="1"/>
                    </a:cxn>
                    <a:cxn ang="0">
                      <a:pos x="64" y="5"/>
                    </a:cxn>
                    <a:cxn ang="0">
                      <a:pos x="47"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7" y="172"/>
                    </a:cxn>
                    <a:cxn ang="0">
                      <a:pos x="64" y="179"/>
                    </a:cxn>
                    <a:cxn ang="0">
                      <a:pos x="82" y="183"/>
                    </a:cxn>
                  </a:cxnLst>
                  <a:rect l="0" t="0" r="r" b="b"/>
                  <a:pathLst>
                    <a:path w="183" h="183">
                      <a:moveTo>
                        <a:pt x="91" y="183"/>
                      </a:moveTo>
                      <a:lnTo>
                        <a:pt x="101" y="183"/>
                      </a:lnTo>
                      <a:lnTo>
                        <a:pt x="109" y="181"/>
                      </a:lnTo>
                      <a:lnTo>
                        <a:pt x="118" y="179"/>
                      </a:lnTo>
                      <a:lnTo>
                        <a:pt x="126" y="177"/>
                      </a:lnTo>
                      <a:lnTo>
                        <a:pt x="134" y="172"/>
                      </a:lnTo>
                      <a:lnTo>
                        <a:pt x="142" y="168"/>
                      </a:lnTo>
                      <a:lnTo>
                        <a:pt x="149" y="162"/>
                      </a:lnTo>
                      <a:lnTo>
                        <a:pt x="156" y="157"/>
                      </a:lnTo>
                      <a:lnTo>
                        <a:pt x="162" y="150"/>
                      </a:lnTo>
                      <a:lnTo>
                        <a:pt x="167" y="143"/>
                      </a:lnTo>
                      <a:lnTo>
                        <a:pt x="172" y="136"/>
                      </a:lnTo>
                      <a:lnTo>
                        <a:pt x="175" y="128"/>
                      </a:lnTo>
                      <a:lnTo>
                        <a:pt x="178" y="119"/>
                      </a:lnTo>
                      <a:lnTo>
                        <a:pt x="180" y="110"/>
                      </a:lnTo>
                      <a:lnTo>
                        <a:pt x="182" y="101"/>
                      </a:lnTo>
                      <a:lnTo>
                        <a:pt x="183" y="92"/>
                      </a:lnTo>
                      <a:lnTo>
                        <a:pt x="182" y="82"/>
                      </a:lnTo>
                      <a:lnTo>
                        <a:pt x="180" y="73"/>
                      </a:lnTo>
                      <a:lnTo>
                        <a:pt x="178" y="65"/>
                      </a:lnTo>
                      <a:lnTo>
                        <a:pt x="175" y="57"/>
                      </a:lnTo>
                      <a:lnTo>
                        <a:pt x="172" y="49"/>
                      </a:lnTo>
                      <a:lnTo>
                        <a:pt x="167" y="41"/>
                      </a:lnTo>
                      <a:lnTo>
                        <a:pt x="162" y="34"/>
                      </a:lnTo>
                      <a:lnTo>
                        <a:pt x="156" y="28"/>
                      </a:lnTo>
                      <a:lnTo>
                        <a:pt x="149" y="21"/>
                      </a:lnTo>
                      <a:lnTo>
                        <a:pt x="142" y="16"/>
                      </a:lnTo>
                      <a:lnTo>
                        <a:pt x="134" y="11"/>
                      </a:lnTo>
                      <a:lnTo>
                        <a:pt x="126" y="8"/>
                      </a:lnTo>
                      <a:lnTo>
                        <a:pt x="118" y="5"/>
                      </a:lnTo>
                      <a:lnTo>
                        <a:pt x="109" y="2"/>
                      </a:lnTo>
                      <a:lnTo>
                        <a:pt x="101" y="1"/>
                      </a:lnTo>
                      <a:lnTo>
                        <a:pt x="91" y="0"/>
                      </a:lnTo>
                      <a:lnTo>
                        <a:pt x="82" y="1"/>
                      </a:lnTo>
                      <a:lnTo>
                        <a:pt x="73" y="2"/>
                      </a:lnTo>
                      <a:lnTo>
                        <a:pt x="64" y="5"/>
                      </a:lnTo>
                      <a:lnTo>
                        <a:pt x="55" y="8"/>
                      </a:lnTo>
                      <a:lnTo>
                        <a:pt x="47" y="11"/>
                      </a:lnTo>
                      <a:lnTo>
                        <a:pt x="40" y="16"/>
                      </a:lnTo>
                      <a:lnTo>
                        <a:pt x="33" y="21"/>
                      </a:lnTo>
                      <a:lnTo>
                        <a:pt x="26" y="28"/>
                      </a:lnTo>
                      <a:lnTo>
                        <a:pt x="21" y="34"/>
                      </a:lnTo>
                      <a:lnTo>
                        <a:pt x="15" y="41"/>
                      </a:lnTo>
                      <a:lnTo>
                        <a:pt x="11" y="49"/>
                      </a:lnTo>
                      <a:lnTo>
                        <a:pt x="6" y="57"/>
                      </a:lnTo>
                      <a:lnTo>
                        <a:pt x="4" y="65"/>
                      </a:lnTo>
                      <a:lnTo>
                        <a:pt x="2" y="73"/>
                      </a:lnTo>
                      <a:lnTo>
                        <a:pt x="0" y="82"/>
                      </a:lnTo>
                      <a:lnTo>
                        <a:pt x="0" y="92"/>
                      </a:lnTo>
                      <a:lnTo>
                        <a:pt x="0" y="101"/>
                      </a:lnTo>
                      <a:lnTo>
                        <a:pt x="2" y="110"/>
                      </a:lnTo>
                      <a:lnTo>
                        <a:pt x="4" y="119"/>
                      </a:lnTo>
                      <a:lnTo>
                        <a:pt x="6" y="128"/>
                      </a:lnTo>
                      <a:lnTo>
                        <a:pt x="11" y="136"/>
                      </a:lnTo>
                      <a:lnTo>
                        <a:pt x="15" y="143"/>
                      </a:lnTo>
                      <a:lnTo>
                        <a:pt x="21" y="150"/>
                      </a:lnTo>
                      <a:lnTo>
                        <a:pt x="26" y="157"/>
                      </a:lnTo>
                      <a:lnTo>
                        <a:pt x="33" y="162"/>
                      </a:lnTo>
                      <a:lnTo>
                        <a:pt x="40" y="168"/>
                      </a:lnTo>
                      <a:lnTo>
                        <a:pt x="47"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sp>
              <p:nvSpPr>
                <p:cNvPr id="1010" name="Freeform 142"/>
                <p:cNvSpPr>
                  <a:spLocks noEditPoints="1"/>
                </p:cNvSpPr>
                <p:nvPr/>
              </p:nvSpPr>
              <p:spPr bwMode="auto">
                <a:xfrm>
                  <a:off x="11451040" y="1826574"/>
                  <a:ext cx="1163638" cy="2817813"/>
                </a:xfrm>
                <a:custGeom>
                  <a:avLst/>
                  <a:gdLst/>
                  <a:ahLst/>
                  <a:cxnLst>
                    <a:cxn ang="0">
                      <a:pos x="7278" y="17716"/>
                    </a:cxn>
                    <a:cxn ang="0">
                      <a:pos x="8" y="108"/>
                    </a:cxn>
                    <a:cxn ang="0">
                      <a:pos x="6789" y="11256"/>
                    </a:cxn>
                    <a:cxn ang="0">
                      <a:pos x="6875" y="12138"/>
                    </a:cxn>
                    <a:cxn ang="0">
                      <a:pos x="664" y="12286"/>
                    </a:cxn>
                    <a:cxn ang="0">
                      <a:pos x="438" y="12054"/>
                    </a:cxn>
                    <a:cxn ang="0">
                      <a:pos x="626" y="11218"/>
                    </a:cxn>
                    <a:cxn ang="0">
                      <a:pos x="6850" y="10134"/>
                    </a:cxn>
                    <a:cxn ang="0">
                      <a:pos x="6826" y="11025"/>
                    </a:cxn>
                    <a:cxn ang="0">
                      <a:pos x="578" y="11077"/>
                    </a:cxn>
                    <a:cxn ang="0">
                      <a:pos x="446" y="10211"/>
                    </a:cxn>
                    <a:cxn ang="0">
                      <a:pos x="705" y="8842"/>
                    </a:cxn>
                    <a:cxn ang="0">
                      <a:pos x="6887" y="9028"/>
                    </a:cxn>
                    <a:cxn ang="0">
                      <a:pos x="6755" y="9895"/>
                    </a:cxn>
                    <a:cxn ang="0">
                      <a:pos x="507" y="9842"/>
                    </a:cxn>
                    <a:cxn ang="0">
                      <a:pos x="484" y="8952"/>
                    </a:cxn>
                    <a:cxn ang="0">
                      <a:pos x="6708" y="7670"/>
                    </a:cxn>
                    <a:cxn ang="0">
                      <a:pos x="6895" y="8507"/>
                    </a:cxn>
                    <a:cxn ang="0">
                      <a:pos x="6669" y="8739"/>
                    </a:cxn>
                    <a:cxn ang="0">
                      <a:pos x="459" y="8590"/>
                    </a:cxn>
                    <a:cxn ang="0">
                      <a:pos x="546" y="7709"/>
                    </a:cxn>
                    <a:cxn ang="0">
                      <a:pos x="6789" y="6526"/>
                    </a:cxn>
                    <a:cxn ang="0">
                      <a:pos x="6875" y="7407"/>
                    </a:cxn>
                    <a:cxn ang="0">
                      <a:pos x="664" y="7556"/>
                    </a:cxn>
                    <a:cxn ang="0">
                      <a:pos x="438" y="7324"/>
                    </a:cxn>
                    <a:cxn ang="0">
                      <a:pos x="626" y="6488"/>
                    </a:cxn>
                    <a:cxn ang="0">
                      <a:pos x="6850" y="5404"/>
                    </a:cxn>
                    <a:cxn ang="0">
                      <a:pos x="6826" y="6296"/>
                    </a:cxn>
                    <a:cxn ang="0">
                      <a:pos x="578" y="6347"/>
                    </a:cxn>
                    <a:cxn ang="0">
                      <a:pos x="446" y="5480"/>
                    </a:cxn>
                    <a:cxn ang="0">
                      <a:pos x="705" y="4111"/>
                    </a:cxn>
                    <a:cxn ang="0">
                      <a:pos x="6887" y="4298"/>
                    </a:cxn>
                    <a:cxn ang="0">
                      <a:pos x="6755" y="5164"/>
                    </a:cxn>
                    <a:cxn ang="0">
                      <a:pos x="507" y="5113"/>
                    </a:cxn>
                    <a:cxn ang="0">
                      <a:pos x="484" y="4221"/>
                    </a:cxn>
                    <a:cxn ang="0">
                      <a:pos x="3868" y="13193"/>
                    </a:cxn>
                    <a:cxn ang="0">
                      <a:pos x="4227" y="13800"/>
                    </a:cxn>
                    <a:cxn ang="0">
                      <a:pos x="3706" y="14270"/>
                    </a:cxn>
                    <a:cxn ang="0">
                      <a:pos x="3139" y="13854"/>
                    </a:cxn>
                    <a:cxn ang="0">
                      <a:pos x="3438" y="13214"/>
                    </a:cxn>
                    <a:cxn ang="0">
                      <a:pos x="5725" y="15090"/>
                    </a:cxn>
                    <a:cxn ang="0">
                      <a:pos x="1625" y="15153"/>
                    </a:cxn>
                    <a:cxn ang="0">
                      <a:pos x="5640" y="15449"/>
                    </a:cxn>
                    <a:cxn ang="0">
                      <a:pos x="5600" y="15705"/>
                    </a:cxn>
                    <a:cxn ang="0">
                      <a:pos x="1659" y="15469"/>
                    </a:cxn>
                    <a:cxn ang="0">
                      <a:pos x="5723" y="16082"/>
                    </a:cxn>
                    <a:cxn ang="0">
                      <a:pos x="1615" y="16095"/>
                    </a:cxn>
                    <a:cxn ang="0">
                      <a:pos x="6708" y="2941"/>
                    </a:cxn>
                    <a:cxn ang="0">
                      <a:pos x="6895" y="3776"/>
                    </a:cxn>
                    <a:cxn ang="0">
                      <a:pos x="6669" y="4009"/>
                    </a:cxn>
                    <a:cxn ang="0">
                      <a:pos x="459" y="3861"/>
                    </a:cxn>
                    <a:cxn ang="0">
                      <a:pos x="546" y="2979"/>
                    </a:cxn>
                    <a:cxn ang="0">
                      <a:pos x="6789" y="1796"/>
                    </a:cxn>
                    <a:cxn ang="0">
                      <a:pos x="6875" y="2678"/>
                    </a:cxn>
                    <a:cxn ang="0">
                      <a:pos x="664" y="2827"/>
                    </a:cxn>
                    <a:cxn ang="0">
                      <a:pos x="438" y="2594"/>
                    </a:cxn>
                    <a:cxn ang="0">
                      <a:pos x="626" y="1758"/>
                    </a:cxn>
                    <a:cxn ang="0">
                      <a:pos x="6850" y="673"/>
                    </a:cxn>
                    <a:cxn ang="0">
                      <a:pos x="6826" y="1565"/>
                    </a:cxn>
                    <a:cxn ang="0">
                      <a:pos x="578" y="1617"/>
                    </a:cxn>
                    <a:cxn ang="0">
                      <a:pos x="446" y="750"/>
                    </a:cxn>
                  </a:cxnLst>
                  <a:rect l="0" t="0" r="r" b="b"/>
                  <a:pathLst>
                    <a:path w="7333" h="17750">
                      <a:moveTo>
                        <a:pt x="152" y="0"/>
                      </a:moveTo>
                      <a:lnTo>
                        <a:pt x="7181" y="0"/>
                      </a:lnTo>
                      <a:lnTo>
                        <a:pt x="7197" y="1"/>
                      </a:lnTo>
                      <a:lnTo>
                        <a:pt x="7211" y="3"/>
                      </a:lnTo>
                      <a:lnTo>
                        <a:pt x="7227" y="7"/>
                      </a:lnTo>
                      <a:lnTo>
                        <a:pt x="7240" y="12"/>
                      </a:lnTo>
                      <a:lnTo>
                        <a:pt x="7253" y="19"/>
                      </a:lnTo>
                      <a:lnTo>
                        <a:pt x="7265" y="27"/>
                      </a:lnTo>
                      <a:lnTo>
                        <a:pt x="7278" y="36"/>
                      </a:lnTo>
                      <a:lnTo>
                        <a:pt x="7289" y="44"/>
                      </a:lnTo>
                      <a:lnTo>
                        <a:pt x="7299" y="55"/>
                      </a:lnTo>
                      <a:lnTo>
                        <a:pt x="7306" y="68"/>
                      </a:lnTo>
                      <a:lnTo>
                        <a:pt x="7314" y="80"/>
                      </a:lnTo>
                      <a:lnTo>
                        <a:pt x="7321" y="93"/>
                      </a:lnTo>
                      <a:lnTo>
                        <a:pt x="7326" y="108"/>
                      </a:lnTo>
                      <a:lnTo>
                        <a:pt x="7330" y="122"/>
                      </a:lnTo>
                      <a:lnTo>
                        <a:pt x="7332" y="138"/>
                      </a:lnTo>
                      <a:lnTo>
                        <a:pt x="7333" y="153"/>
                      </a:lnTo>
                      <a:lnTo>
                        <a:pt x="7333" y="17597"/>
                      </a:lnTo>
                      <a:lnTo>
                        <a:pt x="7332" y="17612"/>
                      </a:lnTo>
                      <a:lnTo>
                        <a:pt x="7330" y="17628"/>
                      </a:lnTo>
                      <a:lnTo>
                        <a:pt x="7326" y="17642"/>
                      </a:lnTo>
                      <a:lnTo>
                        <a:pt x="7321" y="17657"/>
                      </a:lnTo>
                      <a:lnTo>
                        <a:pt x="7314" y="17670"/>
                      </a:lnTo>
                      <a:lnTo>
                        <a:pt x="7306" y="17682"/>
                      </a:lnTo>
                      <a:lnTo>
                        <a:pt x="7299" y="17695"/>
                      </a:lnTo>
                      <a:lnTo>
                        <a:pt x="7289" y="17706"/>
                      </a:lnTo>
                      <a:lnTo>
                        <a:pt x="7278" y="17716"/>
                      </a:lnTo>
                      <a:lnTo>
                        <a:pt x="7265" y="17723"/>
                      </a:lnTo>
                      <a:lnTo>
                        <a:pt x="7253" y="17731"/>
                      </a:lnTo>
                      <a:lnTo>
                        <a:pt x="7240" y="17738"/>
                      </a:lnTo>
                      <a:lnTo>
                        <a:pt x="7227" y="17743"/>
                      </a:lnTo>
                      <a:lnTo>
                        <a:pt x="7211" y="17747"/>
                      </a:lnTo>
                      <a:lnTo>
                        <a:pt x="7197" y="17749"/>
                      </a:lnTo>
                      <a:lnTo>
                        <a:pt x="7181" y="17750"/>
                      </a:lnTo>
                      <a:lnTo>
                        <a:pt x="152" y="17750"/>
                      </a:lnTo>
                      <a:lnTo>
                        <a:pt x="137" y="17749"/>
                      </a:lnTo>
                      <a:lnTo>
                        <a:pt x="122" y="17747"/>
                      </a:lnTo>
                      <a:lnTo>
                        <a:pt x="108" y="17743"/>
                      </a:lnTo>
                      <a:lnTo>
                        <a:pt x="93" y="17738"/>
                      </a:lnTo>
                      <a:lnTo>
                        <a:pt x="80" y="17731"/>
                      </a:lnTo>
                      <a:lnTo>
                        <a:pt x="68" y="17723"/>
                      </a:lnTo>
                      <a:lnTo>
                        <a:pt x="56" y="17716"/>
                      </a:lnTo>
                      <a:lnTo>
                        <a:pt x="46" y="17706"/>
                      </a:lnTo>
                      <a:lnTo>
                        <a:pt x="36" y="17695"/>
                      </a:lnTo>
                      <a:lnTo>
                        <a:pt x="27" y="17682"/>
                      </a:lnTo>
                      <a:lnTo>
                        <a:pt x="19" y="17670"/>
                      </a:lnTo>
                      <a:lnTo>
                        <a:pt x="12" y="17657"/>
                      </a:lnTo>
                      <a:lnTo>
                        <a:pt x="8" y="17642"/>
                      </a:lnTo>
                      <a:lnTo>
                        <a:pt x="4" y="17628"/>
                      </a:lnTo>
                      <a:lnTo>
                        <a:pt x="1" y="17612"/>
                      </a:lnTo>
                      <a:lnTo>
                        <a:pt x="0" y="17597"/>
                      </a:lnTo>
                      <a:lnTo>
                        <a:pt x="0" y="153"/>
                      </a:lnTo>
                      <a:lnTo>
                        <a:pt x="1" y="138"/>
                      </a:lnTo>
                      <a:lnTo>
                        <a:pt x="4" y="122"/>
                      </a:lnTo>
                      <a:lnTo>
                        <a:pt x="8" y="108"/>
                      </a:lnTo>
                      <a:lnTo>
                        <a:pt x="12" y="93"/>
                      </a:lnTo>
                      <a:lnTo>
                        <a:pt x="19" y="80"/>
                      </a:lnTo>
                      <a:lnTo>
                        <a:pt x="27" y="68"/>
                      </a:lnTo>
                      <a:lnTo>
                        <a:pt x="36" y="55"/>
                      </a:lnTo>
                      <a:lnTo>
                        <a:pt x="46" y="44"/>
                      </a:lnTo>
                      <a:lnTo>
                        <a:pt x="56" y="36"/>
                      </a:lnTo>
                      <a:lnTo>
                        <a:pt x="68" y="27"/>
                      </a:lnTo>
                      <a:lnTo>
                        <a:pt x="80" y="19"/>
                      </a:lnTo>
                      <a:lnTo>
                        <a:pt x="93" y="12"/>
                      </a:lnTo>
                      <a:lnTo>
                        <a:pt x="108" y="7"/>
                      </a:lnTo>
                      <a:lnTo>
                        <a:pt x="122" y="3"/>
                      </a:lnTo>
                      <a:lnTo>
                        <a:pt x="137" y="1"/>
                      </a:lnTo>
                      <a:lnTo>
                        <a:pt x="152" y="0"/>
                      </a:lnTo>
                      <a:close/>
                      <a:moveTo>
                        <a:pt x="705" y="11207"/>
                      </a:moveTo>
                      <a:lnTo>
                        <a:pt x="6629" y="11207"/>
                      </a:lnTo>
                      <a:lnTo>
                        <a:pt x="6642" y="11207"/>
                      </a:lnTo>
                      <a:lnTo>
                        <a:pt x="6655" y="11208"/>
                      </a:lnTo>
                      <a:lnTo>
                        <a:pt x="6669" y="11209"/>
                      </a:lnTo>
                      <a:lnTo>
                        <a:pt x="6682" y="11211"/>
                      </a:lnTo>
                      <a:lnTo>
                        <a:pt x="6695" y="11215"/>
                      </a:lnTo>
                      <a:lnTo>
                        <a:pt x="6708" y="11218"/>
                      </a:lnTo>
                      <a:lnTo>
                        <a:pt x="6720" y="11221"/>
                      </a:lnTo>
                      <a:lnTo>
                        <a:pt x="6732" y="11226"/>
                      </a:lnTo>
                      <a:lnTo>
                        <a:pt x="6744" y="11231"/>
                      </a:lnTo>
                      <a:lnTo>
                        <a:pt x="6755" y="11237"/>
                      </a:lnTo>
                      <a:lnTo>
                        <a:pt x="6766" y="11242"/>
                      </a:lnTo>
                      <a:lnTo>
                        <a:pt x="6777" y="11249"/>
                      </a:lnTo>
                      <a:lnTo>
                        <a:pt x="6789" y="11256"/>
                      </a:lnTo>
                      <a:lnTo>
                        <a:pt x="6799" y="11263"/>
                      </a:lnTo>
                      <a:lnTo>
                        <a:pt x="6809" y="11271"/>
                      </a:lnTo>
                      <a:lnTo>
                        <a:pt x="6817" y="11279"/>
                      </a:lnTo>
                      <a:lnTo>
                        <a:pt x="6826" y="11288"/>
                      </a:lnTo>
                      <a:lnTo>
                        <a:pt x="6834" y="11297"/>
                      </a:lnTo>
                      <a:lnTo>
                        <a:pt x="6843" y="11307"/>
                      </a:lnTo>
                      <a:lnTo>
                        <a:pt x="6850" y="11316"/>
                      </a:lnTo>
                      <a:lnTo>
                        <a:pt x="6857" y="11327"/>
                      </a:lnTo>
                      <a:lnTo>
                        <a:pt x="6863" y="11337"/>
                      </a:lnTo>
                      <a:lnTo>
                        <a:pt x="6870" y="11348"/>
                      </a:lnTo>
                      <a:lnTo>
                        <a:pt x="6875" y="11358"/>
                      </a:lnTo>
                      <a:lnTo>
                        <a:pt x="6879" y="11370"/>
                      </a:lnTo>
                      <a:lnTo>
                        <a:pt x="6884" y="11381"/>
                      </a:lnTo>
                      <a:lnTo>
                        <a:pt x="6887" y="11392"/>
                      </a:lnTo>
                      <a:lnTo>
                        <a:pt x="6891" y="11404"/>
                      </a:lnTo>
                      <a:lnTo>
                        <a:pt x="6893" y="11417"/>
                      </a:lnTo>
                      <a:lnTo>
                        <a:pt x="6894" y="11429"/>
                      </a:lnTo>
                      <a:lnTo>
                        <a:pt x="6895" y="11442"/>
                      </a:lnTo>
                      <a:lnTo>
                        <a:pt x="6896" y="11454"/>
                      </a:lnTo>
                      <a:lnTo>
                        <a:pt x="6896" y="12041"/>
                      </a:lnTo>
                      <a:lnTo>
                        <a:pt x="6895" y="12054"/>
                      </a:lnTo>
                      <a:lnTo>
                        <a:pt x="6894" y="12067"/>
                      </a:lnTo>
                      <a:lnTo>
                        <a:pt x="6893" y="12079"/>
                      </a:lnTo>
                      <a:lnTo>
                        <a:pt x="6891" y="12091"/>
                      </a:lnTo>
                      <a:lnTo>
                        <a:pt x="6887" y="12103"/>
                      </a:lnTo>
                      <a:lnTo>
                        <a:pt x="6884" y="12115"/>
                      </a:lnTo>
                      <a:lnTo>
                        <a:pt x="6879" y="12127"/>
                      </a:lnTo>
                      <a:lnTo>
                        <a:pt x="6875" y="12138"/>
                      </a:lnTo>
                      <a:lnTo>
                        <a:pt x="6870" y="12149"/>
                      </a:lnTo>
                      <a:lnTo>
                        <a:pt x="6863" y="12160"/>
                      </a:lnTo>
                      <a:lnTo>
                        <a:pt x="6857" y="12170"/>
                      </a:lnTo>
                      <a:lnTo>
                        <a:pt x="6850" y="12180"/>
                      </a:lnTo>
                      <a:lnTo>
                        <a:pt x="6843" y="12190"/>
                      </a:lnTo>
                      <a:lnTo>
                        <a:pt x="6834" y="12199"/>
                      </a:lnTo>
                      <a:lnTo>
                        <a:pt x="6826" y="12208"/>
                      </a:lnTo>
                      <a:lnTo>
                        <a:pt x="6817" y="12216"/>
                      </a:lnTo>
                      <a:lnTo>
                        <a:pt x="6809" y="12224"/>
                      </a:lnTo>
                      <a:lnTo>
                        <a:pt x="6799" y="12232"/>
                      </a:lnTo>
                      <a:lnTo>
                        <a:pt x="6789" y="12240"/>
                      </a:lnTo>
                      <a:lnTo>
                        <a:pt x="6777" y="12246"/>
                      </a:lnTo>
                      <a:lnTo>
                        <a:pt x="6766" y="12253"/>
                      </a:lnTo>
                      <a:lnTo>
                        <a:pt x="6755" y="12260"/>
                      </a:lnTo>
                      <a:lnTo>
                        <a:pt x="6744" y="12265"/>
                      </a:lnTo>
                      <a:lnTo>
                        <a:pt x="6732" y="12270"/>
                      </a:lnTo>
                      <a:lnTo>
                        <a:pt x="6720" y="12274"/>
                      </a:lnTo>
                      <a:lnTo>
                        <a:pt x="6708" y="12279"/>
                      </a:lnTo>
                      <a:lnTo>
                        <a:pt x="6695" y="12282"/>
                      </a:lnTo>
                      <a:lnTo>
                        <a:pt x="6682" y="12284"/>
                      </a:lnTo>
                      <a:lnTo>
                        <a:pt x="6669" y="12286"/>
                      </a:lnTo>
                      <a:lnTo>
                        <a:pt x="6655" y="12287"/>
                      </a:lnTo>
                      <a:lnTo>
                        <a:pt x="6642" y="12289"/>
                      </a:lnTo>
                      <a:lnTo>
                        <a:pt x="6629" y="12290"/>
                      </a:lnTo>
                      <a:lnTo>
                        <a:pt x="705" y="12290"/>
                      </a:lnTo>
                      <a:lnTo>
                        <a:pt x="691" y="12289"/>
                      </a:lnTo>
                      <a:lnTo>
                        <a:pt x="678" y="12287"/>
                      </a:lnTo>
                      <a:lnTo>
                        <a:pt x="664" y="12286"/>
                      </a:lnTo>
                      <a:lnTo>
                        <a:pt x="651" y="12284"/>
                      </a:lnTo>
                      <a:lnTo>
                        <a:pt x="638" y="12282"/>
                      </a:lnTo>
                      <a:lnTo>
                        <a:pt x="626" y="12279"/>
                      </a:lnTo>
                      <a:lnTo>
                        <a:pt x="613" y="12274"/>
                      </a:lnTo>
                      <a:lnTo>
                        <a:pt x="601" y="12270"/>
                      </a:lnTo>
                      <a:lnTo>
                        <a:pt x="589" y="12265"/>
                      </a:lnTo>
                      <a:lnTo>
                        <a:pt x="578" y="12260"/>
                      </a:lnTo>
                      <a:lnTo>
                        <a:pt x="567" y="12253"/>
                      </a:lnTo>
                      <a:lnTo>
                        <a:pt x="556" y="12246"/>
                      </a:lnTo>
                      <a:lnTo>
                        <a:pt x="546" y="12240"/>
                      </a:lnTo>
                      <a:lnTo>
                        <a:pt x="536" y="12232"/>
                      </a:lnTo>
                      <a:lnTo>
                        <a:pt x="526" y="12224"/>
                      </a:lnTo>
                      <a:lnTo>
                        <a:pt x="516" y="12216"/>
                      </a:lnTo>
                      <a:lnTo>
                        <a:pt x="507" y="12208"/>
                      </a:lnTo>
                      <a:lnTo>
                        <a:pt x="499" y="12199"/>
                      </a:lnTo>
                      <a:lnTo>
                        <a:pt x="491" y="12190"/>
                      </a:lnTo>
                      <a:lnTo>
                        <a:pt x="484" y="12180"/>
                      </a:lnTo>
                      <a:lnTo>
                        <a:pt x="477" y="12170"/>
                      </a:lnTo>
                      <a:lnTo>
                        <a:pt x="470" y="12160"/>
                      </a:lnTo>
                      <a:lnTo>
                        <a:pt x="464" y="12149"/>
                      </a:lnTo>
                      <a:lnTo>
                        <a:pt x="459" y="12138"/>
                      </a:lnTo>
                      <a:lnTo>
                        <a:pt x="454" y="12127"/>
                      </a:lnTo>
                      <a:lnTo>
                        <a:pt x="450" y="12115"/>
                      </a:lnTo>
                      <a:lnTo>
                        <a:pt x="446" y="12103"/>
                      </a:lnTo>
                      <a:lnTo>
                        <a:pt x="444" y="12091"/>
                      </a:lnTo>
                      <a:lnTo>
                        <a:pt x="440" y="12079"/>
                      </a:lnTo>
                      <a:lnTo>
                        <a:pt x="439" y="12067"/>
                      </a:lnTo>
                      <a:lnTo>
                        <a:pt x="438" y="12054"/>
                      </a:lnTo>
                      <a:lnTo>
                        <a:pt x="438" y="12041"/>
                      </a:lnTo>
                      <a:lnTo>
                        <a:pt x="438" y="11454"/>
                      </a:lnTo>
                      <a:lnTo>
                        <a:pt x="438" y="11442"/>
                      </a:lnTo>
                      <a:lnTo>
                        <a:pt x="439" y="11429"/>
                      </a:lnTo>
                      <a:lnTo>
                        <a:pt x="440" y="11417"/>
                      </a:lnTo>
                      <a:lnTo>
                        <a:pt x="444" y="11404"/>
                      </a:lnTo>
                      <a:lnTo>
                        <a:pt x="446" y="11392"/>
                      </a:lnTo>
                      <a:lnTo>
                        <a:pt x="450" y="11381"/>
                      </a:lnTo>
                      <a:lnTo>
                        <a:pt x="454" y="11370"/>
                      </a:lnTo>
                      <a:lnTo>
                        <a:pt x="459" y="11358"/>
                      </a:lnTo>
                      <a:lnTo>
                        <a:pt x="464" y="11348"/>
                      </a:lnTo>
                      <a:lnTo>
                        <a:pt x="470" y="11337"/>
                      </a:lnTo>
                      <a:lnTo>
                        <a:pt x="477" y="11327"/>
                      </a:lnTo>
                      <a:lnTo>
                        <a:pt x="484" y="11316"/>
                      </a:lnTo>
                      <a:lnTo>
                        <a:pt x="491" y="11307"/>
                      </a:lnTo>
                      <a:lnTo>
                        <a:pt x="499" y="11297"/>
                      </a:lnTo>
                      <a:lnTo>
                        <a:pt x="507" y="11288"/>
                      </a:lnTo>
                      <a:lnTo>
                        <a:pt x="516" y="11279"/>
                      </a:lnTo>
                      <a:lnTo>
                        <a:pt x="526" y="11271"/>
                      </a:lnTo>
                      <a:lnTo>
                        <a:pt x="536" y="11263"/>
                      </a:lnTo>
                      <a:lnTo>
                        <a:pt x="546" y="11256"/>
                      </a:lnTo>
                      <a:lnTo>
                        <a:pt x="556" y="11249"/>
                      </a:lnTo>
                      <a:lnTo>
                        <a:pt x="567" y="11242"/>
                      </a:lnTo>
                      <a:lnTo>
                        <a:pt x="578" y="11237"/>
                      </a:lnTo>
                      <a:lnTo>
                        <a:pt x="589" y="11231"/>
                      </a:lnTo>
                      <a:lnTo>
                        <a:pt x="601" y="11226"/>
                      </a:lnTo>
                      <a:lnTo>
                        <a:pt x="613" y="11221"/>
                      </a:lnTo>
                      <a:lnTo>
                        <a:pt x="626" y="11218"/>
                      </a:lnTo>
                      <a:lnTo>
                        <a:pt x="638" y="11215"/>
                      </a:lnTo>
                      <a:lnTo>
                        <a:pt x="651" y="11211"/>
                      </a:lnTo>
                      <a:lnTo>
                        <a:pt x="664" y="11209"/>
                      </a:lnTo>
                      <a:lnTo>
                        <a:pt x="678" y="11208"/>
                      </a:lnTo>
                      <a:lnTo>
                        <a:pt x="691" y="11207"/>
                      </a:lnTo>
                      <a:lnTo>
                        <a:pt x="705" y="11207"/>
                      </a:lnTo>
                      <a:close/>
                      <a:moveTo>
                        <a:pt x="705" y="10024"/>
                      </a:moveTo>
                      <a:lnTo>
                        <a:pt x="6629" y="10024"/>
                      </a:lnTo>
                      <a:lnTo>
                        <a:pt x="6642" y="10024"/>
                      </a:lnTo>
                      <a:lnTo>
                        <a:pt x="6655" y="10025"/>
                      </a:lnTo>
                      <a:lnTo>
                        <a:pt x="6669" y="10027"/>
                      </a:lnTo>
                      <a:lnTo>
                        <a:pt x="6682" y="10029"/>
                      </a:lnTo>
                      <a:lnTo>
                        <a:pt x="6695" y="10032"/>
                      </a:lnTo>
                      <a:lnTo>
                        <a:pt x="6708" y="10035"/>
                      </a:lnTo>
                      <a:lnTo>
                        <a:pt x="6720" y="10039"/>
                      </a:lnTo>
                      <a:lnTo>
                        <a:pt x="6732" y="10043"/>
                      </a:lnTo>
                      <a:lnTo>
                        <a:pt x="6744" y="10049"/>
                      </a:lnTo>
                      <a:lnTo>
                        <a:pt x="6755" y="10054"/>
                      </a:lnTo>
                      <a:lnTo>
                        <a:pt x="6766" y="10060"/>
                      </a:lnTo>
                      <a:lnTo>
                        <a:pt x="6777" y="10066"/>
                      </a:lnTo>
                      <a:lnTo>
                        <a:pt x="6789" y="10073"/>
                      </a:lnTo>
                      <a:lnTo>
                        <a:pt x="6799" y="10081"/>
                      </a:lnTo>
                      <a:lnTo>
                        <a:pt x="6809" y="10089"/>
                      </a:lnTo>
                      <a:lnTo>
                        <a:pt x="6817" y="10096"/>
                      </a:lnTo>
                      <a:lnTo>
                        <a:pt x="6826" y="10105"/>
                      </a:lnTo>
                      <a:lnTo>
                        <a:pt x="6834" y="10114"/>
                      </a:lnTo>
                      <a:lnTo>
                        <a:pt x="6843" y="10124"/>
                      </a:lnTo>
                      <a:lnTo>
                        <a:pt x="6850" y="10134"/>
                      </a:lnTo>
                      <a:lnTo>
                        <a:pt x="6857" y="10144"/>
                      </a:lnTo>
                      <a:lnTo>
                        <a:pt x="6863" y="10154"/>
                      </a:lnTo>
                      <a:lnTo>
                        <a:pt x="6870" y="10165"/>
                      </a:lnTo>
                      <a:lnTo>
                        <a:pt x="6875" y="10175"/>
                      </a:lnTo>
                      <a:lnTo>
                        <a:pt x="6879" y="10187"/>
                      </a:lnTo>
                      <a:lnTo>
                        <a:pt x="6884" y="10198"/>
                      </a:lnTo>
                      <a:lnTo>
                        <a:pt x="6887" y="10211"/>
                      </a:lnTo>
                      <a:lnTo>
                        <a:pt x="6891" y="10222"/>
                      </a:lnTo>
                      <a:lnTo>
                        <a:pt x="6893" y="10234"/>
                      </a:lnTo>
                      <a:lnTo>
                        <a:pt x="6894" y="10246"/>
                      </a:lnTo>
                      <a:lnTo>
                        <a:pt x="6895" y="10260"/>
                      </a:lnTo>
                      <a:lnTo>
                        <a:pt x="6896" y="10272"/>
                      </a:lnTo>
                      <a:lnTo>
                        <a:pt x="6896" y="10859"/>
                      </a:lnTo>
                      <a:lnTo>
                        <a:pt x="6895" y="10872"/>
                      </a:lnTo>
                      <a:lnTo>
                        <a:pt x="6894" y="10884"/>
                      </a:lnTo>
                      <a:lnTo>
                        <a:pt x="6893" y="10896"/>
                      </a:lnTo>
                      <a:lnTo>
                        <a:pt x="6891" y="10908"/>
                      </a:lnTo>
                      <a:lnTo>
                        <a:pt x="6887" y="10921"/>
                      </a:lnTo>
                      <a:lnTo>
                        <a:pt x="6884" y="10933"/>
                      </a:lnTo>
                      <a:lnTo>
                        <a:pt x="6879" y="10944"/>
                      </a:lnTo>
                      <a:lnTo>
                        <a:pt x="6875" y="10955"/>
                      </a:lnTo>
                      <a:lnTo>
                        <a:pt x="6870" y="10966"/>
                      </a:lnTo>
                      <a:lnTo>
                        <a:pt x="6863" y="10977"/>
                      </a:lnTo>
                      <a:lnTo>
                        <a:pt x="6857" y="10987"/>
                      </a:lnTo>
                      <a:lnTo>
                        <a:pt x="6850" y="10997"/>
                      </a:lnTo>
                      <a:lnTo>
                        <a:pt x="6843" y="11007"/>
                      </a:lnTo>
                      <a:lnTo>
                        <a:pt x="6834" y="11016"/>
                      </a:lnTo>
                      <a:lnTo>
                        <a:pt x="6826" y="11025"/>
                      </a:lnTo>
                      <a:lnTo>
                        <a:pt x="6817" y="11034"/>
                      </a:lnTo>
                      <a:lnTo>
                        <a:pt x="6809" y="11043"/>
                      </a:lnTo>
                      <a:lnTo>
                        <a:pt x="6799" y="11050"/>
                      </a:lnTo>
                      <a:lnTo>
                        <a:pt x="6789" y="11057"/>
                      </a:lnTo>
                      <a:lnTo>
                        <a:pt x="6777" y="11064"/>
                      </a:lnTo>
                      <a:lnTo>
                        <a:pt x="6766" y="11070"/>
                      </a:lnTo>
                      <a:lnTo>
                        <a:pt x="6755" y="11077"/>
                      </a:lnTo>
                      <a:lnTo>
                        <a:pt x="6744" y="11083"/>
                      </a:lnTo>
                      <a:lnTo>
                        <a:pt x="6732" y="11087"/>
                      </a:lnTo>
                      <a:lnTo>
                        <a:pt x="6720" y="11092"/>
                      </a:lnTo>
                      <a:lnTo>
                        <a:pt x="6708" y="11096"/>
                      </a:lnTo>
                      <a:lnTo>
                        <a:pt x="6695" y="11099"/>
                      </a:lnTo>
                      <a:lnTo>
                        <a:pt x="6682" y="11102"/>
                      </a:lnTo>
                      <a:lnTo>
                        <a:pt x="6669" y="11104"/>
                      </a:lnTo>
                      <a:lnTo>
                        <a:pt x="6655" y="11106"/>
                      </a:lnTo>
                      <a:lnTo>
                        <a:pt x="6642" y="11106"/>
                      </a:lnTo>
                      <a:lnTo>
                        <a:pt x="6629" y="11107"/>
                      </a:lnTo>
                      <a:lnTo>
                        <a:pt x="705" y="11107"/>
                      </a:lnTo>
                      <a:lnTo>
                        <a:pt x="691" y="11106"/>
                      </a:lnTo>
                      <a:lnTo>
                        <a:pt x="678" y="11106"/>
                      </a:lnTo>
                      <a:lnTo>
                        <a:pt x="664" y="11104"/>
                      </a:lnTo>
                      <a:lnTo>
                        <a:pt x="651" y="11102"/>
                      </a:lnTo>
                      <a:lnTo>
                        <a:pt x="638" y="11099"/>
                      </a:lnTo>
                      <a:lnTo>
                        <a:pt x="626" y="11096"/>
                      </a:lnTo>
                      <a:lnTo>
                        <a:pt x="613" y="11092"/>
                      </a:lnTo>
                      <a:lnTo>
                        <a:pt x="601" y="11087"/>
                      </a:lnTo>
                      <a:lnTo>
                        <a:pt x="589" y="11083"/>
                      </a:lnTo>
                      <a:lnTo>
                        <a:pt x="578" y="11077"/>
                      </a:lnTo>
                      <a:lnTo>
                        <a:pt x="567" y="11070"/>
                      </a:lnTo>
                      <a:lnTo>
                        <a:pt x="556" y="11064"/>
                      </a:lnTo>
                      <a:lnTo>
                        <a:pt x="546" y="11057"/>
                      </a:lnTo>
                      <a:lnTo>
                        <a:pt x="536" y="11050"/>
                      </a:lnTo>
                      <a:lnTo>
                        <a:pt x="526" y="11043"/>
                      </a:lnTo>
                      <a:lnTo>
                        <a:pt x="516" y="11034"/>
                      </a:lnTo>
                      <a:lnTo>
                        <a:pt x="507" y="11025"/>
                      </a:lnTo>
                      <a:lnTo>
                        <a:pt x="499" y="11016"/>
                      </a:lnTo>
                      <a:lnTo>
                        <a:pt x="491" y="11007"/>
                      </a:lnTo>
                      <a:lnTo>
                        <a:pt x="484" y="10997"/>
                      </a:lnTo>
                      <a:lnTo>
                        <a:pt x="477" y="10987"/>
                      </a:lnTo>
                      <a:lnTo>
                        <a:pt x="470" y="10977"/>
                      </a:lnTo>
                      <a:lnTo>
                        <a:pt x="464" y="10966"/>
                      </a:lnTo>
                      <a:lnTo>
                        <a:pt x="459" y="10955"/>
                      </a:lnTo>
                      <a:lnTo>
                        <a:pt x="454" y="10944"/>
                      </a:lnTo>
                      <a:lnTo>
                        <a:pt x="450" y="10933"/>
                      </a:lnTo>
                      <a:lnTo>
                        <a:pt x="446" y="10921"/>
                      </a:lnTo>
                      <a:lnTo>
                        <a:pt x="444" y="10908"/>
                      </a:lnTo>
                      <a:lnTo>
                        <a:pt x="440" y="10896"/>
                      </a:lnTo>
                      <a:lnTo>
                        <a:pt x="439" y="10884"/>
                      </a:lnTo>
                      <a:lnTo>
                        <a:pt x="438" y="10872"/>
                      </a:lnTo>
                      <a:lnTo>
                        <a:pt x="438" y="10859"/>
                      </a:lnTo>
                      <a:lnTo>
                        <a:pt x="438" y="10272"/>
                      </a:lnTo>
                      <a:lnTo>
                        <a:pt x="438" y="10260"/>
                      </a:lnTo>
                      <a:lnTo>
                        <a:pt x="439" y="10246"/>
                      </a:lnTo>
                      <a:lnTo>
                        <a:pt x="440" y="10234"/>
                      </a:lnTo>
                      <a:lnTo>
                        <a:pt x="444" y="10222"/>
                      </a:lnTo>
                      <a:lnTo>
                        <a:pt x="446" y="10211"/>
                      </a:lnTo>
                      <a:lnTo>
                        <a:pt x="450" y="10198"/>
                      </a:lnTo>
                      <a:lnTo>
                        <a:pt x="454" y="10187"/>
                      </a:lnTo>
                      <a:lnTo>
                        <a:pt x="459" y="10175"/>
                      </a:lnTo>
                      <a:lnTo>
                        <a:pt x="464" y="10165"/>
                      </a:lnTo>
                      <a:lnTo>
                        <a:pt x="470" y="10154"/>
                      </a:lnTo>
                      <a:lnTo>
                        <a:pt x="477" y="10144"/>
                      </a:lnTo>
                      <a:lnTo>
                        <a:pt x="484" y="10134"/>
                      </a:lnTo>
                      <a:lnTo>
                        <a:pt x="491" y="10124"/>
                      </a:lnTo>
                      <a:lnTo>
                        <a:pt x="499" y="10114"/>
                      </a:lnTo>
                      <a:lnTo>
                        <a:pt x="507" y="10105"/>
                      </a:lnTo>
                      <a:lnTo>
                        <a:pt x="516" y="10096"/>
                      </a:lnTo>
                      <a:lnTo>
                        <a:pt x="526" y="10089"/>
                      </a:lnTo>
                      <a:lnTo>
                        <a:pt x="536" y="10081"/>
                      </a:lnTo>
                      <a:lnTo>
                        <a:pt x="546" y="10073"/>
                      </a:lnTo>
                      <a:lnTo>
                        <a:pt x="556" y="10066"/>
                      </a:lnTo>
                      <a:lnTo>
                        <a:pt x="567" y="10060"/>
                      </a:lnTo>
                      <a:lnTo>
                        <a:pt x="578" y="10054"/>
                      </a:lnTo>
                      <a:lnTo>
                        <a:pt x="589" y="10049"/>
                      </a:lnTo>
                      <a:lnTo>
                        <a:pt x="601" y="10043"/>
                      </a:lnTo>
                      <a:lnTo>
                        <a:pt x="613" y="10039"/>
                      </a:lnTo>
                      <a:lnTo>
                        <a:pt x="626" y="10035"/>
                      </a:lnTo>
                      <a:lnTo>
                        <a:pt x="638" y="10032"/>
                      </a:lnTo>
                      <a:lnTo>
                        <a:pt x="651" y="10029"/>
                      </a:lnTo>
                      <a:lnTo>
                        <a:pt x="664" y="10027"/>
                      </a:lnTo>
                      <a:lnTo>
                        <a:pt x="678" y="10025"/>
                      </a:lnTo>
                      <a:lnTo>
                        <a:pt x="691" y="10024"/>
                      </a:lnTo>
                      <a:lnTo>
                        <a:pt x="705" y="10024"/>
                      </a:lnTo>
                      <a:close/>
                      <a:moveTo>
                        <a:pt x="705" y="8842"/>
                      </a:moveTo>
                      <a:lnTo>
                        <a:pt x="6629" y="8842"/>
                      </a:lnTo>
                      <a:lnTo>
                        <a:pt x="6642" y="8842"/>
                      </a:lnTo>
                      <a:lnTo>
                        <a:pt x="6655" y="8843"/>
                      </a:lnTo>
                      <a:lnTo>
                        <a:pt x="6669" y="8845"/>
                      </a:lnTo>
                      <a:lnTo>
                        <a:pt x="6682" y="8846"/>
                      </a:lnTo>
                      <a:lnTo>
                        <a:pt x="6695" y="8849"/>
                      </a:lnTo>
                      <a:lnTo>
                        <a:pt x="6708" y="8853"/>
                      </a:lnTo>
                      <a:lnTo>
                        <a:pt x="6720" y="8857"/>
                      </a:lnTo>
                      <a:lnTo>
                        <a:pt x="6732" y="8862"/>
                      </a:lnTo>
                      <a:lnTo>
                        <a:pt x="6744" y="8866"/>
                      </a:lnTo>
                      <a:lnTo>
                        <a:pt x="6755" y="8872"/>
                      </a:lnTo>
                      <a:lnTo>
                        <a:pt x="6766" y="8877"/>
                      </a:lnTo>
                      <a:lnTo>
                        <a:pt x="6777" y="8884"/>
                      </a:lnTo>
                      <a:lnTo>
                        <a:pt x="6789" y="8891"/>
                      </a:lnTo>
                      <a:lnTo>
                        <a:pt x="6799" y="8898"/>
                      </a:lnTo>
                      <a:lnTo>
                        <a:pt x="6809" y="8906"/>
                      </a:lnTo>
                      <a:lnTo>
                        <a:pt x="6817" y="8915"/>
                      </a:lnTo>
                      <a:lnTo>
                        <a:pt x="6826" y="8923"/>
                      </a:lnTo>
                      <a:lnTo>
                        <a:pt x="6834" y="8932"/>
                      </a:lnTo>
                      <a:lnTo>
                        <a:pt x="6843" y="8942"/>
                      </a:lnTo>
                      <a:lnTo>
                        <a:pt x="6850" y="8952"/>
                      </a:lnTo>
                      <a:lnTo>
                        <a:pt x="6857" y="8962"/>
                      </a:lnTo>
                      <a:lnTo>
                        <a:pt x="6863" y="8972"/>
                      </a:lnTo>
                      <a:lnTo>
                        <a:pt x="6870" y="8983"/>
                      </a:lnTo>
                      <a:lnTo>
                        <a:pt x="6875" y="8994"/>
                      </a:lnTo>
                      <a:lnTo>
                        <a:pt x="6879" y="9005"/>
                      </a:lnTo>
                      <a:lnTo>
                        <a:pt x="6884" y="9016"/>
                      </a:lnTo>
                      <a:lnTo>
                        <a:pt x="6887" y="9028"/>
                      </a:lnTo>
                      <a:lnTo>
                        <a:pt x="6891" y="9039"/>
                      </a:lnTo>
                      <a:lnTo>
                        <a:pt x="6893" y="9051"/>
                      </a:lnTo>
                      <a:lnTo>
                        <a:pt x="6894" y="9065"/>
                      </a:lnTo>
                      <a:lnTo>
                        <a:pt x="6895" y="9077"/>
                      </a:lnTo>
                      <a:lnTo>
                        <a:pt x="6896" y="9089"/>
                      </a:lnTo>
                      <a:lnTo>
                        <a:pt x="6896" y="9676"/>
                      </a:lnTo>
                      <a:lnTo>
                        <a:pt x="6895" y="9689"/>
                      </a:lnTo>
                      <a:lnTo>
                        <a:pt x="6894" y="9701"/>
                      </a:lnTo>
                      <a:lnTo>
                        <a:pt x="6893" y="9714"/>
                      </a:lnTo>
                      <a:lnTo>
                        <a:pt x="6891" y="9726"/>
                      </a:lnTo>
                      <a:lnTo>
                        <a:pt x="6887" y="9738"/>
                      </a:lnTo>
                      <a:lnTo>
                        <a:pt x="6884" y="9750"/>
                      </a:lnTo>
                      <a:lnTo>
                        <a:pt x="6879" y="9761"/>
                      </a:lnTo>
                      <a:lnTo>
                        <a:pt x="6875" y="9772"/>
                      </a:lnTo>
                      <a:lnTo>
                        <a:pt x="6870" y="9784"/>
                      </a:lnTo>
                      <a:lnTo>
                        <a:pt x="6863" y="9795"/>
                      </a:lnTo>
                      <a:lnTo>
                        <a:pt x="6857" y="9805"/>
                      </a:lnTo>
                      <a:lnTo>
                        <a:pt x="6850" y="9815"/>
                      </a:lnTo>
                      <a:lnTo>
                        <a:pt x="6843" y="9825"/>
                      </a:lnTo>
                      <a:lnTo>
                        <a:pt x="6834" y="9834"/>
                      </a:lnTo>
                      <a:lnTo>
                        <a:pt x="6826" y="9842"/>
                      </a:lnTo>
                      <a:lnTo>
                        <a:pt x="6817" y="9851"/>
                      </a:lnTo>
                      <a:lnTo>
                        <a:pt x="6809" y="9860"/>
                      </a:lnTo>
                      <a:lnTo>
                        <a:pt x="6799" y="9868"/>
                      </a:lnTo>
                      <a:lnTo>
                        <a:pt x="6789" y="9875"/>
                      </a:lnTo>
                      <a:lnTo>
                        <a:pt x="6777" y="9882"/>
                      </a:lnTo>
                      <a:lnTo>
                        <a:pt x="6766" y="9888"/>
                      </a:lnTo>
                      <a:lnTo>
                        <a:pt x="6755" y="9895"/>
                      </a:lnTo>
                      <a:lnTo>
                        <a:pt x="6744" y="9900"/>
                      </a:lnTo>
                      <a:lnTo>
                        <a:pt x="6732" y="9905"/>
                      </a:lnTo>
                      <a:lnTo>
                        <a:pt x="6720" y="9909"/>
                      </a:lnTo>
                      <a:lnTo>
                        <a:pt x="6708" y="9913"/>
                      </a:lnTo>
                      <a:lnTo>
                        <a:pt x="6695" y="9917"/>
                      </a:lnTo>
                      <a:lnTo>
                        <a:pt x="6682" y="9919"/>
                      </a:lnTo>
                      <a:lnTo>
                        <a:pt x="6669" y="9921"/>
                      </a:lnTo>
                      <a:lnTo>
                        <a:pt x="6655" y="9923"/>
                      </a:lnTo>
                      <a:lnTo>
                        <a:pt x="6642" y="9924"/>
                      </a:lnTo>
                      <a:lnTo>
                        <a:pt x="6629" y="9924"/>
                      </a:lnTo>
                      <a:lnTo>
                        <a:pt x="705" y="9924"/>
                      </a:lnTo>
                      <a:lnTo>
                        <a:pt x="691" y="9924"/>
                      </a:lnTo>
                      <a:lnTo>
                        <a:pt x="678" y="9923"/>
                      </a:lnTo>
                      <a:lnTo>
                        <a:pt x="664" y="9921"/>
                      </a:lnTo>
                      <a:lnTo>
                        <a:pt x="651" y="9919"/>
                      </a:lnTo>
                      <a:lnTo>
                        <a:pt x="638" y="9917"/>
                      </a:lnTo>
                      <a:lnTo>
                        <a:pt x="626" y="9913"/>
                      </a:lnTo>
                      <a:lnTo>
                        <a:pt x="613" y="9909"/>
                      </a:lnTo>
                      <a:lnTo>
                        <a:pt x="601" y="9905"/>
                      </a:lnTo>
                      <a:lnTo>
                        <a:pt x="589" y="9900"/>
                      </a:lnTo>
                      <a:lnTo>
                        <a:pt x="578" y="9895"/>
                      </a:lnTo>
                      <a:lnTo>
                        <a:pt x="567" y="9888"/>
                      </a:lnTo>
                      <a:lnTo>
                        <a:pt x="556" y="9882"/>
                      </a:lnTo>
                      <a:lnTo>
                        <a:pt x="546" y="9875"/>
                      </a:lnTo>
                      <a:lnTo>
                        <a:pt x="536" y="9868"/>
                      </a:lnTo>
                      <a:lnTo>
                        <a:pt x="526" y="9860"/>
                      </a:lnTo>
                      <a:lnTo>
                        <a:pt x="516" y="9851"/>
                      </a:lnTo>
                      <a:lnTo>
                        <a:pt x="507" y="9842"/>
                      </a:lnTo>
                      <a:lnTo>
                        <a:pt x="499" y="9834"/>
                      </a:lnTo>
                      <a:lnTo>
                        <a:pt x="491" y="9825"/>
                      </a:lnTo>
                      <a:lnTo>
                        <a:pt x="484" y="9815"/>
                      </a:lnTo>
                      <a:lnTo>
                        <a:pt x="477" y="9805"/>
                      </a:lnTo>
                      <a:lnTo>
                        <a:pt x="470" y="9795"/>
                      </a:lnTo>
                      <a:lnTo>
                        <a:pt x="464" y="9784"/>
                      </a:lnTo>
                      <a:lnTo>
                        <a:pt x="459" y="9772"/>
                      </a:lnTo>
                      <a:lnTo>
                        <a:pt x="454" y="9761"/>
                      </a:lnTo>
                      <a:lnTo>
                        <a:pt x="450" y="9750"/>
                      </a:lnTo>
                      <a:lnTo>
                        <a:pt x="446" y="9738"/>
                      </a:lnTo>
                      <a:lnTo>
                        <a:pt x="444" y="9726"/>
                      </a:lnTo>
                      <a:lnTo>
                        <a:pt x="440" y="9714"/>
                      </a:lnTo>
                      <a:lnTo>
                        <a:pt x="439" y="9701"/>
                      </a:lnTo>
                      <a:lnTo>
                        <a:pt x="438" y="9689"/>
                      </a:lnTo>
                      <a:lnTo>
                        <a:pt x="438" y="9676"/>
                      </a:lnTo>
                      <a:lnTo>
                        <a:pt x="438" y="9089"/>
                      </a:lnTo>
                      <a:lnTo>
                        <a:pt x="438" y="9077"/>
                      </a:lnTo>
                      <a:lnTo>
                        <a:pt x="439" y="9065"/>
                      </a:lnTo>
                      <a:lnTo>
                        <a:pt x="440" y="9051"/>
                      </a:lnTo>
                      <a:lnTo>
                        <a:pt x="444" y="9039"/>
                      </a:lnTo>
                      <a:lnTo>
                        <a:pt x="446" y="9028"/>
                      </a:lnTo>
                      <a:lnTo>
                        <a:pt x="450" y="9016"/>
                      </a:lnTo>
                      <a:lnTo>
                        <a:pt x="454" y="9005"/>
                      </a:lnTo>
                      <a:lnTo>
                        <a:pt x="459" y="8994"/>
                      </a:lnTo>
                      <a:lnTo>
                        <a:pt x="464" y="8983"/>
                      </a:lnTo>
                      <a:lnTo>
                        <a:pt x="470" y="8972"/>
                      </a:lnTo>
                      <a:lnTo>
                        <a:pt x="477" y="8962"/>
                      </a:lnTo>
                      <a:lnTo>
                        <a:pt x="484" y="8952"/>
                      </a:lnTo>
                      <a:lnTo>
                        <a:pt x="491" y="8942"/>
                      </a:lnTo>
                      <a:lnTo>
                        <a:pt x="499" y="8932"/>
                      </a:lnTo>
                      <a:lnTo>
                        <a:pt x="507" y="8923"/>
                      </a:lnTo>
                      <a:lnTo>
                        <a:pt x="516" y="8915"/>
                      </a:lnTo>
                      <a:lnTo>
                        <a:pt x="526" y="8906"/>
                      </a:lnTo>
                      <a:lnTo>
                        <a:pt x="536" y="8898"/>
                      </a:lnTo>
                      <a:lnTo>
                        <a:pt x="546" y="8891"/>
                      </a:lnTo>
                      <a:lnTo>
                        <a:pt x="556" y="8884"/>
                      </a:lnTo>
                      <a:lnTo>
                        <a:pt x="567" y="8877"/>
                      </a:lnTo>
                      <a:lnTo>
                        <a:pt x="578" y="8872"/>
                      </a:lnTo>
                      <a:lnTo>
                        <a:pt x="589" y="8866"/>
                      </a:lnTo>
                      <a:lnTo>
                        <a:pt x="601" y="8862"/>
                      </a:lnTo>
                      <a:lnTo>
                        <a:pt x="613" y="8857"/>
                      </a:lnTo>
                      <a:lnTo>
                        <a:pt x="626" y="8853"/>
                      </a:lnTo>
                      <a:lnTo>
                        <a:pt x="638" y="8849"/>
                      </a:lnTo>
                      <a:lnTo>
                        <a:pt x="651" y="8846"/>
                      </a:lnTo>
                      <a:lnTo>
                        <a:pt x="664" y="8845"/>
                      </a:lnTo>
                      <a:lnTo>
                        <a:pt x="678" y="8843"/>
                      </a:lnTo>
                      <a:lnTo>
                        <a:pt x="691" y="8842"/>
                      </a:lnTo>
                      <a:lnTo>
                        <a:pt x="705" y="8842"/>
                      </a:lnTo>
                      <a:close/>
                      <a:moveTo>
                        <a:pt x="705" y="7659"/>
                      </a:moveTo>
                      <a:lnTo>
                        <a:pt x="6629" y="7659"/>
                      </a:lnTo>
                      <a:lnTo>
                        <a:pt x="6642" y="7659"/>
                      </a:lnTo>
                      <a:lnTo>
                        <a:pt x="6655" y="7660"/>
                      </a:lnTo>
                      <a:lnTo>
                        <a:pt x="6669" y="7662"/>
                      </a:lnTo>
                      <a:lnTo>
                        <a:pt x="6682" y="7665"/>
                      </a:lnTo>
                      <a:lnTo>
                        <a:pt x="6695" y="7667"/>
                      </a:lnTo>
                      <a:lnTo>
                        <a:pt x="6708" y="7670"/>
                      </a:lnTo>
                      <a:lnTo>
                        <a:pt x="6720" y="7675"/>
                      </a:lnTo>
                      <a:lnTo>
                        <a:pt x="6732" y="7679"/>
                      </a:lnTo>
                      <a:lnTo>
                        <a:pt x="6744" y="7684"/>
                      </a:lnTo>
                      <a:lnTo>
                        <a:pt x="6755" y="7689"/>
                      </a:lnTo>
                      <a:lnTo>
                        <a:pt x="6766" y="7696"/>
                      </a:lnTo>
                      <a:lnTo>
                        <a:pt x="6777" y="7701"/>
                      </a:lnTo>
                      <a:lnTo>
                        <a:pt x="6789" y="7709"/>
                      </a:lnTo>
                      <a:lnTo>
                        <a:pt x="6799" y="7716"/>
                      </a:lnTo>
                      <a:lnTo>
                        <a:pt x="6809" y="7723"/>
                      </a:lnTo>
                      <a:lnTo>
                        <a:pt x="6817" y="7732"/>
                      </a:lnTo>
                      <a:lnTo>
                        <a:pt x="6826" y="7740"/>
                      </a:lnTo>
                      <a:lnTo>
                        <a:pt x="6834" y="7750"/>
                      </a:lnTo>
                      <a:lnTo>
                        <a:pt x="6843" y="7759"/>
                      </a:lnTo>
                      <a:lnTo>
                        <a:pt x="6850" y="7769"/>
                      </a:lnTo>
                      <a:lnTo>
                        <a:pt x="6857" y="7779"/>
                      </a:lnTo>
                      <a:lnTo>
                        <a:pt x="6863" y="7789"/>
                      </a:lnTo>
                      <a:lnTo>
                        <a:pt x="6870" y="7800"/>
                      </a:lnTo>
                      <a:lnTo>
                        <a:pt x="6875" y="7811"/>
                      </a:lnTo>
                      <a:lnTo>
                        <a:pt x="6879" y="7822"/>
                      </a:lnTo>
                      <a:lnTo>
                        <a:pt x="6884" y="7833"/>
                      </a:lnTo>
                      <a:lnTo>
                        <a:pt x="6887" y="7846"/>
                      </a:lnTo>
                      <a:lnTo>
                        <a:pt x="6891" y="7858"/>
                      </a:lnTo>
                      <a:lnTo>
                        <a:pt x="6893" y="7870"/>
                      </a:lnTo>
                      <a:lnTo>
                        <a:pt x="6894" y="7882"/>
                      </a:lnTo>
                      <a:lnTo>
                        <a:pt x="6895" y="7894"/>
                      </a:lnTo>
                      <a:lnTo>
                        <a:pt x="6896" y="7907"/>
                      </a:lnTo>
                      <a:lnTo>
                        <a:pt x="6896" y="8494"/>
                      </a:lnTo>
                      <a:lnTo>
                        <a:pt x="6895" y="8507"/>
                      </a:lnTo>
                      <a:lnTo>
                        <a:pt x="6894" y="8519"/>
                      </a:lnTo>
                      <a:lnTo>
                        <a:pt x="6893" y="8531"/>
                      </a:lnTo>
                      <a:lnTo>
                        <a:pt x="6891" y="8543"/>
                      </a:lnTo>
                      <a:lnTo>
                        <a:pt x="6887" y="8556"/>
                      </a:lnTo>
                      <a:lnTo>
                        <a:pt x="6884" y="8568"/>
                      </a:lnTo>
                      <a:lnTo>
                        <a:pt x="6879" y="8579"/>
                      </a:lnTo>
                      <a:lnTo>
                        <a:pt x="6875" y="8590"/>
                      </a:lnTo>
                      <a:lnTo>
                        <a:pt x="6870" y="8601"/>
                      </a:lnTo>
                      <a:lnTo>
                        <a:pt x="6863" y="8612"/>
                      </a:lnTo>
                      <a:lnTo>
                        <a:pt x="6857" y="8622"/>
                      </a:lnTo>
                      <a:lnTo>
                        <a:pt x="6850" y="8632"/>
                      </a:lnTo>
                      <a:lnTo>
                        <a:pt x="6843" y="8642"/>
                      </a:lnTo>
                      <a:lnTo>
                        <a:pt x="6834" y="8651"/>
                      </a:lnTo>
                      <a:lnTo>
                        <a:pt x="6826" y="8661"/>
                      </a:lnTo>
                      <a:lnTo>
                        <a:pt x="6817" y="8669"/>
                      </a:lnTo>
                      <a:lnTo>
                        <a:pt x="6809" y="8678"/>
                      </a:lnTo>
                      <a:lnTo>
                        <a:pt x="6799" y="8685"/>
                      </a:lnTo>
                      <a:lnTo>
                        <a:pt x="6789" y="8692"/>
                      </a:lnTo>
                      <a:lnTo>
                        <a:pt x="6777" y="8700"/>
                      </a:lnTo>
                      <a:lnTo>
                        <a:pt x="6766" y="8706"/>
                      </a:lnTo>
                      <a:lnTo>
                        <a:pt x="6755" y="8712"/>
                      </a:lnTo>
                      <a:lnTo>
                        <a:pt x="6744" y="8717"/>
                      </a:lnTo>
                      <a:lnTo>
                        <a:pt x="6732" y="8722"/>
                      </a:lnTo>
                      <a:lnTo>
                        <a:pt x="6720" y="8726"/>
                      </a:lnTo>
                      <a:lnTo>
                        <a:pt x="6708" y="8731"/>
                      </a:lnTo>
                      <a:lnTo>
                        <a:pt x="6695" y="8734"/>
                      </a:lnTo>
                      <a:lnTo>
                        <a:pt x="6682" y="8736"/>
                      </a:lnTo>
                      <a:lnTo>
                        <a:pt x="6669" y="8739"/>
                      </a:lnTo>
                      <a:lnTo>
                        <a:pt x="6655" y="8741"/>
                      </a:lnTo>
                      <a:lnTo>
                        <a:pt x="6642" y="8742"/>
                      </a:lnTo>
                      <a:lnTo>
                        <a:pt x="6629" y="8742"/>
                      </a:lnTo>
                      <a:lnTo>
                        <a:pt x="705" y="8742"/>
                      </a:lnTo>
                      <a:lnTo>
                        <a:pt x="691" y="8742"/>
                      </a:lnTo>
                      <a:lnTo>
                        <a:pt x="678" y="8741"/>
                      </a:lnTo>
                      <a:lnTo>
                        <a:pt x="664" y="8739"/>
                      </a:lnTo>
                      <a:lnTo>
                        <a:pt x="651" y="8736"/>
                      </a:lnTo>
                      <a:lnTo>
                        <a:pt x="638" y="8734"/>
                      </a:lnTo>
                      <a:lnTo>
                        <a:pt x="626" y="8731"/>
                      </a:lnTo>
                      <a:lnTo>
                        <a:pt x="613" y="8726"/>
                      </a:lnTo>
                      <a:lnTo>
                        <a:pt x="601" y="8722"/>
                      </a:lnTo>
                      <a:lnTo>
                        <a:pt x="589" y="8717"/>
                      </a:lnTo>
                      <a:lnTo>
                        <a:pt x="578" y="8712"/>
                      </a:lnTo>
                      <a:lnTo>
                        <a:pt x="567" y="8706"/>
                      </a:lnTo>
                      <a:lnTo>
                        <a:pt x="556" y="8700"/>
                      </a:lnTo>
                      <a:lnTo>
                        <a:pt x="546" y="8692"/>
                      </a:lnTo>
                      <a:lnTo>
                        <a:pt x="536" y="8685"/>
                      </a:lnTo>
                      <a:lnTo>
                        <a:pt x="526" y="8678"/>
                      </a:lnTo>
                      <a:lnTo>
                        <a:pt x="516" y="8669"/>
                      </a:lnTo>
                      <a:lnTo>
                        <a:pt x="507" y="8661"/>
                      </a:lnTo>
                      <a:lnTo>
                        <a:pt x="499" y="8651"/>
                      </a:lnTo>
                      <a:lnTo>
                        <a:pt x="491" y="8642"/>
                      </a:lnTo>
                      <a:lnTo>
                        <a:pt x="484" y="8632"/>
                      </a:lnTo>
                      <a:lnTo>
                        <a:pt x="477" y="8622"/>
                      </a:lnTo>
                      <a:lnTo>
                        <a:pt x="470" y="8612"/>
                      </a:lnTo>
                      <a:lnTo>
                        <a:pt x="464" y="8601"/>
                      </a:lnTo>
                      <a:lnTo>
                        <a:pt x="459" y="8590"/>
                      </a:lnTo>
                      <a:lnTo>
                        <a:pt x="454" y="8579"/>
                      </a:lnTo>
                      <a:lnTo>
                        <a:pt x="450" y="8568"/>
                      </a:lnTo>
                      <a:lnTo>
                        <a:pt x="446" y="8556"/>
                      </a:lnTo>
                      <a:lnTo>
                        <a:pt x="444" y="8543"/>
                      </a:lnTo>
                      <a:lnTo>
                        <a:pt x="440" y="8531"/>
                      </a:lnTo>
                      <a:lnTo>
                        <a:pt x="439" y="8519"/>
                      </a:lnTo>
                      <a:lnTo>
                        <a:pt x="438" y="8507"/>
                      </a:lnTo>
                      <a:lnTo>
                        <a:pt x="438" y="8494"/>
                      </a:lnTo>
                      <a:lnTo>
                        <a:pt x="438" y="7907"/>
                      </a:lnTo>
                      <a:lnTo>
                        <a:pt x="438" y="7894"/>
                      </a:lnTo>
                      <a:lnTo>
                        <a:pt x="439" y="7882"/>
                      </a:lnTo>
                      <a:lnTo>
                        <a:pt x="440" y="7870"/>
                      </a:lnTo>
                      <a:lnTo>
                        <a:pt x="444" y="7858"/>
                      </a:lnTo>
                      <a:lnTo>
                        <a:pt x="446" y="7846"/>
                      </a:lnTo>
                      <a:lnTo>
                        <a:pt x="450" y="7833"/>
                      </a:lnTo>
                      <a:lnTo>
                        <a:pt x="454" y="7822"/>
                      </a:lnTo>
                      <a:lnTo>
                        <a:pt x="459" y="7811"/>
                      </a:lnTo>
                      <a:lnTo>
                        <a:pt x="464" y="7800"/>
                      </a:lnTo>
                      <a:lnTo>
                        <a:pt x="470" y="7789"/>
                      </a:lnTo>
                      <a:lnTo>
                        <a:pt x="477" y="7779"/>
                      </a:lnTo>
                      <a:lnTo>
                        <a:pt x="484" y="7769"/>
                      </a:lnTo>
                      <a:lnTo>
                        <a:pt x="491" y="7759"/>
                      </a:lnTo>
                      <a:lnTo>
                        <a:pt x="499" y="7750"/>
                      </a:lnTo>
                      <a:lnTo>
                        <a:pt x="507" y="7740"/>
                      </a:lnTo>
                      <a:lnTo>
                        <a:pt x="516" y="7732"/>
                      </a:lnTo>
                      <a:lnTo>
                        <a:pt x="526" y="7723"/>
                      </a:lnTo>
                      <a:lnTo>
                        <a:pt x="536" y="7716"/>
                      </a:lnTo>
                      <a:lnTo>
                        <a:pt x="546" y="7709"/>
                      </a:lnTo>
                      <a:lnTo>
                        <a:pt x="556" y="7701"/>
                      </a:lnTo>
                      <a:lnTo>
                        <a:pt x="567" y="7696"/>
                      </a:lnTo>
                      <a:lnTo>
                        <a:pt x="578" y="7689"/>
                      </a:lnTo>
                      <a:lnTo>
                        <a:pt x="589" y="7684"/>
                      </a:lnTo>
                      <a:lnTo>
                        <a:pt x="601" y="7679"/>
                      </a:lnTo>
                      <a:lnTo>
                        <a:pt x="613" y="7675"/>
                      </a:lnTo>
                      <a:lnTo>
                        <a:pt x="626" y="7670"/>
                      </a:lnTo>
                      <a:lnTo>
                        <a:pt x="638" y="7667"/>
                      </a:lnTo>
                      <a:lnTo>
                        <a:pt x="651" y="7665"/>
                      </a:lnTo>
                      <a:lnTo>
                        <a:pt x="664" y="7662"/>
                      </a:lnTo>
                      <a:lnTo>
                        <a:pt x="678" y="7660"/>
                      </a:lnTo>
                      <a:lnTo>
                        <a:pt x="691" y="7659"/>
                      </a:lnTo>
                      <a:lnTo>
                        <a:pt x="705" y="7659"/>
                      </a:lnTo>
                      <a:close/>
                      <a:moveTo>
                        <a:pt x="705" y="6477"/>
                      </a:moveTo>
                      <a:lnTo>
                        <a:pt x="6629" y="6477"/>
                      </a:lnTo>
                      <a:lnTo>
                        <a:pt x="6642" y="6477"/>
                      </a:lnTo>
                      <a:lnTo>
                        <a:pt x="6655" y="6478"/>
                      </a:lnTo>
                      <a:lnTo>
                        <a:pt x="6669" y="6480"/>
                      </a:lnTo>
                      <a:lnTo>
                        <a:pt x="6682" y="6482"/>
                      </a:lnTo>
                      <a:lnTo>
                        <a:pt x="6695" y="6484"/>
                      </a:lnTo>
                      <a:lnTo>
                        <a:pt x="6708" y="6488"/>
                      </a:lnTo>
                      <a:lnTo>
                        <a:pt x="6720" y="6492"/>
                      </a:lnTo>
                      <a:lnTo>
                        <a:pt x="6732" y="6497"/>
                      </a:lnTo>
                      <a:lnTo>
                        <a:pt x="6744" y="6501"/>
                      </a:lnTo>
                      <a:lnTo>
                        <a:pt x="6755" y="6506"/>
                      </a:lnTo>
                      <a:lnTo>
                        <a:pt x="6766" y="6513"/>
                      </a:lnTo>
                      <a:lnTo>
                        <a:pt x="6777" y="6519"/>
                      </a:lnTo>
                      <a:lnTo>
                        <a:pt x="6789" y="6526"/>
                      </a:lnTo>
                      <a:lnTo>
                        <a:pt x="6799" y="6533"/>
                      </a:lnTo>
                      <a:lnTo>
                        <a:pt x="6809" y="6541"/>
                      </a:lnTo>
                      <a:lnTo>
                        <a:pt x="6817" y="6550"/>
                      </a:lnTo>
                      <a:lnTo>
                        <a:pt x="6826" y="6559"/>
                      </a:lnTo>
                      <a:lnTo>
                        <a:pt x="6834" y="6568"/>
                      </a:lnTo>
                      <a:lnTo>
                        <a:pt x="6843" y="6576"/>
                      </a:lnTo>
                      <a:lnTo>
                        <a:pt x="6850" y="6586"/>
                      </a:lnTo>
                      <a:lnTo>
                        <a:pt x="6857" y="6596"/>
                      </a:lnTo>
                      <a:lnTo>
                        <a:pt x="6863" y="6606"/>
                      </a:lnTo>
                      <a:lnTo>
                        <a:pt x="6870" y="6617"/>
                      </a:lnTo>
                      <a:lnTo>
                        <a:pt x="6875" y="6629"/>
                      </a:lnTo>
                      <a:lnTo>
                        <a:pt x="6879" y="6640"/>
                      </a:lnTo>
                      <a:lnTo>
                        <a:pt x="6884" y="6651"/>
                      </a:lnTo>
                      <a:lnTo>
                        <a:pt x="6887" y="6663"/>
                      </a:lnTo>
                      <a:lnTo>
                        <a:pt x="6891" y="6675"/>
                      </a:lnTo>
                      <a:lnTo>
                        <a:pt x="6893" y="6687"/>
                      </a:lnTo>
                      <a:lnTo>
                        <a:pt x="6894" y="6700"/>
                      </a:lnTo>
                      <a:lnTo>
                        <a:pt x="6895" y="6712"/>
                      </a:lnTo>
                      <a:lnTo>
                        <a:pt x="6896" y="6725"/>
                      </a:lnTo>
                      <a:lnTo>
                        <a:pt x="6896" y="7312"/>
                      </a:lnTo>
                      <a:lnTo>
                        <a:pt x="6895" y="7324"/>
                      </a:lnTo>
                      <a:lnTo>
                        <a:pt x="6894" y="7336"/>
                      </a:lnTo>
                      <a:lnTo>
                        <a:pt x="6893" y="7350"/>
                      </a:lnTo>
                      <a:lnTo>
                        <a:pt x="6891" y="7362"/>
                      </a:lnTo>
                      <a:lnTo>
                        <a:pt x="6887" y="7373"/>
                      </a:lnTo>
                      <a:lnTo>
                        <a:pt x="6884" y="7385"/>
                      </a:lnTo>
                      <a:lnTo>
                        <a:pt x="6879" y="7396"/>
                      </a:lnTo>
                      <a:lnTo>
                        <a:pt x="6875" y="7407"/>
                      </a:lnTo>
                      <a:lnTo>
                        <a:pt x="6870" y="7418"/>
                      </a:lnTo>
                      <a:lnTo>
                        <a:pt x="6863" y="7429"/>
                      </a:lnTo>
                      <a:lnTo>
                        <a:pt x="6857" y="7439"/>
                      </a:lnTo>
                      <a:lnTo>
                        <a:pt x="6850" y="7449"/>
                      </a:lnTo>
                      <a:lnTo>
                        <a:pt x="6843" y="7459"/>
                      </a:lnTo>
                      <a:lnTo>
                        <a:pt x="6834" y="7469"/>
                      </a:lnTo>
                      <a:lnTo>
                        <a:pt x="6826" y="7478"/>
                      </a:lnTo>
                      <a:lnTo>
                        <a:pt x="6817" y="7486"/>
                      </a:lnTo>
                      <a:lnTo>
                        <a:pt x="6809" y="7495"/>
                      </a:lnTo>
                      <a:lnTo>
                        <a:pt x="6799" y="7503"/>
                      </a:lnTo>
                      <a:lnTo>
                        <a:pt x="6789" y="7510"/>
                      </a:lnTo>
                      <a:lnTo>
                        <a:pt x="6777" y="7517"/>
                      </a:lnTo>
                      <a:lnTo>
                        <a:pt x="6766" y="7524"/>
                      </a:lnTo>
                      <a:lnTo>
                        <a:pt x="6755" y="7529"/>
                      </a:lnTo>
                      <a:lnTo>
                        <a:pt x="6744" y="7535"/>
                      </a:lnTo>
                      <a:lnTo>
                        <a:pt x="6732" y="7539"/>
                      </a:lnTo>
                      <a:lnTo>
                        <a:pt x="6720" y="7544"/>
                      </a:lnTo>
                      <a:lnTo>
                        <a:pt x="6708" y="7548"/>
                      </a:lnTo>
                      <a:lnTo>
                        <a:pt x="6695" y="7552"/>
                      </a:lnTo>
                      <a:lnTo>
                        <a:pt x="6682" y="7554"/>
                      </a:lnTo>
                      <a:lnTo>
                        <a:pt x="6669" y="7556"/>
                      </a:lnTo>
                      <a:lnTo>
                        <a:pt x="6655" y="7558"/>
                      </a:lnTo>
                      <a:lnTo>
                        <a:pt x="6642" y="7559"/>
                      </a:lnTo>
                      <a:lnTo>
                        <a:pt x="6629" y="7559"/>
                      </a:lnTo>
                      <a:lnTo>
                        <a:pt x="705" y="7559"/>
                      </a:lnTo>
                      <a:lnTo>
                        <a:pt x="691" y="7559"/>
                      </a:lnTo>
                      <a:lnTo>
                        <a:pt x="678" y="7558"/>
                      </a:lnTo>
                      <a:lnTo>
                        <a:pt x="664" y="7556"/>
                      </a:lnTo>
                      <a:lnTo>
                        <a:pt x="651" y="7554"/>
                      </a:lnTo>
                      <a:lnTo>
                        <a:pt x="638" y="7552"/>
                      </a:lnTo>
                      <a:lnTo>
                        <a:pt x="626" y="7548"/>
                      </a:lnTo>
                      <a:lnTo>
                        <a:pt x="613" y="7544"/>
                      </a:lnTo>
                      <a:lnTo>
                        <a:pt x="601" y="7539"/>
                      </a:lnTo>
                      <a:lnTo>
                        <a:pt x="589" y="7535"/>
                      </a:lnTo>
                      <a:lnTo>
                        <a:pt x="578" y="7529"/>
                      </a:lnTo>
                      <a:lnTo>
                        <a:pt x="567" y="7524"/>
                      </a:lnTo>
                      <a:lnTo>
                        <a:pt x="556" y="7517"/>
                      </a:lnTo>
                      <a:lnTo>
                        <a:pt x="546" y="7510"/>
                      </a:lnTo>
                      <a:lnTo>
                        <a:pt x="536" y="7503"/>
                      </a:lnTo>
                      <a:lnTo>
                        <a:pt x="526" y="7495"/>
                      </a:lnTo>
                      <a:lnTo>
                        <a:pt x="516" y="7486"/>
                      </a:lnTo>
                      <a:lnTo>
                        <a:pt x="507" y="7478"/>
                      </a:lnTo>
                      <a:lnTo>
                        <a:pt x="499" y="7469"/>
                      </a:lnTo>
                      <a:lnTo>
                        <a:pt x="491" y="7459"/>
                      </a:lnTo>
                      <a:lnTo>
                        <a:pt x="484" y="7449"/>
                      </a:lnTo>
                      <a:lnTo>
                        <a:pt x="477" y="7439"/>
                      </a:lnTo>
                      <a:lnTo>
                        <a:pt x="470" y="7429"/>
                      </a:lnTo>
                      <a:lnTo>
                        <a:pt x="464" y="7418"/>
                      </a:lnTo>
                      <a:lnTo>
                        <a:pt x="459" y="7407"/>
                      </a:lnTo>
                      <a:lnTo>
                        <a:pt x="454" y="7396"/>
                      </a:lnTo>
                      <a:lnTo>
                        <a:pt x="450" y="7385"/>
                      </a:lnTo>
                      <a:lnTo>
                        <a:pt x="446" y="7373"/>
                      </a:lnTo>
                      <a:lnTo>
                        <a:pt x="444" y="7362"/>
                      </a:lnTo>
                      <a:lnTo>
                        <a:pt x="440" y="7350"/>
                      </a:lnTo>
                      <a:lnTo>
                        <a:pt x="439" y="7336"/>
                      </a:lnTo>
                      <a:lnTo>
                        <a:pt x="438" y="7324"/>
                      </a:lnTo>
                      <a:lnTo>
                        <a:pt x="438" y="7312"/>
                      </a:lnTo>
                      <a:lnTo>
                        <a:pt x="438" y="6725"/>
                      </a:lnTo>
                      <a:lnTo>
                        <a:pt x="438" y="6712"/>
                      </a:lnTo>
                      <a:lnTo>
                        <a:pt x="439" y="6700"/>
                      </a:lnTo>
                      <a:lnTo>
                        <a:pt x="440" y="6687"/>
                      </a:lnTo>
                      <a:lnTo>
                        <a:pt x="444" y="6675"/>
                      </a:lnTo>
                      <a:lnTo>
                        <a:pt x="446" y="6663"/>
                      </a:lnTo>
                      <a:lnTo>
                        <a:pt x="450" y="6651"/>
                      </a:lnTo>
                      <a:lnTo>
                        <a:pt x="454" y="6640"/>
                      </a:lnTo>
                      <a:lnTo>
                        <a:pt x="459" y="6629"/>
                      </a:lnTo>
                      <a:lnTo>
                        <a:pt x="464" y="6617"/>
                      </a:lnTo>
                      <a:lnTo>
                        <a:pt x="470" y="6606"/>
                      </a:lnTo>
                      <a:lnTo>
                        <a:pt x="477" y="6596"/>
                      </a:lnTo>
                      <a:lnTo>
                        <a:pt x="484" y="6586"/>
                      </a:lnTo>
                      <a:lnTo>
                        <a:pt x="491" y="6576"/>
                      </a:lnTo>
                      <a:lnTo>
                        <a:pt x="499" y="6568"/>
                      </a:lnTo>
                      <a:lnTo>
                        <a:pt x="507" y="6559"/>
                      </a:lnTo>
                      <a:lnTo>
                        <a:pt x="516" y="6550"/>
                      </a:lnTo>
                      <a:lnTo>
                        <a:pt x="526" y="6541"/>
                      </a:lnTo>
                      <a:lnTo>
                        <a:pt x="536" y="6533"/>
                      </a:lnTo>
                      <a:lnTo>
                        <a:pt x="546" y="6526"/>
                      </a:lnTo>
                      <a:lnTo>
                        <a:pt x="556" y="6519"/>
                      </a:lnTo>
                      <a:lnTo>
                        <a:pt x="567" y="6513"/>
                      </a:lnTo>
                      <a:lnTo>
                        <a:pt x="578" y="6506"/>
                      </a:lnTo>
                      <a:lnTo>
                        <a:pt x="589" y="6501"/>
                      </a:lnTo>
                      <a:lnTo>
                        <a:pt x="601" y="6497"/>
                      </a:lnTo>
                      <a:lnTo>
                        <a:pt x="613" y="6492"/>
                      </a:lnTo>
                      <a:lnTo>
                        <a:pt x="626" y="6488"/>
                      </a:lnTo>
                      <a:lnTo>
                        <a:pt x="638" y="6484"/>
                      </a:lnTo>
                      <a:lnTo>
                        <a:pt x="651" y="6482"/>
                      </a:lnTo>
                      <a:lnTo>
                        <a:pt x="664" y="6480"/>
                      </a:lnTo>
                      <a:lnTo>
                        <a:pt x="678" y="6478"/>
                      </a:lnTo>
                      <a:lnTo>
                        <a:pt x="691" y="6477"/>
                      </a:lnTo>
                      <a:lnTo>
                        <a:pt x="705" y="6477"/>
                      </a:lnTo>
                      <a:close/>
                      <a:moveTo>
                        <a:pt x="705" y="5294"/>
                      </a:moveTo>
                      <a:lnTo>
                        <a:pt x="6629" y="5294"/>
                      </a:lnTo>
                      <a:lnTo>
                        <a:pt x="6642" y="5295"/>
                      </a:lnTo>
                      <a:lnTo>
                        <a:pt x="6655" y="5295"/>
                      </a:lnTo>
                      <a:lnTo>
                        <a:pt x="6669" y="5297"/>
                      </a:lnTo>
                      <a:lnTo>
                        <a:pt x="6682" y="5299"/>
                      </a:lnTo>
                      <a:lnTo>
                        <a:pt x="6695" y="5302"/>
                      </a:lnTo>
                      <a:lnTo>
                        <a:pt x="6708" y="5305"/>
                      </a:lnTo>
                      <a:lnTo>
                        <a:pt x="6720" y="5309"/>
                      </a:lnTo>
                      <a:lnTo>
                        <a:pt x="6732" y="5314"/>
                      </a:lnTo>
                      <a:lnTo>
                        <a:pt x="6744" y="5318"/>
                      </a:lnTo>
                      <a:lnTo>
                        <a:pt x="6755" y="5324"/>
                      </a:lnTo>
                      <a:lnTo>
                        <a:pt x="6766" y="5331"/>
                      </a:lnTo>
                      <a:lnTo>
                        <a:pt x="6777" y="5337"/>
                      </a:lnTo>
                      <a:lnTo>
                        <a:pt x="6789" y="5344"/>
                      </a:lnTo>
                      <a:lnTo>
                        <a:pt x="6799" y="5351"/>
                      </a:lnTo>
                      <a:lnTo>
                        <a:pt x="6809" y="5358"/>
                      </a:lnTo>
                      <a:lnTo>
                        <a:pt x="6817" y="5367"/>
                      </a:lnTo>
                      <a:lnTo>
                        <a:pt x="6826" y="5376"/>
                      </a:lnTo>
                      <a:lnTo>
                        <a:pt x="6834" y="5385"/>
                      </a:lnTo>
                      <a:lnTo>
                        <a:pt x="6843" y="5394"/>
                      </a:lnTo>
                      <a:lnTo>
                        <a:pt x="6850" y="5404"/>
                      </a:lnTo>
                      <a:lnTo>
                        <a:pt x="6857" y="5414"/>
                      </a:lnTo>
                      <a:lnTo>
                        <a:pt x="6863" y="5424"/>
                      </a:lnTo>
                      <a:lnTo>
                        <a:pt x="6870" y="5435"/>
                      </a:lnTo>
                      <a:lnTo>
                        <a:pt x="6875" y="5446"/>
                      </a:lnTo>
                      <a:lnTo>
                        <a:pt x="6879" y="5457"/>
                      </a:lnTo>
                      <a:lnTo>
                        <a:pt x="6884" y="5468"/>
                      </a:lnTo>
                      <a:lnTo>
                        <a:pt x="6887" y="5480"/>
                      </a:lnTo>
                      <a:lnTo>
                        <a:pt x="6891" y="5493"/>
                      </a:lnTo>
                      <a:lnTo>
                        <a:pt x="6893" y="5505"/>
                      </a:lnTo>
                      <a:lnTo>
                        <a:pt x="6894" y="5517"/>
                      </a:lnTo>
                      <a:lnTo>
                        <a:pt x="6895" y="5529"/>
                      </a:lnTo>
                      <a:lnTo>
                        <a:pt x="6896" y="5542"/>
                      </a:lnTo>
                      <a:lnTo>
                        <a:pt x="6896" y="6129"/>
                      </a:lnTo>
                      <a:lnTo>
                        <a:pt x="6895" y="6142"/>
                      </a:lnTo>
                      <a:lnTo>
                        <a:pt x="6894" y="6155"/>
                      </a:lnTo>
                      <a:lnTo>
                        <a:pt x="6893" y="6167"/>
                      </a:lnTo>
                      <a:lnTo>
                        <a:pt x="6891" y="6179"/>
                      </a:lnTo>
                      <a:lnTo>
                        <a:pt x="6887" y="6190"/>
                      </a:lnTo>
                      <a:lnTo>
                        <a:pt x="6884" y="6203"/>
                      </a:lnTo>
                      <a:lnTo>
                        <a:pt x="6879" y="6214"/>
                      </a:lnTo>
                      <a:lnTo>
                        <a:pt x="6875" y="6226"/>
                      </a:lnTo>
                      <a:lnTo>
                        <a:pt x="6870" y="6236"/>
                      </a:lnTo>
                      <a:lnTo>
                        <a:pt x="6863" y="6247"/>
                      </a:lnTo>
                      <a:lnTo>
                        <a:pt x="6857" y="6257"/>
                      </a:lnTo>
                      <a:lnTo>
                        <a:pt x="6850" y="6267"/>
                      </a:lnTo>
                      <a:lnTo>
                        <a:pt x="6843" y="6277"/>
                      </a:lnTo>
                      <a:lnTo>
                        <a:pt x="6834" y="6287"/>
                      </a:lnTo>
                      <a:lnTo>
                        <a:pt x="6826" y="6296"/>
                      </a:lnTo>
                      <a:lnTo>
                        <a:pt x="6817" y="6305"/>
                      </a:lnTo>
                      <a:lnTo>
                        <a:pt x="6809" y="6312"/>
                      </a:lnTo>
                      <a:lnTo>
                        <a:pt x="6799" y="6320"/>
                      </a:lnTo>
                      <a:lnTo>
                        <a:pt x="6789" y="6328"/>
                      </a:lnTo>
                      <a:lnTo>
                        <a:pt x="6777" y="6335"/>
                      </a:lnTo>
                      <a:lnTo>
                        <a:pt x="6766" y="6341"/>
                      </a:lnTo>
                      <a:lnTo>
                        <a:pt x="6755" y="6347"/>
                      </a:lnTo>
                      <a:lnTo>
                        <a:pt x="6744" y="6352"/>
                      </a:lnTo>
                      <a:lnTo>
                        <a:pt x="6732" y="6358"/>
                      </a:lnTo>
                      <a:lnTo>
                        <a:pt x="6720" y="6362"/>
                      </a:lnTo>
                      <a:lnTo>
                        <a:pt x="6708" y="6366"/>
                      </a:lnTo>
                      <a:lnTo>
                        <a:pt x="6695" y="6369"/>
                      </a:lnTo>
                      <a:lnTo>
                        <a:pt x="6682" y="6372"/>
                      </a:lnTo>
                      <a:lnTo>
                        <a:pt x="6669" y="6374"/>
                      </a:lnTo>
                      <a:lnTo>
                        <a:pt x="6655" y="6376"/>
                      </a:lnTo>
                      <a:lnTo>
                        <a:pt x="6642" y="6377"/>
                      </a:lnTo>
                      <a:lnTo>
                        <a:pt x="6629" y="6377"/>
                      </a:lnTo>
                      <a:lnTo>
                        <a:pt x="705" y="6377"/>
                      </a:lnTo>
                      <a:lnTo>
                        <a:pt x="691" y="6377"/>
                      </a:lnTo>
                      <a:lnTo>
                        <a:pt x="678" y="6376"/>
                      </a:lnTo>
                      <a:lnTo>
                        <a:pt x="664" y="6374"/>
                      </a:lnTo>
                      <a:lnTo>
                        <a:pt x="651" y="6372"/>
                      </a:lnTo>
                      <a:lnTo>
                        <a:pt x="638" y="6369"/>
                      </a:lnTo>
                      <a:lnTo>
                        <a:pt x="626" y="6366"/>
                      </a:lnTo>
                      <a:lnTo>
                        <a:pt x="613" y="6362"/>
                      </a:lnTo>
                      <a:lnTo>
                        <a:pt x="601" y="6358"/>
                      </a:lnTo>
                      <a:lnTo>
                        <a:pt x="589" y="6352"/>
                      </a:lnTo>
                      <a:lnTo>
                        <a:pt x="578" y="6347"/>
                      </a:lnTo>
                      <a:lnTo>
                        <a:pt x="567" y="6341"/>
                      </a:lnTo>
                      <a:lnTo>
                        <a:pt x="556" y="6335"/>
                      </a:lnTo>
                      <a:lnTo>
                        <a:pt x="546" y="6328"/>
                      </a:lnTo>
                      <a:lnTo>
                        <a:pt x="536" y="6320"/>
                      </a:lnTo>
                      <a:lnTo>
                        <a:pt x="526" y="6312"/>
                      </a:lnTo>
                      <a:lnTo>
                        <a:pt x="516" y="6305"/>
                      </a:lnTo>
                      <a:lnTo>
                        <a:pt x="507" y="6296"/>
                      </a:lnTo>
                      <a:lnTo>
                        <a:pt x="499" y="6287"/>
                      </a:lnTo>
                      <a:lnTo>
                        <a:pt x="491" y="6277"/>
                      </a:lnTo>
                      <a:lnTo>
                        <a:pt x="484" y="6267"/>
                      </a:lnTo>
                      <a:lnTo>
                        <a:pt x="477" y="6257"/>
                      </a:lnTo>
                      <a:lnTo>
                        <a:pt x="470" y="6247"/>
                      </a:lnTo>
                      <a:lnTo>
                        <a:pt x="464" y="6236"/>
                      </a:lnTo>
                      <a:lnTo>
                        <a:pt x="459" y="6226"/>
                      </a:lnTo>
                      <a:lnTo>
                        <a:pt x="454" y="6214"/>
                      </a:lnTo>
                      <a:lnTo>
                        <a:pt x="450" y="6203"/>
                      </a:lnTo>
                      <a:lnTo>
                        <a:pt x="446" y="6190"/>
                      </a:lnTo>
                      <a:lnTo>
                        <a:pt x="444" y="6179"/>
                      </a:lnTo>
                      <a:lnTo>
                        <a:pt x="440" y="6167"/>
                      </a:lnTo>
                      <a:lnTo>
                        <a:pt x="439" y="6155"/>
                      </a:lnTo>
                      <a:lnTo>
                        <a:pt x="438" y="6142"/>
                      </a:lnTo>
                      <a:lnTo>
                        <a:pt x="438" y="6129"/>
                      </a:lnTo>
                      <a:lnTo>
                        <a:pt x="438" y="5542"/>
                      </a:lnTo>
                      <a:lnTo>
                        <a:pt x="438" y="5529"/>
                      </a:lnTo>
                      <a:lnTo>
                        <a:pt x="439" y="5517"/>
                      </a:lnTo>
                      <a:lnTo>
                        <a:pt x="440" y="5505"/>
                      </a:lnTo>
                      <a:lnTo>
                        <a:pt x="444" y="5493"/>
                      </a:lnTo>
                      <a:lnTo>
                        <a:pt x="446" y="5480"/>
                      </a:lnTo>
                      <a:lnTo>
                        <a:pt x="450" y="5468"/>
                      </a:lnTo>
                      <a:lnTo>
                        <a:pt x="454" y="5457"/>
                      </a:lnTo>
                      <a:lnTo>
                        <a:pt x="459" y="5446"/>
                      </a:lnTo>
                      <a:lnTo>
                        <a:pt x="464" y="5435"/>
                      </a:lnTo>
                      <a:lnTo>
                        <a:pt x="470" y="5424"/>
                      </a:lnTo>
                      <a:lnTo>
                        <a:pt x="477" y="5414"/>
                      </a:lnTo>
                      <a:lnTo>
                        <a:pt x="484" y="5404"/>
                      </a:lnTo>
                      <a:lnTo>
                        <a:pt x="491" y="5394"/>
                      </a:lnTo>
                      <a:lnTo>
                        <a:pt x="499" y="5385"/>
                      </a:lnTo>
                      <a:lnTo>
                        <a:pt x="507" y="5376"/>
                      </a:lnTo>
                      <a:lnTo>
                        <a:pt x="516" y="5367"/>
                      </a:lnTo>
                      <a:lnTo>
                        <a:pt x="526" y="5358"/>
                      </a:lnTo>
                      <a:lnTo>
                        <a:pt x="536" y="5351"/>
                      </a:lnTo>
                      <a:lnTo>
                        <a:pt x="546" y="5344"/>
                      </a:lnTo>
                      <a:lnTo>
                        <a:pt x="556" y="5337"/>
                      </a:lnTo>
                      <a:lnTo>
                        <a:pt x="567" y="5331"/>
                      </a:lnTo>
                      <a:lnTo>
                        <a:pt x="578" y="5324"/>
                      </a:lnTo>
                      <a:lnTo>
                        <a:pt x="589" y="5318"/>
                      </a:lnTo>
                      <a:lnTo>
                        <a:pt x="601" y="5314"/>
                      </a:lnTo>
                      <a:lnTo>
                        <a:pt x="613" y="5309"/>
                      </a:lnTo>
                      <a:lnTo>
                        <a:pt x="626" y="5305"/>
                      </a:lnTo>
                      <a:lnTo>
                        <a:pt x="638" y="5302"/>
                      </a:lnTo>
                      <a:lnTo>
                        <a:pt x="651" y="5299"/>
                      </a:lnTo>
                      <a:lnTo>
                        <a:pt x="664" y="5297"/>
                      </a:lnTo>
                      <a:lnTo>
                        <a:pt x="678" y="5295"/>
                      </a:lnTo>
                      <a:lnTo>
                        <a:pt x="691" y="5295"/>
                      </a:lnTo>
                      <a:lnTo>
                        <a:pt x="705" y="5294"/>
                      </a:lnTo>
                      <a:close/>
                      <a:moveTo>
                        <a:pt x="705" y="4111"/>
                      </a:moveTo>
                      <a:lnTo>
                        <a:pt x="6629" y="4111"/>
                      </a:lnTo>
                      <a:lnTo>
                        <a:pt x="6642" y="4112"/>
                      </a:lnTo>
                      <a:lnTo>
                        <a:pt x="6655" y="4112"/>
                      </a:lnTo>
                      <a:lnTo>
                        <a:pt x="6669" y="4115"/>
                      </a:lnTo>
                      <a:lnTo>
                        <a:pt x="6682" y="4117"/>
                      </a:lnTo>
                      <a:lnTo>
                        <a:pt x="6695" y="4119"/>
                      </a:lnTo>
                      <a:lnTo>
                        <a:pt x="6708" y="4122"/>
                      </a:lnTo>
                      <a:lnTo>
                        <a:pt x="6720" y="4127"/>
                      </a:lnTo>
                      <a:lnTo>
                        <a:pt x="6732" y="4131"/>
                      </a:lnTo>
                      <a:lnTo>
                        <a:pt x="6744" y="4136"/>
                      </a:lnTo>
                      <a:lnTo>
                        <a:pt x="6755" y="4141"/>
                      </a:lnTo>
                      <a:lnTo>
                        <a:pt x="6766" y="4148"/>
                      </a:lnTo>
                      <a:lnTo>
                        <a:pt x="6777" y="4155"/>
                      </a:lnTo>
                      <a:lnTo>
                        <a:pt x="6789" y="4161"/>
                      </a:lnTo>
                      <a:lnTo>
                        <a:pt x="6799" y="4169"/>
                      </a:lnTo>
                      <a:lnTo>
                        <a:pt x="6809" y="4177"/>
                      </a:lnTo>
                      <a:lnTo>
                        <a:pt x="6817" y="4185"/>
                      </a:lnTo>
                      <a:lnTo>
                        <a:pt x="6826" y="4193"/>
                      </a:lnTo>
                      <a:lnTo>
                        <a:pt x="6834" y="4202"/>
                      </a:lnTo>
                      <a:lnTo>
                        <a:pt x="6843" y="4211"/>
                      </a:lnTo>
                      <a:lnTo>
                        <a:pt x="6850" y="4221"/>
                      </a:lnTo>
                      <a:lnTo>
                        <a:pt x="6857" y="4231"/>
                      </a:lnTo>
                      <a:lnTo>
                        <a:pt x="6863" y="4241"/>
                      </a:lnTo>
                      <a:lnTo>
                        <a:pt x="6870" y="4252"/>
                      </a:lnTo>
                      <a:lnTo>
                        <a:pt x="6875" y="4263"/>
                      </a:lnTo>
                      <a:lnTo>
                        <a:pt x="6879" y="4274"/>
                      </a:lnTo>
                      <a:lnTo>
                        <a:pt x="6884" y="4287"/>
                      </a:lnTo>
                      <a:lnTo>
                        <a:pt x="6887" y="4298"/>
                      </a:lnTo>
                      <a:lnTo>
                        <a:pt x="6891" y="4310"/>
                      </a:lnTo>
                      <a:lnTo>
                        <a:pt x="6893" y="4322"/>
                      </a:lnTo>
                      <a:lnTo>
                        <a:pt x="6894" y="4334"/>
                      </a:lnTo>
                      <a:lnTo>
                        <a:pt x="6895" y="4347"/>
                      </a:lnTo>
                      <a:lnTo>
                        <a:pt x="6896" y="4360"/>
                      </a:lnTo>
                      <a:lnTo>
                        <a:pt x="6896" y="4947"/>
                      </a:lnTo>
                      <a:lnTo>
                        <a:pt x="6895" y="4959"/>
                      </a:lnTo>
                      <a:lnTo>
                        <a:pt x="6894" y="4972"/>
                      </a:lnTo>
                      <a:lnTo>
                        <a:pt x="6893" y="4984"/>
                      </a:lnTo>
                      <a:lnTo>
                        <a:pt x="6891" y="4997"/>
                      </a:lnTo>
                      <a:lnTo>
                        <a:pt x="6887" y="5009"/>
                      </a:lnTo>
                      <a:lnTo>
                        <a:pt x="6884" y="5020"/>
                      </a:lnTo>
                      <a:lnTo>
                        <a:pt x="6879" y="5031"/>
                      </a:lnTo>
                      <a:lnTo>
                        <a:pt x="6875" y="5043"/>
                      </a:lnTo>
                      <a:lnTo>
                        <a:pt x="6870" y="5054"/>
                      </a:lnTo>
                      <a:lnTo>
                        <a:pt x="6863" y="5064"/>
                      </a:lnTo>
                      <a:lnTo>
                        <a:pt x="6857" y="5074"/>
                      </a:lnTo>
                      <a:lnTo>
                        <a:pt x="6850" y="5085"/>
                      </a:lnTo>
                      <a:lnTo>
                        <a:pt x="6843" y="5094"/>
                      </a:lnTo>
                      <a:lnTo>
                        <a:pt x="6834" y="5104"/>
                      </a:lnTo>
                      <a:lnTo>
                        <a:pt x="6826" y="5113"/>
                      </a:lnTo>
                      <a:lnTo>
                        <a:pt x="6817" y="5122"/>
                      </a:lnTo>
                      <a:lnTo>
                        <a:pt x="6809" y="5130"/>
                      </a:lnTo>
                      <a:lnTo>
                        <a:pt x="6799" y="5138"/>
                      </a:lnTo>
                      <a:lnTo>
                        <a:pt x="6789" y="5145"/>
                      </a:lnTo>
                      <a:lnTo>
                        <a:pt x="6777" y="5152"/>
                      </a:lnTo>
                      <a:lnTo>
                        <a:pt x="6766" y="5159"/>
                      </a:lnTo>
                      <a:lnTo>
                        <a:pt x="6755" y="5164"/>
                      </a:lnTo>
                      <a:lnTo>
                        <a:pt x="6744" y="5170"/>
                      </a:lnTo>
                      <a:lnTo>
                        <a:pt x="6732" y="5175"/>
                      </a:lnTo>
                      <a:lnTo>
                        <a:pt x="6720" y="5180"/>
                      </a:lnTo>
                      <a:lnTo>
                        <a:pt x="6708" y="5183"/>
                      </a:lnTo>
                      <a:lnTo>
                        <a:pt x="6695" y="5186"/>
                      </a:lnTo>
                      <a:lnTo>
                        <a:pt x="6682" y="5190"/>
                      </a:lnTo>
                      <a:lnTo>
                        <a:pt x="6669" y="5192"/>
                      </a:lnTo>
                      <a:lnTo>
                        <a:pt x="6655" y="5193"/>
                      </a:lnTo>
                      <a:lnTo>
                        <a:pt x="6642" y="5194"/>
                      </a:lnTo>
                      <a:lnTo>
                        <a:pt x="6629" y="5194"/>
                      </a:lnTo>
                      <a:lnTo>
                        <a:pt x="705" y="5194"/>
                      </a:lnTo>
                      <a:lnTo>
                        <a:pt x="691" y="5194"/>
                      </a:lnTo>
                      <a:lnTo>
                        <a:pt x="678" y="5193"/>
                      </a:lnTo>
                      <a:lnTo>
                        <a:pt x="664" y="5192"/>
                      </a:lnTo>
                      <a:lnTo>
                        <a:pt x="651" y="5190"/>
                      </a:lnTo>
                      <a:lnTo>
                        <a:pt x="638" y="5186"/>
                      </a:lnTo>
                      <a:lnTo>
                        <a:pt x="626" y="5183"/>
                      </a:lnTo>
                      <a:lnTo>
                        <a:pt x="613" y="5180"/>
                      </a:lnTo>
                      <a:lnTo>
                        <a:pt x="601" y="5175"/>
                      </a:lnTo>
                      <a:lnTo>
                        <a:pt x="589" y="5170"/>
                      </a:lnTo>
                      <a:lnTo>
                        <a:pt x="578" y="5164"/>
                      </a:lnTo>
                      <a:lnTo>
                        <a:pt x="567" y="5159"/>
                      </a:lnTo>
                      <a:lnTo>
                        <a:pt x="556" y="5152"/>
                      </a:lnTo>
                      <a:lnTo>
                        <a:pt x="546" y="5145"/>
                      </a:lnTo>
                      <a:lnTo>
                        <a:pt x="536" y="5138"/>
                      </a:lnTo>
                      <a:lnTo>
                        <a:pt x="526" y="5130"/>
                      </a:lnTo>
                      <a:lnTo>
                        <a:pt x="516" y="5122"/>
                      </a:lnTo>
                      <a:lnTo>
                        <a:pt x="507" y="5113"/>
                      </a:lnTo>
                      <a:lnTo>
                        <a:pt x="499" y="5104"/>
                      </a:lnTo>
                      <a:lnTo>
                        <a:pt x="491" y="5094"/>
                      </a:lnTo>
                      <a:lnTo>
                        <a:pt x="484" y="5085"/>
                      </a:lnTo>
                      <a:lnTo>
                        <a:pt x="477" y="5074"/>
                      </a:lnTo>
                      <a:lnTo>
                        <a:pt x="470" y="5064"/>
                      </a:lnTo>
                      <a:lnTo>
                        <a:pt x="464" y="5054"/>
                      </a:lnTo>
                      <a:lnTo>
                        <a:pt x="459" y="5043"/>
                      </a:lnTo>
                      <a:lnTo>
                        <a:pt x="454" y="5031"/>
                      </a:lnTo>
                      <a:lnTo>
                        <a:pt x="450" y="5020"/>
                      </a:lnTo>
                      <a:lnTo>
                        <a:pt x="446" y="5009"/>
                      </a:lnTo>
                      <a:lnTo>
                        <a:pt x="444" y="4997"/>
                      </a:lnTo>
                      <a:lnTo>
                        <a:pt x="440" y="4984"/>
                      </a:lnTo>
                      <a:lnTo>
                        <a:pt x="439" y="4972"/>
                      </a:lnTo>
                      <a:lnTo>
                        <a:pt x="438" y="4959"/>
                      </a:lnTo>
                      <a:lnTo>
                        <a:pt x="438" y="4947"/>
                      </a:lnTo>
                      <a:lnTo>
                        <a:pt x="438" y="4360"/>
                      </a:lnTo>
                      <a:lnTo>
                        <a:pt x="438" y="4347"/>
                      </a:lnTo>
                      <a:lnTo>
                        <a:pt x="439" y="4334"/>
                      </a:lnTo>
                      <a:lnTo>
                        <a:pt x="440" y="4322"/>
                      </a:lnTo>
                      <a:lnTo>
                        <a:pt x="444" y="4310"/>
                      </a:lnTo>
                      <a:lnTo>
                        <a:pt x="446" y="4298"/>
                      </a:lnTo>
                      <a:lnTo>
                        <a:pt x="450" y="4287"/>
                      </a:lnTo>
                      <a:lnTo>
                        <a:pt x="454" y="4274"/>
                      </a:lnTo>
                      <a:lnTo>
                        <a:pt x="459" y="4263"/>
                      </a:lnTo>
                      <a:lnTo>
                        <a:pt x="464" y="4252"/>
                      </a:lnTo>
                      <a:lnTo>
                        <a:pt x="470" y="4241"/>
                      </a:lnTo>
                      <a:lnTo>
                        <a:pt x="477" y="4231"/>
                      </a:lnTo>
                      <a:lnTo>
                        <a:pt x="484" y="4221"/>
                      </a:lnTo>
                      <a:lnTo>
                        <a:pt x="491" y="4211"/>
                      </a:lnTo>
                      <a:lnTo>
                        <a:pt x="499" y="4202"/>
                      </a:lnTo>
                      <a:lnTo>
                        <a:pt x="507" y="4193"/>
                      </a:lnTo>
                      <a:lnTo>
                        <a:pt x="516" y="4185"/>
                      </a:lnTo>
                      <a:lnTo>
                        <a:pt x="526" y="4177"/>
                      </a:lnTo>
                      <a:lnTo>
                        <a:pt x="536" y="4169"/>
                      </a:lnTo>
                      <a:lnTo>
                        <a:pt x="546" y="4161"/>
                      </a:lnTo>
                      <a:lnTo>
                        <a:pt x="556" y="4155"/>
                      </a:lnTo>
                      <a:lnTo>
                        <a:pt x="567" y="4148"/>
                      </a:lnTo>
                      <a:lnTo>
                        <a:pt x="578" y="4141"/>
                      </a:lnTo>
                      <a:lnTo>
                        <a:pt x="589" y="4136"/>
                      </a:lnTo>
                      <a:lnTo>
                        <a:pt x="601" y="4131"/>
                      </a:lnTo>
                      <a:lnTo>
                        <a:pt x="613" y="4127"/>
                      </a:lnTo>
                      <a:lnTo>
                        <a:pt x="626" y="4122"/>
                      </a:lnTo>
                      <a:lnTo>
                        <a:pt x="638" y="4119"/>
                      </a:lnTo>
                      <a:lnTo>
                        <a:pt x="651" y="4117"/>
                      </a:lnTo>
                      <a:lnTo>
                        <a:pt x="664" y="4115"/>
                      </a:lnTo>
                      <a:lnTo>
                        <a:pt x="678" y="4112"/>
                      </a:lnTo>
                      <a:lnTo>
                        <a:pt x="691" y="4112"/>
                      </a:lnTo>
                      <a:lnTo>
                        <a:pt x="705" y="4111"/>
                      </a:lnTo>
                      <a:close/>
                      <a:moveTo>
                        <a:pt x="3677" y="13159"/>
                      </a:moveTo>
                      <a:lnTo>
                        <a:pt x="3706" y="13159"/>
                      </a:lnTo>
                      <a:lnTo>
                        <a:pt x="3735" y="13162"/>
                      </a:lnTo>
                      <a:lnTo>
                        <a:pt x="3763" y="13165"/>
                      </a:lnTo>
                      <a:lnTo>
                        <a:pt x="3789" y="13171"/>
                      </a:lnTo>
                      <a:lnTo>
                        <a:pt x="3816" y="13176"/>
                      </a:lnTo>
                      <a:lnTo>
                        <a:pt x="3842" y="13184"/>
                      </a:lnTo>
                      <a:lnTo>
                        <a:pt x="3868" y="13193"/>
                      </a:lnTo>
                      <a:lnTo>
                        <a:pt x="3893" y="13203"/>
                      </a:lnTo>
                      <a:lnTo>
                        <a:pt x="3918" y="13214"/>
                      </a:lnTo>
                      <a:lnTo>
                        <a:pt x="3942" y="13226"/>
                      </a:lnTo>
                      <a:lnTo>
                        <a:pt x="3965" y="13239"/>
                      </a:lnTo>
                      <a:lnTo>
                        <a:pt x="3988" y="13254"/>
                      </a:lnTo>
                      <a:lnTo>
                        <a:pt x="4010" y="13269"/>
                      </a:lnTo>
                      <a:lnTo>
                        <a:pt x="4031" y="13286"/>
                      </a:lnTo>
                      <a:lnTo>
                        <a:pt x="4051" y="13304"/>
                      </a:lnTo>
                      <a:lnTo>
                        <a:pt x="4070" y="13322"/>
                      </a:lnTo>
                      <a:lnTo>
                        <a:pt x="4089" y="13341"/>
                      </a:lnTo>
                      <a:lnTo>
                        <a:pt x="4106" y="13361"/>
                      </a:lnTo>
                      <a:lnTo>
                        <a:pt x="4123" y="13382"/>
                      </a:lnTo>
                      <a:lnTo>
                        <a:pt x="4138" y="13405"/>
                      </a:lnTo>
                      <a:lnTo>
                        <a:pt x="4153" y="13427"/>
                      </a:lnTo>
                      <a:lnTo>
                        <a:pt x="4166" y="13450"/>
                      </a:lnTo>
                      <a:lnTo>
                        <a:pt x="4178" y="13474"/>
                      </a:lnTo>
                      <a:lnTo>
                        <a:pt x="4189" y="13499"/>
                      </a:lnTo>
                      <a:lnTo>
                        <a:pt x="4199" y="13524"/>
                      </a:lnTo>
                      <a:lnTo>
                        <a:pt x="4208" y="13550"/>
                      </a:lnTo>
                      <a:lnTo>
                        <a:pt x="4216" y="13577"/>
                      </a:lnTo>
                      <a:lnTo>
                        <a:pt x="4222" y="13603"/>
                      </a:lnTo>
                      <a:lnTo>
                        <a:pt x="4227" y="13630"/>
                      </a:lnTo>
                      <a:lnTo>
                        <a:pt x="4230" y="13658"/>
                      </a:lnTo>
                      <a:lnTo>
                        <a:pt x="4233" y="13686"/>
                      </a:lnTo>
                      <a:lnTo>
                        <a:pt x="4233" y="13715"/>
                      </a:lnTo>
                      <a:lnTo>
                        <a:pt x="4233" y="13743"/>
                      </a:lnTo>
                      <a:lnTo>
                        <a:pt x="4230" y="13772"/>
                      </a:lnTo>
                      <a:lnTo>
                        <a:pt x="4227" y="13800"/>
                      </a:lnTo>
                      <a:lnTo>
                        <a:pt x="4222" y="13826"/>
                      </a:lnTo>
                      <a:lnTo>
                        <a:pt x="4216" y="13854"/>
                      </a:lnTo>
                      <a:lnTo>
                        <a:pt x="4208" y="13879"/>
                      </a:lnTo>
                      <a:lnTo>
                        <a:pt x="4199" y="13905"/>
                      </a:lnTo>
                      <a:lnTo>
                        <a:pt x="4189" y="13930"/>
                      </a:lnTo>
                      <a:lnTo>
                        <a:pt x="4178" y="13955"/>
                      </a:lnTo>
                      <a:lnTo>
                        <a:pt x="4166" y="13979"/>
                      </a:lnTo>
                      <a:lnTo>
                        <a:pt x="4153" y="14003"/>
                      </a:lnTo>
                      <a:lnTo>
                        <a:pt x="4138" y="14025"/>
                      </a:lnTo>
                      <a:lnTo>
                        <a:pt x="4123" y="14047"/>
                      </a:lnTo>
                      <a:lnTo>
                        <a:pt x="4106" y="14068"/>
                      </a:lnTo>
                      <a:lnTo>
                        <a:pt x="4089" y="14088"/>
                      </a:lnTo>
                      <a:lnTo>
                        <a:pt x="4070" y="14107"/>
                      </a:lnTo>
                      <a:lnTo>
                        <a:pt x="4051" y="14126"/>
                      </a:lnTo>
                      <a:lnTo>
                        <a:pt x="4031" y="14143"/>
                      </a:lnTo>
                      <a:lnTo>
                        <a:pt x="4010" y="14160"/>
                      </a:lnTo>
                      <a:lnTo>
                        <a:pt x="3988" y="14176"/>
                      </a:lnTo>
                      <a:lnTo>
                        <a:pt x="3965" y="14190"/>
                      </a:lnTo>
                      <a:lnTo>
                        <a:pt x="3942" y="14203"/>
                      </a:lnTo>
                      <a:lnTo>
                        <a:pt x="3918" y="14216"/>
                      </a:lnTo>
                      <a:lnTo>
                        <a:pt x="3893" y="14227"/>
                      </a:lnTo>
                      <a:lnTo>
                        <a:pt x="3868" y="14237"/>
                      </a:lnTo>
                      <a:lnTo>
                        <a:pt x="3842" y="14245"/>
                      </a:lnTo>
                      <a:lnTo>
                        <a:pt x="3816" y="14253"/>
                      </a:lnTo>
                      <a:lnTo>
                        <a:pt x="3789" y="14259"/>
                      </a:lnTo>
                      <a:lnTo>
                        <a:pt x="3763" y="14264"/>
                      </a:lnTo>
                      <a:lnTo>
                        <a:pt x="3735" y="14268"/>
                      </a:lnTo>
                      <a:lnTo>
                        <a:pt x="3706" y="14270"/>
                      </a:lnTo>
                      <a:lnTo>
                        <a:pt x="3677" y="14270"/>
                      </a:lnTo>
                      <a:lnTo>
                        <a:pt x="3649" y="14270"/>
                      </a:lnTo>
                      <a:lnTo>
                        <a:pt x="3621" y="14268"/>
                      </a:lnTo>
                      <a:lnTo>
                        <a:pt x="3593" y="14264"/>
                      </a:lnTo>
                      <a:lnTo>
                        <a:pt x="3566" y="14259"/>
                      </a:lnTo>
                      <a:lnTo>
                        <a:pt x="3539" y="14253"/>
                      </a:lnTo>
                      <a:lnTo>
                        <a:pt x="3513" y="14245"/>
                      </a:lnTo>
                      <a:lnTo>
                        <a:pt x="3488" y="14237"/>
                      </a:lnTo>
                      <a:lnTo>
                        <a:pt x="3462" y="14227"/>
                      </a:lnTo>
                      <a:lnTo>
                        <a:pt x="3438" y="14216"/>
                      </a:lnTo>
                      <a:lnTo>
                        <a:pt x="3413" y="14203"/>
                      </a:lnTo>
                      <a:lnTo>
                        <a:pt x="3390" y="14190"/>
                      </a:lnTo>
                      <a:lnTo>
                        <a:pt x="3368" y="14176"/>
                      </a:lnTo>
                      <a:lnTo>
                        <a:pt x="3346" y="14160"/>
                      </a:lnTo>
                      <a:lnTo>
                        <a:pt x="3325" y="14143"/>
                      </a:lnTo>
                      <a:lnTo>
                        <a:pt x="3305" y="14126"/>
                      </a:lnTo>
                      <a:lnTo>
                        <a:pt x="3286" y="14107"/>
                      </a:lnTo>
                      <a:lnTo>
                        <a:pt x="3267" y="14088"/>
                      </a:lnTo>
                      <a:lnTo>
                        <a:pt x="3249" y="14068"/>
                      </a:lnTo>
                      <a:lnTo>
                        <a:pt x="3233" y="14047"/>
                      </a:lnTo>
                      <a:lnTo>
                        <a:pt x="3217" y="14025"/>
                      </a:lnTo>
                      <a:lnTo>
                        <a:pt x="3203" y="14003"/>
                      </a:lnTo>
                      <a:lnTo>
                        <a:pt x="3189" y="13979"/>
                      </a:lnTo>
                      <a:lnTo>
                        <a:pt x="3177" y="13955"/>
                      </a:lnTo>
                      <a:lnTo>
                        <a:pt x="3166" y="13930"/>
                      </a:lnTo>
                      <a:lnTo>
                        <a:pt x="3156" y="13905"/>
                      </a:lnTo>
                      <a:lnTo>
                        <a:pt x="3147" y="13879"/>
                      </a:lnTo>
                      <a:lnTo>
                        <a:pt x="3139" y="13854"/>
                      </a:lnTo>
                      <a:lnTo>
                        <a:pt x="3134" y="13826"/>
                      </a:lnTo>
                      <a:lnTo>
                        <a:pt x="3128" y="13800"/>
                      </a:lnTo>
                      <a:lnTo>
                        <a:pt x="3125" y="13772"/>
                      </a:lnTo>
                      <a:lnTo>
                        <a:pt x="3123" y="13743"/>
                      </a:lnTo>
                      <a:lnTo>
                        <a:pt x="3123" y="13715"/>
                      </a:lnTo>
                      <a:lnTo>
                        <a:pt x="3123" y="13686"/>
                      </a:lnTo>
                      <a:lnTo>
                        <a:pt x="3125" y="13658"/>
                      </a:lnTo>
                      <a:lnTo>
                        <a:pt x="3128" y="13630"/>
                      </a:lnTo>
                      <a:lnTo>
                        <a:pt x="3134" y="13603"/>
                      </a:lnTo>
                      <a:lnTo>
                        <a:pt x="3139" y="13577"/>
                      </a:lnTo>
                      <a:lnTo>
                        <a:pt x="3147" y="13550"/>
                      </a:lnTo>
                      <a:lnTo>
                        <a:pt x="3156" y="13524"/>
                      </a:lnTo>
                      <a:lnTo>
                        <a:pt x="3166" y="13499"/>
                      </a:lnTo>
                      <a:lnTo>
                        <a:pt x="3177" y="13474"/>
                      </a:lnTo>
                      <a:lnTo>
                        <a:pt x="3189" y="13450"/>
                      </a:lnTo>
                      <a:lnTo>
                        <a:pt x="3203" y="13427"/>
                      </a:lnTo>
                      <a:lnTo>
                        <a:pt x="3217" y="13405"/>
                      </a:lnTo>
                      <a:lnTo>
                        <a:pt x="3233" y="13382"/>
                      </a:lnTo>
                      <a:lnTo>
                        <a:pt x="3249" y="13361"/>
                      </a:lnTo>
                      <a:lnTo>
                        <a:pt x="3267" y="13341"/>
                      </a:lnTo>
                      <a:lnTo>
                        <a:pt x="3286" y="13322"/>
                      </a:lnTo>
                      <a:lnTo>
                        <a:pt x="3305" y="13304"/>
                      </a:lnTo>
                      <a:lnTo>
                        <a:pt x="3325" y="13286"/>
                      </a:lnTo>
                      <a:lnTo>
                        <a:pt x="3346" y="13269"/>
                      </a:lnTo>
                      <a:lnTo>
                        <a:pt x="3368" y="13254"/>
                      </a:lnTo>
                      <a:lnTo>
                        <a:pt x="3390" y="13239"/>
                      </a:lnTo>
                      <a:lnTo>
                        <a:pt x="3413" y="13226"/>
                      </a:lnTo>
                      <a:lnTo>
                        <a:pt x="3438" y="13214"/>
                      </a:lnTo>
                      <a:lnTo>
                        <a:pt x="3462" y="13203"/>
                      </a:lnTo>
                      <a:lnTo>
                        <a:pt x="3488" y="13193"/>
                      </a:lnTo>
                      <a:lnTo>
                        <a:pt x="3513" y="13184"/>
                      </a:lnTo>
                      <a:lnTo>
                        <a:pt x="3539" y="13176"/>
                      </a:lnTo>
                      <a:lnTo>
                        <a:pt x="3566" y="13171"/>
                      </a:lnTo>
                      <a:lnTo>
                        <a:pt x="3593" y="13165"/>
                      </a:lnTo>
                      <a:lnTo>
                        <a:pt x="3621" y="13162"/>
                      </a:lnTo>
                      <a:lnTo>
                        <a:pt x="3649"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2" y="15014"/>
                      </a:lnTo>
                      <a:lnTo>
                        <a:pt x="5709" y="15025"/>
                      </a:lnTo>
                      <a:lnTo>
                        <a:pt x="5714" y="15038"/>
                      </a:lnTo>
                      <a:lnTo>
                        <a:pt x="5720" y="15050"/>
                      </a:lnTo>
                      <a:lnTo>
                        <a:pt x="5723" y="15062"/>
                      </a:lnTo>
                      <a:lnTo>
                        <a:pt x="5725" y="15075"/>
                      </a:lnTo>
                      <a:lnTo>
                        <a:pt x="5725" y="15090"/>
                      </a:lnTo>
                      <a:lnTo>
                        <a:pt x="5725" y="15090"/>
                      </a:lnTo>
                      <a:lnTo>
                        <a:pt x="5725" y="15103"/>
                      </a:lnTo>
                      <a:lnTo>
                        <a:pt x="5723" y="15116"/>
                      </a:lnTo>
                      <a:lnTo>
                        <a:pt x="5720" y="15130"/>
                      </a:lnTo>
                      <a:lnTo>
                        <a:pt x="5714" y="15142"/>
                      </a:lnTo>
                      <a:lnTo>
                        <a:pt x="5709" y="15153"/>
                      </a:lnTo>
                      <a:lnTo>
                        <a:pt x="5702"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7" y="15217"/>
                      </a:lnTo>
                      <a:lnTo>
                        <a:pt x="1693" y="15213"/>
                      </a:lnTo>
                      <a:lnTo>
                        <a:pt x="1681" y="15207"/>
                      </a:lnTo>
                      <a:lnTo>
                        <a:pt x="1670" y="15201"/>
                      </a:lnTo>
                      <a:lnTo>
                        <a:pt x="1659" y="15193"/>
                      </a:lnTo>
                      <a:lnTo>
                        <a:pt x="1649" y="15184"/>
                      </a:lnTo>
                      <a:lnTo>
                        <a:pt x="1640" y="15175"/>
                      </a:lnTo>
                      <a:lnTo>
                        <a:pt x="1632" y="15164"/>
                      </a:lnTo>
                      <a:lnTo>
                        <a:pt x="1625" y="15153"/>
                      </a:lnTo>
                      <a:lnTo>
                        <a:pt x="1619" y="15142"/>
                      </a:lnTo>
                      <a:lnTo>
                        <a:pt x="1615" y="15130"/>
                      </a:lnTo>
                      <a:lnTo>
                        <a:pt x="1611" y="15116"/>
                      </a:lnTo>
                      <a:lnTo>
                        <a:pt x="1609" y="15103"/>
                      </a:lnTo>
                      <a:lnTo>
                        <a:pt x="1608" y="15090"/>
                      </a:lnTo>
                      <a:lnTo>
                        <a:pt x="1608" y="15090"/>
                      </a:lnTo>
                      <a:lnTo>
                        <a:pt x="1609" y="15075"/>
                      </a:lnTo>
                      <a:lnTo>
                        <a:pt x="1611" y="15062"/>
                      </a:lnTo>
                      <a:lnTo>
                        <a:pt x="1615" y="15050"/>
                      </a:lnTo>
                      <a:lnTo>
                        <a:pt x="1619" y="15038"/>
                      </a:lnTo>
                      <a:lnTo>
                        <a:pt x="1625" y="15025"/>
                      </a:lnTo>
                      <a:lnTo>
                        <a:pt x="1632" y="15014"/>
                      </a:lnTo>
                      <a:lnTo>
                        <a:pt x="1640" y="15004"/>
                      </a:lnTo>
                      <a:lnTo>
                        <a:pt x="1649" y="14994"/>
                      </a:lnTo>
                      <a:lnTo>
                        <a:pt x="1659" y="14987"/>
                      </a:lnTo>
                      <a:lnTo>
                        <a:pt x="1670" y="14979"/>
                      </a:lnTo>
                      <a:lnTo>
                        <a:pt x="1681" y="14972"/>
                      </a:lnTo>
                      <a:lnTo>
                        <a:pt x="1693" y="14965"/>
                      </a:lnTo>
                      <a:lnTo>
                        <a:pt x="1707"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2" y="15497"/>
                      </a:lnTo>
                      <a:lnTo>
                        <a:pt x="5709" y="15508"/>
                      </a:lnTo>
                      <a:lnTo>
                        <a:pt x="5714" y="15520"/>
                      </a:lnTo>
                      <a:lnTo>
                        <a:pt x="5720" y="15532"/>
                      </a:lnTo>
                      <a:lnTo>
                        <a:pt x="5723" y="15546"/>
                      </a:lnTo>
                      <a:lnTo>
                        <a:pt x="5725" y="15559"/>
                      </a:lnTo>
                      <a:lnTo>
                        <a:pt x="5725" y="15572"/>
                      </a:lnTo>
                      <a:lnTo>
                        <a:pt x="5725" y="15572"/>
                      </a:lnTo>
                      <a:lnTo>
                        <a:pt x="5725" y="15586"/>
                      </a:lnTo>
                      <a:lnTo>
                        <a:pt x="5723" y="15599"/>
                      </a:lnTo>
                      <a:lnTo>
                        <a:pt x="5720" y="15612"/>
                      </a:lnTo>
                      <a:lnTo>
                        <a:pt x="5714" y="15624"/>
                      </a:lnTo>
                      <a:lnTo>
                        <a:pt x="5709" y="15636"/>
                      </a:lnTo>
                      <a:lnTo>
                        <a:pt x="5702"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7" y="15700"/>
                      </a:lnTo>
                      <a:lnTo>
                        <a:pt x="1693" y="15695"/>
                      </a:lnTo>
                      <a:lnTo>
                        <a:pt x="1681" y="15690"/>
                      </a:lnTo>
                      <a:lnTo>
                        <a:pt x="1670" y="15683"/>
                      </a:lnTo>
                      <a:lnTo>
                        <a:pt x="1659" y="15675"/>
                      </a:lnTo>
                      <a:lnTo>
                        <a:pt x="1649" y="15667"/>
                      </a:lnTo>
                      <a:lnTo>
                        <a:pt x="1640" y="15658"/>
                      </a:lnTo>
                      <a:lnTo>
                        <a:pt x="1632" y="15647"/>
                      </a:lnTo>
                      <a:lnTo>
                        <a:pt x="1625" y="15636"/>
                      </a:lnTo>
                      <a:lnTo>
                        <a:pt x="1619" y="15624"/>
                      </a:lnTo>
                      <a:lnTo>
                        <a:pt x="1615" y="15612"/>
                      </a:lnTo>
                      <a:lnTo>
                        <a:pt x="1611" y="15599"/>
                      </a:lnTo>
                      <a:lnTo>
                        <a:pt x="1609" y="15586"/>
                      </a:lnTo>
                      <a:lnTo>
                        <a:pt x="1608" y="15572"/>
                      </a:lnTo>
                      <a:lnTo>
                        <a:pt x="1608" y="15572"/>
                      </a:lnTo>
                      <a:lnTo>
                        <a:pt x="1609" y="15559"/>
                      </a:lnTo>
                      <a:lnTo>
                        <a:pt x="1611" y="15546"/>
                      </a:lnTo>
                      <a:lnTo>
                        <a:pt x="1615" y="15532"/>
                      </a:lnTo>
                      <a:lnTo>
                        <a:pt x="1619" y="15520"/>
                      </a:lnTo>
                      <a:lnTo>
                        <a:pt x="1625" y="15508"/>
                      </a:lnTo>
                      <a:lnTo>
                        <a:pt x="1632" y="15497"/>
                      </a:lnTo>
                      <a:lnTo>
                        <a:pt x="1640" y="15487"/>
                      </a:lnTo>
                      <a:lnTo>
                        <a:pt x="1649" y="15478"/>
                      </a:lnTo>
                      <a:lnTo>
                        <a:pt x="1659" y="15469"/>
                      </a:lnTo>
                      <a:lnTo>
                        <a:pt x="1670" y="15461"/>
                      </a:lnTo>
                      <a:lnTo>
                        <a:pt x="1681" y="15455"/>
                      </a:lnTo>
                      <a:lnTo>
                        <a:pt x="1693" y="15449"/>
                      </a:lnTo>
                      <a:lnTo>
                        <a:pt x="1707"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2" y="15981"/>
                      </a:lnTo>
                      <a:lnTo>
                        <a:pt x="5709" y="15992"/>
                      </a:lnTo>
                      <a:lnTo>
                        <a:pt x="5714" y="16003"/>
                      </a:lnTo>
                      <a:lnTo>
                        <a:pt x="5720" y="16015"/>
                      </a:lnTo>
                      <a:lnTo>
                        <a:pt x="5723" y="16028"/>
                      </a:lnTo>
                      <a:lnTo>
                        <a:pt x="5725" y="16042"/>
                      </a:lnTo>
                      <a:lnTo>
                        <a:pt x="5725" y="16055"/>
                      </a:lnTo>
                      <a:lnTo>
                        <a:pt x="5725" y="16055"/>
                      </a:lnTo>
                      <a:lnTo>
                        <a:pt x="5725" y="16068"/>
                      </a:lnTo>
                      <a:lnTo>
                        <a:pt x="5723" y="16082"/>
                      </a:lnTo>
                      <a:lnTo>
                        <a:pt x="5720" y="16095"/>
                      </a:lnTo>
                      <a:lnTo>
                        <a:pt x="5714" y="16107"/>
                      </a:lnTo>
                      <a:lnTo>
                        <a:pt x="5709" y="16119"/>
                      </a:lnTo>
                      <a:lnTo>
                        <a:pt x="5702"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7" y="16182"/>
                      </a:lnTo>
                      <a:lnTo>
                        <a:pt x="1693" y="16178"/>
                      </a:lnTo>
                      <a:lnTo>
                        <a:pt x="1681" y="16172"/>
                      </a:lnTo>
                      <a:lnTo>
                        <a:pt x="1670" y="16166"/>
                      </a:lnTo>
                      <a:lnTo>
                        <a:pt x="1659" y="16158"/>
                      </a:lnTo>
                      <a:lnTo>
                        <a:pt x="1649" y="16149"/>
                      </a:lnTo>
                      <a:lnTo>
                        <a:pt x="1640" y="16140"/>
                      </a:lnTo>
                      <a:lnTo>
                        <a:pt x="1632" y="16129"/>
                      </a:lnTo>
                      <a:lnTo>
                        <a:pt x="1625" y="16119"/>
                      </a:lnTo>
                      <a:lnTo>
                        <a:pt x="1619" y="16107"/>
                      </a:lnTo>
                      <a:lnTo>
                        <a:pt x="1615" y="16095"/>
                      </a:lnTo>
                      <a:lnTo>
                        <a:pt x="1611" y="16082"/>
                      </a:lnTo>
                      <a:lnTo>
                        <a:pt x="1609" y="16068"/>
                      </a:lnTo>
                      <a:lnTo>
                        <a:pt x="1608" y="16055"/>
                      </a:lnTo>
                      <a:lnTo>
                        <a:pt x="1608" y="16055"/>
                      </a:lnTo>
                      <a:lnTo>
                        <a:pt x="1609" y="16042"/>
                      </a:lnTo>
                      <a:lnTo>
                        <a:pt x="1611" y="16028"/>
                      </a:lnTo>
                      <a:lnTo>
                        <a:pt x="1615" y="16015"/>
                      </a:lnTo>
                      <a:lnTo>
                        <a:pt x="1619" y="16003"/>
                      </a:lnTo>
                      <a:lnTo>
                        <a:pt x="1625" y="15992"/>
                      </a:lnTo>
                      <a:lnTo>
                        <a:pt x="1632" y="15981"/>
                      </a:lnTo>
                      <a:lnTo>
                        <a:pt x="1640" y="15969"/>
                      </a:lnTo>
                      <a:lnTo>
                        <a:pt x="1649" y="15961"/>
                      </a:lnTo>
                      <a:lnTo>
                        <a:pt x="1659" y="15952"/>
                      </a:lnTo>
                      <a:lnTo>
                        <a:pt x="1670" y="15944"/>
                      </a:lnTo>
                      <a:lnTo>
                        <a:pt x="1681" y="15937"/>
                      </a:lnTo>
                      <a:lnTo>
                        <a:pt x="1693" y="15932"/>
                      </a:lnTo>
                      <a:lnTo>
                        <a:pt x="1707" y="15927"/>
                      </a:lnTo>
                      <a:lnTo>
                        <a:pt x="1720" y="15924"/>
                      </a:lnTo>
                      <a:lnTo>
                        <a:pt x="1733" y="15922"/>
                      </a:lnTo>
                      <a:lnTo>
                        <a:pt x="1748" y="15921"/>
                      </a:lnTo>
                      <a:close/>
                      <a:moveTo>
                        <a:pt x="705" y="2929"/>
                      </a:moveTo>
                      <a:lnTo>
                        <a:pt x="6629" y="2929"/>
                      </a:lnTo>
                      <a:lnTo>
                        <a:pt x="6642" y="2930"/>
                      </a:lnTo>
                      <a:lnTo>
                        <a:pt x="6655" y="2931"/>
                      </a:lnTo>
                      <a:lnTo>
                        <a:pt x="6669" y="2932"/>
                      </a:lnTo>
                      <a:lnTo>
                        <a:pt x="6682" y="2934"/>
                      </a:lnTo>
                      <a:lnTo>
                        <a:pt x="6695" y="2938"/>
                      </a:lnTo>
                      <a:lnTo>
                        <a:pt x="6708" y="2941"/>
                      </a:lnTo>
                      <a:lnTo>
                        <a:pt x="6720" y="2944"/>
                      </a:lnTo>
                      <a:lnTo>
                        <a:pt x="6732" y="2949"/>
                      </a:lnTo>
                      <a:lnTo>
                        <a:pt x="6744" y="2954"/>
                      </a:lnTo>
                      <a:lnTo>
                        <a:pt x="6755" y="2960"/>
                      </a:lnTo>
                      <a:lnTo>
                        <a:pt x="6766" y="2965"/>
                      </a:lnTo>
                      <a:lnTo>
                        <a:pt x="6777" y="2972"/>
                      </a:lnTo>
                      <a:lnTo>
                        <a:pt x="6789" y="2979"/>
                      </a:lnTo>
                      <a:lnTo>
                        <a:pt x="6799" y="2986"/>
                      </a:lnTo>
                      <a:lnTo>
                        <a:pt x="6809" y="2994"/>
                      </a:lnTo>
                      <a:lnTo>
                        <a:pt x="6817" y="3002"/>
                      </a:lnTo>
                      <a:lnTo>
                        <a:pt x="6826" y="3011"/>
                      </a:lnTo>
                      <a:lnTo>
                        <a:pt x="6834" y="3020"/>
                      </a:lnTo>
                      <a:lnTo>
                        <a:pt x="6843" y="3029"/>
                      </a:lnTo>
                      <a:lnTo>
                        <a:pt x="6850" y="3039"/>
                      </a:lnTo>
                      <a:lnTo>
                        <a:pt x="6857" y="3049"/>
                      </a:lnTo>
                      <a:lnTo>
                        <a:pt x="6863" y="3060"/>
                      </a:lnTo>
                      <a:lnTo>
                        <a:pt x="6870" y="3070"/>
                      </a:lnTo>
                      <a:lnTo>
                        <a:pt x="6875" y="3081"/>
                      </a:lnTo>
                      <a:lnTo>
                        <a:pt x="6879" y="3092"/>
                      </a:lnTo>
                      <a:lnTo>
                        <a:pt x="6884" y="3104"/>
                      </a:lnTo>
                      <a:lnTo>
                        <a:pt x="6887" y="3115"/>
                      </a:lnTo>
                      <a:lnTo>
                        <a:pt x="6891" y="3127"/>
                      </a:lnTo>
                      <a:lnTo>
                        <a:pt x="6893" y="3140"/>
                      </a:lnTo>
                      <a:lnTo>
                        <a:pt x="6894" y="3152"/>
                      </a:lnTo>
                      <a:lnTo>
                        <a:pt x="6895" y="3164"/>
                      </a:lnTo>
                      <a:lnTo>
                        <a:pt x="6896" y="3177"/>
                      </a:lnTo>
                      <a:lnTo>
                        <a:pt x="6896" y="3764"/>
                      </a:lnTo>
                      <a:lnTo>
                        <a:pt x="6895" y="3776"/>
                      </a:lnTo>
                      <a:lnTo>
                        <a:pt x="6894" y="3790"/>
                      </a:lnTo>
                      <a:lnTo>
                        <a:pt x="6893" y="3802"/>
                      </a:lnTo>
                      <a:lnTo>
                        <a:pt x="6891" y="3814"/>
                      </a:lnTo>
                      <a:lnTo>
                        <a:pt x="6887" y="3826"/>
                      </a:lnTo>
                      <a:lnTo>
                        <a:pt x="6884" y="3837"/>
                      </a:lnTo>
                      <a:lnTo>
                        <a:pt x="6879" y="3850"/>
                      </a:lnTo>
                      <a:lnTo>
                        <a:pt x="6875" y="3861"/>
                      </a:lnTo>
                      <a:lnTo>
                        <a:pt x="6870" y="3872"/>
                      </a:lnTo>
                      <a:lnTo>
                        <a:pt x="6863" y="3882"/>
                      </a:lnTo>
                      <a:lnTo>
                        <a:pt x="6857" y="3893"/>
                      </a:lnTo>
                      <a:lnTo>
                        <a:pt x="6850" y="3903"/>
                      </a:lnTo>
                      <a:lnTo>
                        <a:pt x="6843" y="3912"/>
                      </a:lnTo>
                      <a:lnTo>
                        <a:pt x="6834" y="3922"/>
                      </a:lnTo>
                      <a:lnTo>
                        <a:pt x="6826" y="3931"/>
                      </a:lnTo>
                      <a:lnTo>
                        <a:pt x="6817" y="3939"/>
                      </a:lnTo>
                      <a:lnTo>
                        <a:pt x="6809" y="3947"/>
                      </a:lnTo>
                      <a:lnTo>
                        <a:pt x="6799" y="3955"/>
                      </a:lnTo>
                      <a:lnTo>
                        <a:pt x="6789" y="3963"/>
                      </a:lnTo>
                      <a:lnTo>
                        <a:pt x="6777" y="3969"/>
                      </a:lnTo>
                      <a:lnTo>
                        <a:pt x="6766" y="3976"/>
                      </a:lnTo>
                      <a:lnTo>
                        <a:pt x="6755" y="3982"/>
                      </a:lnTo>
                      <a:lnTo>
                        <a:pt x="6744" y="3987"/>
                      </a:lnTo>
                      <a:lnTo>
                        <a:pt x="6732" y="3993"/>
                      </a:lnTo>
                      <a:lnTo>
                        <a:pt x="6720" y="3997"/>
                      </a:lnTo>
                      <a:lnTo>
                        <a:pt x="6708" y="4000"/>
                      </a:lnTo>
                      <a:lnTo>
                        <a:pt x="6695" y="4004"/>
                      </a:lnTo>
                      <a:lnTo>
                        <a:pt x="6682" y="4007"/>
                      </a:lnTo>
                      <a:lnTo>
                        <a:pt x="6669" y="4009"/>
                      </a:lnTo>
                      <a:lnTo>
                        <a:pt x="6655" y="4010"/>
                      </a:lnTo>
                      <a:lnTo>
                        <a:pt x="6642" y="4012"/>
                      </a:lnTo>
                      <a:lnTo>
                        <a:pt x="6629" y="4012"/>
                      </a:lnTo>
                      <a:lnTo>
                        <a:pt x="705" y="4012"/>
                      </a:lnTo>
                      <a:lnTo>
                        <a:pt x="691" y="4012"/>
                      </a:lnTo>
                      <a:lnTo>
                        <a:pt x="678" y="4010"/>
                      </a:lnTo>
                      <a:lnTo>
                        <a:pt x="664" y="4009"/>
                      </a:lnTo>
                      <a:lnTo>
                        <a:pt x="651" y="4007"/>
                      </a:lnTo>
                      <a:lnTo>
                        <a:pt x="638" y="4004"/>
                      </a:lnTo>
                      <a:lnTo>
                        <a:pt x="626" y="4000"/>
                      </a:lnTo>
                      <a:lnTo>
                        <a:pt x="613" y="3997"/>
                      </a:lnTo>
                      <a:lnTo>
                        <a:pt x="601" y="3993"/>
                      </a:lnTo>
                      <a:lnTo>
                        <a:pt x="589" y="3987"/>
                      </a:lnTo>
                      <a:lnTo>
                        <a:pt x="578" y="3982"/>
                      </a:lnTo>
                      <a:lnTo>
                        <a:pt x="567" y="3976"/>
                      </a:lnTo>
                      <a:lnTo>
                        <a:pt x="556" y="3969"/>
                      </a:lnTo>
                      <a:lnTo>
                        <a:pt x="546" y="3963"/>
                      </a:lnTo>
                      <a:lnTo>
                        <a:pt x="536" y="3955"/>
                      </a:lnTo>
                      <a:lnTo>
                        <a:pt x="526" y="3947"/>
                      </a:lnTo>
                      <a:lnTo>
                        <a:pt x="516" y="3939"/>
                      </a:lnTo>
                      <a:lnTo>
                        <a:pt x="507" y="3931"/>
                      </a:lnTo>
                      <a:lnTo>
                        <a:pt x="499" y="3922"/>
                      </a:lnTo>
                      <a:lnTo>
                        <a:pt x="491" y="3912"/>
                      </a:lnTo>
                      <a:lnTo>
                        <a:pt x="484" y="3903"/>
                      </a:lnTo>
                      <a:lnTo>
                        <a:pt x="477" y="3893"/>
                      </a:lnTo>
                      <a:lnTo>
                        <a:pt x="470" y="3882"/>
                      </a:lnTo>
                      <a:lnTo>
                        <a:pt x="464" y="3872"/>
                      </a:lnTo>
                      <a:lnTo>
                        <a:pt x="459" y="3861"/>
                      </a:lnTo>
                      <a:lnTo>
                        <a:pt x="454" y="3850"/>
                      </a:lnTo>
                      <a:lnTo>
                        <a:pt x="450" y="3837"/>
                      </a:lnTo>
                      <a:lnTo>
                        <a:pt x="446" y="3826"/>
                      </a:lnTo>
                      <a:lnTo>
                        <a:pt x="444" y="3814"/>
                      </a:lnTo>
                      <a:lnTo>
                        <a:pt x="440" y="3802"/>
                      </a:lnTo>
                      <a:lnTo>
                        <a:pt x="439" y="3790"/>
                      </a:lnTo>
                      <a:lnTo>
                        <a:pt x="438" y="3776"/>
                      </a:lnTo>
                      <a:lnTo>
                        <a:pt x="438" y="3764"/>
                      </a:lnTo>
                      <a:lnTo>
                        <a:pt x="438" y="3177"/>
                      </a:lnTo>
                      <a:lnTo>
                        <a:pt x="438" y="3164"/>
                      </a:lnTo>
                      <a:lnTo>
                        <a:pt x="439" y="3152"/>
                      </a:lnTo>
                      <a:lnTo>
                        <a:pt x="440" y="3140"/>
                      </a:lnTo>
                      <a:lnTo>
                        <a:pt x="444" y="3127"/>
                      </a:lnTo>
                      <a:lnTo>
                        <a:pt x="446" y="3115"/>
                      </a:lnTo>
                      <a:lnTo>
                        <a:pt x="450" y="3104"/>
                      </a:lnTo>
                      <a:lnTo>
                        <a:pt x="454" y="3092"/>
                      </a:lnTo>
                      <a:lnTo>
                        <a:pt x="459" y="3081"/>
                      </a:lnTo>
                      <a:lnTo>
                        <a:pt x="464" y="3070"/>
                      </a:lnTo>
                      <a:lnTo>
                        <a:pt x="470" y="3060"/>
                      </a:lnTo>
                      <a:lnTo>
                        <a:pt x="477" y="3049"/>
                      </a:lnTo>
                      <a:lnTo>
                        <a:pt x="484" y="3039"/>
                      </a:lnTo>
                      <a:lnTo>
                        <a:pt x="491" y="3029"/>
                      </a:lnTo>
                      <a:lnTo>
                        <a:pt x="499" y="3020"/>
                      </a:lnTo>
                      <a:lnTo>
                        <a:pt x="507" y="3011"/>
                      </a:lnTo>
                      <a:lnTo>
                        <a:pt x="516" y="3002"/>
                      </a:lnTo>
                      <a:lnTo>
                        <a:pt x="526" y="2994"/>
                      </a:lnTo>
                      <a:lnTo>
                        <a:pt x="536" y="2986"/>
                      </a:lnTo>
                      <a:lnTo>
                        <a:pt x="546" y="2979"/>
                      </a:lnTo>
                      <a:lnTo>
                        <a:pt x="556" y="2972"/>
                      </a:lnTo>
                      <a:lnTo>
                        <a:pt x="567" y="2965"/>
                      </a:lnTo>
                      <a:lnTo>
                        <a:pt x="578" y="2960"/>
                      </a:lnTo>
                      <a:lnTo>
                        <a:pt x="589" y="2954"/>
                      </a:lnTo>
                      <a:lnTo>
                        <a:pt x="601" y="2949"/>
                      </a:lnTo>
                      <a:lnTo>
                        <a:pt x="613" y="2944"/>
                      </a:lnTo>
                      <a:lnTo>
                        <a:pt x="626" y="2941"/>
                      </a:lnTo>
                      <a:lnTo>
                        <a:pt x="638" y="2938"/>
                      </a:lnTo>
                      <a:lnTo>
                        <a:pt x="651" y="2934"/>
                      </a:lnTo>
                      <a:lnTo>
                        <a:pt x="664" y="2932"/>
                      </a:lnTo>
                      <a:lnTo>
                        <a:pt x="678" y="2931"/>
                      </a:lnTo>
                      <a:lnTo>
                        <a:pt x="691" y="2930"/>
                      </a:lnTo>
                      <a:lnTo>
                        <a:pt x="705" y="2929"/>
                      </a:lnTo>
                      <a:close/>
                      <a:moveTo>
                        <a:pt x="705" y="1747"/>
                      </a:moveTo>
                      <a:lnTo>
                        <a:pt x="6629" y="1747"/>
                      </a:lnTo>
                      <a:lnTo>
                        <a:pt x="6642" y="1747"/>
                      </a:lnTo>
                      <a:lnTo>
                        <a:pt x="6655" y="1748"/>
                      </a:lnTo>
                      <a:lnTo>
                        <a:pt x="6669" y="1749"/>
                      </a:lnTo>
                      <a:lnTo>
                        <a:pt x="6682" y="1752"/>
                      </a:lnTo>
                      <a:lnTo>
                        <a:pt x="6695" y="1755"/>
                      </a:lnTo>
                      <a:lnTo>
                        <a:pt x="6708" y="1758"/>
                      </a:lnTo>
                      <a:lnTo>
                        <a:pt x="6720" y="1762"/>
                      </a:lnTo>
                      <a:lnTo>
                        <a:pt x="6732" y="1766"/>
                      </a:lnTo>
                      <a:lnTo>
                        <a:pt x="6744" y="1772"/>
                      </a:lnTo>
                      <a:lnTo>
                        <a:pt x="6755" y="1777"/>
                      </a:lnTo>
                      <a:lnTo>
                        <a:pt x="6766" y="1783"/>
                      </a:lnTo>
                      <a:lnTo>
                        <a:pt x="6777" y="1789"/>
                      </a:lnTo>
                      <a:lnTo>
                        <a:pt x="6789" y="1796"/>
                      </a:lnTo>
                      <a:lnTo>
                        <a:pt x="6799" y="1804"/>
                      </a:lnTo>
                      <a:lnTo>
                        <a:pt x="6809" y="1812"/>
                      </a:lnTo>
                      <a:lnTo>
                        <a:pt x="6817" y="1819"/>
                      </a:lnTo>
                      <a:lnTo>
                        <a:pt x="6826" y="1828"/>
                      </a:lnTo>
                      <a:lnTo>
                        <a:pt x="6834" y="1837"/>
                      </a:lnTo>
                      <a:lnTo>
                        <a:pt x="6843" y="1846"/>
                      </a:lnTo>
                      <a:lnTo>
                        <a:pt x="6850" y="1856"/>
                      </a:lnTo>
                      <a:lnTo>
                        <a:pt x="6857" y="1866"/>
                      </a:lnTo>
                      <a:lnTo>
                        <a:pt x="6863" y="1877"/>
                      </a:lnTo>
                      <a:lnTo>
                        <a:pt x="6870" y="1887"/>
                      </a:lnTo>
                      <a:lnTo>
                        <a:pt x="6875" y="1898"/>
                      </a:lnTo>
                      <a:lnTo>
                        <a:pt x="6879" y="1909"/>
                      </a:lnTo>
                      <a:lnTo>
                        <a:pt x="6884" y="1921"/>
                      </a:lnTo>
                      <a:lnTo>
                        <a:pt x="6887" y="1933"/>
                      </a:lnTo>
                      <a:lnTo>
                        <a:pt x="6891" y="1945"/>
                      </a:lnTo>
                      <a:lnTo>
                        <a:pt x="6893" y="1957"/>
                      </a:lnTo>
                      <a:lnTo>
                        <a:pt x="6894" y="1969"/>
                      </a:lnTo>
                      <a:lnTo>
                        <a:pt x="6895" y="1981"/>
                      </a:lnTo>
                      <a:lnTo>
                        <a:pt x="6896" y="1995"/>
                      </a:lnTo>
                      <a:lnTo>
                        <a:pt x="6896" y="2582"/>
                      </a:lnTo>
                      <a:lnTo>
                        <a:pt x="6895" y="2594"/>
                      </a:lnTo>
                      <a:lnTo>
                        <a:pt x="6894" y="2607"/>
                      </a:lnTo>
                      <a:lnTo>
                        <a:pt x="6893" y="2619"/>
                      </a:lnTo>
                      <a:lnTo>
                        <a:pt x="6891" y="2631"/>
                      </a:lnTo>
                      <a:lnTo>
                        <a:pt x="6887" y="2644"/>
                      </a:lnTo>
                      <a:lnTo>
                        <a:pt x="6884" y="2655"/>
                      </a:lnTo>
                      <a:lnTo>
                        <a:pt x="6879" y="2667"/>
                      </a:lnTo>
                      <a:lnTo>
                        <a:pt x="6875" y="2678"/>
                      </a:lnTo>
                      <a:lnTo>
                        <a:pt x="6870" y="2689"/>
                      </a:lnTo>
                      <a:lnTo>
                        <a:pt x="6863" y="2699"/>
                      </a:lnTo>
                      <a:lnTo>
                        <a:pt x="6857" y="2710"/>
                      </a:lnTo>
                      <a:lnTo>
                        <a:pt x="6850" y="2720"/>
                      </a:lnTo>
                      <a:lnTo>
                        <a:pt x="6843" y="2730"/>
                      </a:lnTo>
                      <a:lnTo>
                        <a:pt x="6834" y="2739"/>
                      </a:lnTo>
                      <a:lnTo>
                        <a:pt x="6826" y="2748"/>
                      </a:lnTo>
                      <a:lnTo>
                        <a:pt x="6817" y="2757"/>
                      </a:lnTo>
                      <a:lnTo>
                        <a:pt x="6809" y="2765"/>
                      </a:lnTo>
                      <a:lnTo>
                        <a:pt x="6799" y="2772"/>
                      </a:lnTo>
                      <a:lnTo>
                        <a:pt x="6789" y="2780"/>
                      </a:lnTo>
                      <a:lnTo>
                        <a:pt x="6777" y="2787"/>
                      </a:lnTo>
                      <a:lnTo>
                        <a:pt x="6766" y="2793"/>
                      </a:lnTo>
                      <a:lnTo>
                        <a:pt x="6755" y="2799"/>
                      </a:lnTo>
                      <a:lnTo>
                        <a:pt x="6744" y="2805"/>
                      </a:lnTo>
                      <a:lnTo>
                        <a:pt x="6732" y="2810"/>
                      </a:lnTo>
                      <a:lnTo>
                        <a:pt x="6720" y="2814"/>
                      </a:lnTo>
                      <a:lnTo>
                        <a:pt x="6708" y="2818"/>
                      </a:lnTo>
                      <a:lnTo>
                        <a:pt x="6695" y="2821"/>
                      </a:lnTo>
                      <a:lnTo>
                        <a:pt x="6682" y="2824"/>
                      </a:lnTo>
                      <a:lnTo>
                        <a:pt x="6669" y="2827"/>
                      </a:lnTo>
                      <a:lnTo>
                        <a:pt x="6655" y="2828"/>
                      </a:lnTo>
                      <a:lnTo>
                        <a:pt x="6642" y="2829"/>
                      </a:lnTo>
                      <a:lnTo>
                        <a:pt x="6629" y="2829"/>
                      </a:lnTo>
                      <a:lnTo>
                        <a:pt x="705" y="2829"/>
                      </a:lnTo>
                      <a:lnTo>
                        <a:pt x="691" y="2829"/>
                      </a:lnTo>
                      <a:lnTo>
                        <a:pt x="678" y="2828"/>
                      </a:lnTo>
                      <a:lnTo>
                        <a:pt x="664" y="2827"/>
                      </a:lnTo>
                      <a:lnTo>
                        <a:pt x="651" y="2824"/>
                      </a:lnTo>
                      <a:lnTo>
                        <a:pt x="638" y="2821"/>
                      </a:lnTo>
                      <a:lnTo>
                        <a:pt x="626" y="2818"/>
                      </a:lnTo>
                      <a:lnTo>
                        <a:pt x="613" y="2814"/>
                      </a:lnTo>
                      <a:lnTo>
                        <a:pt x="601" y="2810"/>
                      </a:lnTo>
                      <a:lnTo>
                        <a:pt x="589" y="2805"/>
                      </a:lnTo>
                      <a:lnTo>
                        <a:pt x="578" y="2799"/>
                      </a:lnTo>
                      <a:lnTo>
                        <a:pt x="567" y="2793"/>
                      </a:lnTo>
                      <a:lnTo>
                        <a:pt x="556" y="2787"/>
                      </a:lnTo>
                      <a:lnTo>
                        <a:pt x="546" y="2780"/>
                      </a:lnTo>
                      <a:lnTo>
                        <a:pt x="536" y="2772"/>
                      </a:lnTo>
                      <a:lnTo>
                        <a:pt x="526" y="2765"/>
                      </a:lnTo>
                      <a:lnTo>
                        <a:pt x="516" y="2757"/>
                      </a:lnTo>
                      <a:lnTo>
                        <a:pt x="507" y="2748"/>
                      </a:lnTo>
                      <a:lnTo>
                        <a:pt x="499" y="2739"/>
                      </a:lnTo>
                      <a:lnTo>
                        <a:pt x="491" y="2730"/>
                      </a:lnTo>
                      <a:lnTo>
                        <a:pt x="484" y="2720"/>
                      </a:lnTo>
                      <a:lnTo>
                        <a:pt x="477" y="2710"/>
                      </a:lnTo>
                      <a:lnTo>
                        <a:pt x="470" y="2699"/>
                      </a:lnTo>
                      <a:lnTo>
                        <a:pt x="464" y="2689"/>
                      </a:lnTo>
                      <a:lnTo>
                        <a:pt x="459" y="2678"/>
                      </a:lnTo>
                      <a:lnTo>
                        <a:pt x="454" y="2667"/>
                      </a:lnTo>
                      <a:lnTo>
                        <a:pt x="450" y="2655"/>
                      </a:lnTo>
                      <a:lnTo>
                        <a:pt x="446" y="2644"/>
                      </a:lnTo>
                      <a:lnTo>
                        <a:pt x="444" y="2631"/>
                      </a:lnTo>
                      <a:lnTo>
                        <a:pt x="440" y="2619"/>
                      </a:lnTo>
                      <a:lnTo>
                        <a:pt x="439" y="2607"/>
                      </a:lnTo>
                      <a:lnTo>
                        <a:pt x="438" y="2594"/>
                      </a:lnTo>
                      <a:lnTo>
                        <a:pt x="438" y="2582"/>
                      </a:lnTo>
                      <a:lnTo>
                        <a:pt x="438" y="1995"/>
                      </a:lnTo>
                      <a:lnTo>
                        <a:pt x="438" y="1981"/>
                      </a:lnTo>
                      <a:lnTo>
                        <a:pt x="439" y="1969"/>
                      </a:lnTo>
                      <a:lnTo>
                        <a:pt x="440" y="1957"/>
                      </a:lnTo>
                      <a:lnTo>
                        <a:pt x="444" y="1945"/>
                      </a:lnTo>
                      <a:lnTo>
                        <a:pt x="446" y="1933"/>
                      </a:lnTo>
                      <a:lnTo>
                        <a:pt x="450" y="1921"/>
                      </a:lnTo>
                      <a:lnTo>
                        <a:pt x="454" y="1909"/>
                      </a:lnTo>
                      <a:lnTo>
                        <a:pt x="459" y="1898"/>
                      </a:lnTo>
                      <a:lnTo>
                        <a:pt x="464" y="1887"/>
                      </a:lnTo>
                      <a:lnTo>
                        <a:pt x="470" y="1877"/>
                      </a:lnTo>
                      <a:lnTo>
                        <a:pt x="477" y="1866"/>
                      </a:lnTo>
                      <a:lnTo>
                        <a:pt x="484" y="1856"/>
                      </a:lnTo>
                      <a:lnTo>
                        <a:pt x="491" y="1846"/>
                      </a:lnTo>
                      <a:lnTo>
                        <a:pt x="499" y="1837"/>
                      </a:lnTo>
                      <a:lnTo>
                        <a:pt x="507" y="1828"/>
                      </a:lnTo>
                      <a:lnTo>
                        <a:pt x="516" y="1819"/>
                      </a:lnTo>
                      <a:lnTo>
                        <a:pt x="526" y="1812"/>
                      </a:lnTo>
                      <a:lnTo>
                        <a:pt x="536" y="1804"/>
                      </a:lnTo>
                      <a:lnTo>
                        <a:pt x="546" y="1796"/>
                      </a:lnTo>
                      <a:lnTo>
                        <a:pt x="556" y="1789"/>
                      </a:lnTo>
                      <a:lnTo>
                        <a:pt x="567" y="1783"/>
                      </a:lnTo>
                      <a:lnTo>
                        <a:pt x="578" y="1777"/>
                      </a:lnTo>
                      <a:lnTo>
                        <a:pt x="589" y="1772"/>
                      </a:lnTo>
                      <a:lnTo>
                        <a:pt x="601" y="1766"/>
                      </a:lnTo>
                      <a:lnTo>
                        <a:pt x="613" y="1762"/>
                      </a:lnTo>
                      <a:lnTo>
                        <a:pt x="626" y="1758"/>
                      </a:lnTo>
                      <a:lnTo>
                        <a:pt x="638" y="1755"/>
                      </a:lnTo>
                      <a:lnTo>
                        <a:pt x="651" y="1752"/>
                      </a:lnTo>
                      <a:lnTo>
                        <a:pt x="664" y="1749"/>
                      </a:lnTo>
                      <a:lnTo>
                        <a:pt x="678" y="1748"/>
                      </a:lnTo>
                      <a:lnTo>
                        <a:pt x="691" y="1747"/>
                      </a:lnTo>
                      <a:lnTo>
                        <a:pt x="705" y="1747"/>
                      </a:lnTo>
                      <a:close/>
                      <a:moveTo>
                        <a:pt x="705" y="565"/>
                      </a:moveTo>
                      <a:lnTo>
                        <a:pt x="6629" y="565"/>
                      </a:lnTo>
                      <a:lnTo>
                        <a:pt x="6642" y="565"/>
                      </a:lnTo>
                      <a:lnTo>
                        <a:pt x="6655" y="566"/>
                      </a:lnTo>
                      <a:lnTo>
                        <a:pt x="6669" y="567"/>
                      </a:lnTo>
                      <a:lnTo>
                        <a:pt x="6682" y="569"/>
                      </a:lnTo>
                      <a:lnTo>
                        <a:pt x="6695" y="572"/>
                      </a:lnTo>
                      <a:lnTo>
                        <a:pt x="6708" y="576"/>
                      </a:lnTo>
                      <a:lnTo>
                        <a:pt x="6720" y="579"/>
                      </a:lnTo>
                      <a:lnTo>
                        <a:pt x="6732" y="584"/>
                      </a:lnTo>
                      <a:lnTo>
                        <a:pt x="6744" y="589"/>
                      </a:lnTo>
                      <a:lnTo>
                        <a:pt x="6755" y="595"/>
                      </a:lnTo>
                      <a:lnTo>
                        <a:pt x="6766" y="600"/>
                      </a:lnTo>
                      <a:lnTo>
                        <a:pt x="6777" y="607"/>
                      </a:lnTo>
                      <a:lnTo>
                        <a:pt x="6789" y="613"/>
                      </a:lnTo>
                      <a:lnTo>
                        <a:pt x="6799" y="621"/>
                      </a:lnTo>
                      <a:lnTo>
                        <a:pt x="6809" y="629"/>
                      </a:lnTo>
                      <a:lnTo>
                        <a:pt x="6817" y="637"/>
                      </a:lnTo>
                      <a:lnTo>
                        <a:pt x="6826" y="646"/>
                      </a:lnTo>
                      <a:lnTo>
                        <a:pt x="6834" y="655"/>
                      </a:lnTo>
                      <a:lnTo>
                        <a:pt x="6843" y="665"/>
                      </a:lnTo>
                      <a:lnTo>
                        <a:pt x="6850" y="673"/>
                      </a:lnTo>
                      <a:lnTo>
                        <a:pt x="6857" y="683"/>
                      </a:lnTo>
                      <a:lnTo>
                        <a:pt x="6863" y="694"/>
                      </a:lnTo>
                      <a:lnTo>
                        <a:pt x="6870" y="704"/>
                      </a:lnTo>
                      <a:lnTo>
                        <a:pt x="6875" y="716"/>
                      </a:lnTo>
                      <a:lnTo>
                        <a:pt x="6879" y="727"/>
                      </a:lnTo>
                      <a:lnTo>
                        <a:pt x="6884" y="739"/>
                      </a:lnTo>
                      <a:lnTo>
                        <a:pt x="6887" y="750"/>
                      </a:lnTo>
                      <a:lnTo>
                        <a:pt x="6891" y="762"/>
                      </a:lnTo>
                      <a:lnTo>
                        <a:pt x="6893" y="774"/>
                      </a:lnTo>
                      <a:lnTo>
                        <a:pt x="6894" y="787"/>
                      </a:lnTo>
                      <a:lnTo>
                        <a:pt x="6895" y="800"/>
                      </a:lnTo>
                      <a:lnTo>
                        <a:pt x="6896" y="812"/>
                      </a:lnTo>
                      <a:lnTo>
                        <a:pt x="6896" y="1399"/>
                      </a:lnTo>
                      <a:lnTo>
                        <a:pt x="6895" y="1412"/>
                      </a:lnTo>
                      <a:lnTo>
                        <a:pt x="6894" y="1424"/>
                      </a:lnTo>
                      <a:lnTo>
                        <a:pt x="6893" y="1437"/>
                      </a:lnTo>
                      <a:lnTo>
                        <a:pt x="6891" y="1449"/>
                      </a:lnTo>
                      <a:lnTo>
                        <a:pt x="6887" y="1461"/>
                      </a:lnTo>
                      <a:lnTo>
                        <a:pt x="6884" y="1472"/>
                      </a:lnTo>
                      <a:lnTo>
                        <a:pt x="6879" y="1484"/>
                      </a:lnTo>
                      <a:lnTo>
                        <a:pt x="6875" y="1495"/>
                      </a:lnTo>
                      <a:lnTo>
                        <a:pt x="6870" y="1507"/>
                      </a:lnTo>
                      <a:lnTo>
                        <a:pt x="6863" y="1517"/>
                      </a:lnTo>
                      <a:lnTo>
                        <a:pt x="6857" y="1528"/>
                      </a:lnTo>
                      <a:lnTo>
                        <a:pt x="6850" y="1538"/>
                      </a:lnTo>
                      <a:lnTo>
                        <a:pt x="6843" y="1548"/>
                      </a:lnTo>
                      <a:lnTo>
                        <a:pt x="6834" y="1556"/>
                      </a:lnTo>
                      <a:lnTo>
                        <a:pt x="6826" y="1565"/>
                      </a:lnTo>
                      <a:lnTo>
                        <a:pt x="6817" y="1574"/>
                      </a:lnTo>
                      <a:lnTo>
                        <a:pt x="6809" y="1582"/>
                      </a:lnTo>
                      <a:lnTo>
                        <a:pt x="6799" y="1590"/>
                      </a:lnTo>
                      <a:lnTo>
                        <a:pt x="6789" y="1598"/>
                      </a:lnTo>
                      <a:lnTo>
                        <a:pt x="6777" y="1604"/>
                      </a:lnTo>
                      <a:lnTo>
                        <a:pt x="6766" y="1611"/>
                      </a:lnTo>
                      <a:lnTo>
                        <a:pt x="6755" y="1617"/>
                      </a:lnTo>
                      <a:lnTo>
                        <a:pt x="6744" y="1622"/>
                      </a:lnTo>
                      <a:lnTo>
                        <a:pt x="6732" y="1627"/>
                      </a:lnTo>
                      <a:lnTo>
                        <a:pt x="6720" y="1632"/>
                      </a:lnTo>
                      <a:lnTo>
                        <a:pt x="6708" y="1635"/>
                      </a:lnTo>
                      <a:lnTo>
                        <a:pt x="6695" y="1639"/>
                      </a:lnTo>
                      <a:lnTo>
                        <a:pt x="6682" y="1642"/>
                      </a:lnTo>
                      <a:lnTo>
                        <a:pt x="6669" y="1644"/>
                      </a:lnTo>
                      <a:lnTo>
                        <a:pt x="6655" y="1645"/>
                      </a:lnTo>
                      <a:lnTo>
                        <a:pt x="6642" y="1646"/>
                      </a:lnTo>
                      <a:lnTo>
                        <a:pt x="6629" y="1647"/>
                      </a:lnTo>
                      <a:lnTo>
                        <a:pt x="705" y="1647"/>
                      </a:lnTo>
                      <a:lnTo>
                        <a:pt x="691" y="1646"/>
                      </a:lnTo>
                      <a:lnTo>
                        <a:pt x="678" y="1645"/>
                      </a:lnTo>
                      <a:lnTo>
                        <a:pt x="664" y="1644"/>
                      </a:lnTo>
                      <a:lnTo>
                        <a:pt x="651" y="1642"/>
                      </a:lnTo>
                      <a:lnTo>
                        <a:pt x="638" y="1639"/>
                      </a:lnTo>
                      <a:lnTo>
                        <a:pt x="626" y="1635"/>
                      </a:lnTo>
                      <a:lnTo>
                        <a:pt x="613" y="1632"/>
                      </a:lnTo>
                      <a:lnTo>
                        <a:pt x="601" y="1627"/>
                      </a:lnTo>
                      <a:lnTo>
                        <a:pt x="589" y="1622"/>
                      </a:lnTo>
                      <a:lnTo>
                        <a:pt x="578" y="1617"/>
                      </a:lnTo>
                      <a:lnTo>
                        <a:pt x="567" y="1611"/>
                      </a:lnTo>
                      <a:lnTo>
                        <a:pt x="556" y="1604"/>
                      </a:lnTo>
                      <a:lnTo>
                        <a:pt x="546" y="1598"/>
                      </a:lnTo>
                      <a:lnTo>
                        <a:pt x="536" y="1590"/>
                      </a:lnTo>
                      <a:lnTo>
                        <a:pt x="526" y="1582"/>
                      </a:lnTo>
                      <a:lnTo>
                        <a:pt x="516" y="1574"/>
                      </a:lnTo>
                      <a:lnTo>
                        <a:pt x="507" y="1565"/>
                      </a:lnTo>
                      <a:lnTo>
                        <a:pt x="499" y="1556"/>
                      </a:lnTo>
                      <a:lnTo>
                        <a:pt x="491" y="1548"/>
                      </a:lnTo>
                      <a:lnTo>
                        <a:pt x="484" y="1538"/>
                      </a:lnTo>
                      <a:lnTo>
                        <a:pt x="477" y="1528"/>
                      </a:lnTo>
                      <a:lnTo>
                        <a:pt x="470" y="1517"/>
                      </a:lnTo>
                      <a:lnTo>
                        <a:pt x="464" y="1507"/>
                      </a:lnTo>
                      <a:lnTo>
                        <a:pt x="459" y="1495"/>
                      </a:lnTo>
                      <a:lnTo>
                        <a:pt x="454" y="1484"/>
                      </a:lnTo>
                      <a:lnTo>
                        <a:pt x="450" y="1472"/>
                      </a:lnTo>
                      <a:lnTo>
                        <a:pt x="446" y="1461"/>
                      </a:lnTo>
                      <a:lnTo>
                        <a:pt x="444" y="1449"/>
                      </a:lnTo>
                      <a:lnTo>
                        <a:pt x="440" y="1437"/>
                      </a:lnTo>
                      <a:lnTo>
                        <a:pt x="439" y="1424"/>
                      </a:lnTo>
                      <a:lnTo>
                        <a:pt x="438" y="1412"/>
                      </a:lnTo>
                      <a:lnTo>
                        <a:pt x="438" y="1399"/>
                      </a:lnTo>
                      <a:lnTo>
                        <a:pt x="438" y="812"/>
                      </a:lnTo>
                      <a:lnTo>
                        <a:pt x="438" y="800"/>
                      </a:lnTo>
                      <a:lnTo>
                        <a:pt x="439" y="787"/>
                      </a:lnTo>
                      <a:lnTo>
                        <a:pt x="440" y="774"/>
                      </a:lnTo>
                      <a:lnTo>
                        <a:pt x="444" y="762"/>
                      </a:lnTo>
                      <a:lnTo>
                        <a:pt x="446" y="750"/>
                      </a:lnTo>
                      <a:lnTo>
                        <a:pt x="450" y="739"/>
                      </a:lnTo>
                      <a:lnTo>
                        <a:pt x="454" y="727"/>
                      </a:lnTo>
                      <a:lnTo>
                        <a:pt x="459" y="716"/>
                      </a:lnTo>
                      <a:lnTo>
                        <a:pt x="464" y="704"/>
                      </a:lnTo>
                      <a:lnTo>
                        <a:pt x="470" y="694"/>
                      </a:lnTo>
                      <a:lnTo>
                        <a:pt x="477" y="683"/>
                      </a:lnTo>
                      <a:lnTo>
                        <a:pt x="484" y="673"/>
                      </a:lnTo>
                      <a:lnTo>
                        <a:pt x="491" y="665"/>
                      </a:lnTo>
                      <a:lnTo>
                        <a:pt x="499" y="655"/>
                      </a:lnTo>
                      <a:lnTo>
                        <a:pt x="507" y="646"/>
                      </a:lnTo>
                      <a:lnTo>
                        <a:pt x="516" y="637"/>
                      </a:lnTo>
                      <a:lnTo>
                        <a:pt x="526" y="629"/>
                      </a:lnTo>
                      <a:lnTo>
                        <a:pt x="536" y="621"/>
                      </a:lnTo>
                      <a:lnTo>
                        <a:pt x="546" y="613"/>
                      </a:lnTo>
                      <a:lnTo>
                        <a:pt x="556" y="607"/>
                      </a:lnTo>
                      <a:lnTo>
                        <a:pt x="567" y="600"/>
                      </a:lnTo>
                      <a:lnTo>
                        <a:pt x="578" y="595"/>
                      </a:lnTo>
                      <a:lnTo>
                        <a:pt x="589" y="589"/>
                      </a:lnTo>
                      <a:lnTo>
                        <a:pt x="601" y="584"/>
                      </a:lnTo>
                      <a:lnTo>
                        <a:pt x="613" y="579"/>
                      </a:lnTo>
                      <a:lnTo>
                        <a:pt x="626" y="576"/>
                      </a:lnTo>
                      <a:lnTo>
                        <a:pt x="638" y="572"/>
                      </a:lnTo>
                      <a:lnTo>
                        <a:pt x="651" y="569"/>
                      </a:lnTo>
                      <a:lnTo>
                        <a:pt x="664" y="567"/>
                      </a:lnTo>
                      <a:lnTo>
                        <a:pt x="678" y="566"/>
                      </a:lnTo>
                      <a:lnTo>
                        <a:pt x="691" y="565"/>
                      </a:lnTo>
                      <a:lnTo>
                        <a:pt x="705" y="56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FFFFFF">
                        <a:lumMod val="75000"/>
                      </a:srgbClr>
                    </a:solidFill>
                    <a:latin typeface="Arial" pitchFamily="34" charset="0"/>
                    <a:cs typeface="Arial" pitchFamily="34" charset="0"/>
                  </a:endParaRPr>
                </a:p>
              </p:txBody>
            </p:sp>
          </p:grpSp>
        </p:grpSp>
        <p:sp>
          <p:nvSpPr>
            <p:cNvPr id="270" name="矩形 240"/>
            <p:cNvSpPr/>
            <p:nvPr/>
          </p:nvSpPr>
          <p:spPr>
            <a:xfrm>
              <a:off x="5211990" y="3412998"/>
              <a:ext cx="1092368" cy="184597"/>
            </a:xfrm>
            <a:prstGeom prst="rect">
              <a:avLst/>
            </a:prstGeom>
          </p:spPr>
          <p:txBody>
            <a:bodyPr wrap="none" lIns="91417" tIns="45708" rIns="91417" bIns="45708">
              <a:spAutoFit/>
            </a:bodyPr>
            <a:lstStyle/>
            <a:p>
              <a:r>
                <a:rPr lang="en-US" altLang="zh-CN" kern="0" dirty="0" smtClean="0">
                  <a:latin typeface="Arial" pitchFamily="34" charset="0"/>
                  <a:ea typeface="微软雅黑" pitchFamily="34" charset="-122"/>
                  <a:cs typeface="Arial" pitchFamily="34" charset="0"/>
                </a:rPr>
                <a:t>Source: SPECsfs2008</a:t>
              </a:r>
            </a:p>
          </p:txBody>
        </p:sp>
      </p:grpSp>
      <p:grpSp>
        <p:nvGrpSpPr>
          <p:cNvPr id="11" name="组合 214"/>
          <p:cNvGrpSpPr/>
          <p:nvPr/>
        </p:nvGrpSpPr>
        <p:grpSpPr>
          <a:xfrm>
            <a:off x="8592125" y="1998928"/>
            <a:ext cx="3765030" cy="1213103"/>
            <a:chOff x="4284683" y="988522"/>
            <a:chExt cx="1678045" cy="606364"/>
          </a:xfrm>
        </p:grpSpPr>
        <p:sp>
          <p:nvSpPr>
            <p:cNvPr id="269" name="矩形 459"/>
            <p:cNvSpPr/>
            <p:nvPr/>
          </p:nvSpPr>
          <p:spPr>
            <a:xfrm>
              <a:off x="4800793" y="1408195"/>
              <a:ext cx="833167" cy="184597"/>
            </a:xfrm>
            <a:prstGeom prst="rect">
              <a:avLst/>
            </a:prstGeom>
          </p:spPr>
          <p:txBody>
            <a:bodyPr wrap="none" lIns="91417" tIns="45708" rIns="91417" bIns="45708">
              <a:spAutoFit/>
            </a:bodyPr>
            <a:lstStyle/>
            <a:p>
              <a:r>
                <a:rPr lang="en-US" altLang="zh-CN" kern="0" dirty="0" smtClean="0">
                  <a:latin typeface="Arial" pitchFamily="34" charset="0"/>
                  <a:ea typeface="微软雅黑" pitchFamily="34" charset="-122"/>
                  <a:cs typeface="Arial" pitchFamily="34" charset="0"/>
                </a:rPr>
                <a:t>Source: </a:t>
              </a:r>
              <a:r>
                <a:rPr lang="en-US" altLang="zh-CN" kern="0" dirty="0" err="1" smtClean="0">
                  <a:latin typeface="Arial" pitchFamily="34" charset="0"/>
                  <a:ea typeface="微软雅黑" pitchFamily="34" charset="-122"/>
                  <a:cs typeface="Arial" pitchFamily="34" charset="0"/>
                </a:rPr>
                <a:t>Dell'Oro</a:t>
              </a:r>
              <a:endParaRPr lang="zh-CN" altLang="en-US" kern="0" dirty="0" smtClean="0">
                <a:latin typeface="Arial" pitchFamily="34" charset="0"/>
                <a:ea typeface="微软雅黑" pitchFamily="34" charset="-122"/>
                <a:cs typeface="Arial" pitchFamily="34" charset="0"/>
              </a:endParaRPr>
            </a:p>
          </p:txBody>
        </p:sp>
        <p:sp>
          <p:nvSpPr>
            <p:cNvPr id="693" name="Content Placeholder 3"/>
            <p:cNvSpPr txBox="1">
              <a:spLocks/>
            </p:cNvSpPr>
            <p:nvPr/>
          </p:nvSpPr>
          <p:spPr>
            <a:xfrm>
              <a:off x="4818905" y="988522"/>
              <a:ext cx="1143823" cy="606364"/>
            </a:xfrm>
            <a:prstGeom prst="rect">
              <a:avLst/>
            </a:prstGeom>
          </p:spPr>
          <p:txBody>
            <a:bodyPr lIns="68544" tIns="34272" rIns="68544" bIns="34272"/>
            <a:lstStyle/>
            <a:p>
              <a:pPr eaLnBrk="0" hangingPunct="0">
                <a:spcAft>
                  <a:spcPts val="400"/>
                </a:spcAft>
                <a:buClr>
                  <a:srgbClr val="777777"/>
                </a:buClr>
                <a:buSzPct val="60000"/>
                <a:defRPr/>
              </a:pPr>
              <a:r>
                <a:rPr lang="en-US" altLang="zh-CN" b="1" kern="0" dirty="0" smtClean="0">
                  <a:latin typeface="Arial" pitchFamily="34" charset="0"/>
                  <a:ea typeface="微软雅黑" pitchFamily="34" charset="-122"/>
                  <a:cs typeface="Arial" pitchFamily="34" charset="0"/>
                </a:rPr>
                <a:t>LAN switch:</a:t>
              </a:r>
            </a:p>
            <a:p>
              <a:r>
                <a:rPr lang="en-US" altLang="zh-CN" kern="0" dirty="0" smtClean="0">
                  <a:solidFill>
                    <a:srgbClr val="FF0000"/>
                  </a:solidFill>
                  <a:latin typeface="Arial" pitchFamily="34" charset="0"/>
                  <a:ea typeface="微软雅黑" pitchFamily="34" charset="-122"/>
                  <a:cs typeface="Arial" pitchFamily="34" charset="0"/>
                </a:rPr>
                <a:t>540K</a:t>
              </a:r>
              <a:r>
                <a:rPr lang="en-US" altLang="zh-CN" kern="0" dirty="0" smtClean="0">
                  <a:latin typeface="Arial" pitchFamily="34" charset="0"/>
                  <a:ea typeface="微软雅黑" pitchFamily="34" charset="-122"/>
                  <a:cs typeface="Arial" pitchFamily="34" charset="0"/>
                </a:rPr>
                <a:t> Units, </a:t>
              </a:r>
              <a:r>
                <a:rPr lang="en-US" altLang="zh-CN" kern="0" dirty="0" smtClean="0">
                  <a:solidFill>
                    <a:srgbClr val="FF0000"/>
                  </a:solidFill>
                  <a:latin typeface="Arial" pitchFamily="34" charset="0"/>
                  <a:ea typeface="微软雅黑" pitchFamily="34" charset="-122"/>
                  <a:cs typeface="Arial" pitchFamily="34" charset="0"/>
                </a:rPr>
                <a:t>56% </a:t>
              </a:r>
              <a:r>
                <a:rPr lang="en-US" altLang="zh-CN" kern="0" dirty="0" err="1" smtClean="0">
                  <a:latin typeface="Arial" pitchFamily="34" charset="0"/>
                  <a:ea typeface="微软雅黑" pitchFamily="34" charset="-122"/>
                  <a:cs typeface="Arial" pitchFamily="34" charset="0"/>
                </a:rPr>
                <a:t>YoY</a:t>
              </a:r>
              <a:endParaRPr lang="en-US" altLang="zh-CN" kern="0" dirty="0" smtClean="0">
                <a:solidFill>
                  <a:schemeClr val="tx1">
                    <a:lumMod val="75000"/>
                    <a:lumOff val="25000"/>
                  </a:schemeClr>
                </a:solidFill>
                <a:latin typeface="Arial" pitchFamily="34" charset="0"/>
                <a:ea typeface="微软雅黑" pitchFamily="34" charset="-122"/>
                <a:cs typeface="Arial" pitchFamily="34" charset="0"/>
                <a:sym typeface="Wingdings" pitchFamily="2" charset="2"/>
              </a:endParaRPr>
            </a:p>
            <a:p>
              <a:r>
                <a:rPr lang="en-US" altLang="zh-CN" kern="0" dirty="0" smtClean="0">
                  <a:solidFill>
                    <a:schemeClr val="tx1">
                      <a:lumMod val="75000"/>
                      <a:lumOff val="25000"/>
                    </a:schemeClr>
                  </a:solidFill>
                  <a:latin typeface="Arial" pitchFamily="34" charset="0"/>
                  <a:ea typeface="微软雅黑" pitchFamily="34" charset="-122"/>
                  <a:cs typeface="Arial" pitchFamily="34" charset="0"/>
                  <a:sym typeface="Wingdings" pitchFamily="2" charset="2"/>
                </a:rPr>
                <a:t>Ranking </a:t>
              </a:r>
              <a:r>
                <a:rPr lang="en-US" altLang="zh-CN" kern="0" dirty="0" smtClean="0">
                  <a:solidFill>
                    <a:srgbClr val="FF0000"/>
                  </a:solidFill>
                  <a:latin typeface="Arial" pitchFamily="34" charset="0"/>
                  <a:ea typeface="微软雅黑" pitchFamily="34" charset="-122"/>
                  <a:cs typeface="Arial" pitchFamily="34" charset="0"/>
                </a:rPr>
                <a:t>No.3</a:t>
              </a:r>
              <a:endParaRPr lang="en-US" altLang="zh-CN" dirty="0" smtClean="0">
                <a:solidFill>
                  <a:srgbClr val="FF0000"/>
                </a:solidFill>
                <a:latin typeface="Arial" pitchFamily="34" charset="0"/>
                <a:cs typeface="Arial" pitchFamily="34" charset="0"/>
              </a:endParaRPr>
            </a:p>
            <a:p>
              <a:pPr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defTabSz="1828434"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p:txBody>
        </p:sp>
        <p:grpSp>
          <p:nvGrpSpPr>
            <p:cNvPr id="12" name="组合 1191"/>
            <p:cNvGrpSpPr/>
            <p:nvPr/>
          </p:nvGrpSpPr>
          <p:grpSpPr>
            <a:xfrm>
              <a:off x="4284683" y="1056137"/>
              <a:ext cx="500968" cy="491035"/>
              <a:chOff x="12838113" y="1958461"/>
              <a:chExt cx="500968" cy="491035"/>
            </a:xfrm>
          </p:grpSpPr>
          <p:sp>
            <p:nvSpPr>
              <p:cNvPr id="1038" name="圆角矩形 1037"/>
              <p:cNvSpPr/>
              <p:nvPr/>
            </p:nvSpPr>
            <p:spPr bwMode="auto">
              <a:xfrm>
                <a:off x="12838113" y="1958461"/>
                <a:ext cx="500968" cy="491035"/>
              </a:xfrm>
              <a:prstGeom prst="roundRect">
                <a:avLst/>
              </a:prstGeom>
              <a:solidFill>
                <a:schemeClr val="bg1">
                  <a:lumMod val="50000"/>
                </a:schemeClr>
              </a:solidFill>
              <a:ln w="12700">
                <a:noFill/>
              </a:ln>
              <a:effectLst/>
            </p:spPr>
            <p:txBody>
              <a:bodyPr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grpSp>
            <p:nvGrpSpPr>
              <p:cNvPr id="13" name="组合 156"/>
              <p:cNvGrpSpPr/>
              <p:nvPr/>
            </p:nvGrpSpPr>
            <p:grpSpPr>
              <a:xfrm>
                <a:off x="12900056" y="2136313"/>
                <a:ext cx="399576" cy="120426"/>
                <a:chOff x="9419704" y="2777861"/>
                <a:chExt cx="1722438" cy="519113"/>
              </a:xfrm>
              <a:solidFill>
                <a:schemeClr val="bg1"/>
              </a:solidFill>
            </p:grpSpPr>
            <p:grpSp>
              <p:nvGrpSpPr>
                <p:cNvPr id="14" name="组合 189"/>
                <p:cNvGrpSpPr/>
                <p:nvPr/>
              </p:nvGrpSpPr>
              <p:grpSpPr>
                <a:xfrm>
                  <a:off x="10669067" y="2893749"/>
                  <a:ext cx="196850" cy="36513"/>
                  <a:chOff x="10707167" y="1194489"/>
                  <a:chExt cx="196850" cy="36513"/>
                </a:xfrm>
                <a:grpFill/>
              </p:grpSpPr>
              <p:sp>
                <p:nvSpPr>
                  <p:cNvPr id="1047" name="Freeform 6"/>
                  <p:cNvSpPr>
                    <a:spLocks/>
                  </p:cNvSpPr>
                  <p:nvPr/>
                </p:nvSpPr>
                <p:spPr bwMode="auto">
                  <a:xfrm>
                    <a:off x="10707167" y="1194489"/>
                    <a:ext cx="36513" cy="36513"/>
                  </a:xfrm>
                  <a:custGeom>
                    <a:avLst/>
                    <a:gdLst/>
                    <a:ahLst/>
                    <a:cxnLst>
                      <a:cxn ang="0">
                        <a:pos x="189" y="343"/>
                      </a:cxn>
                      <a:cxn ang="0">
                        <a:pos x="222" y="336"/>
                      </a:cxn>
                      <a:cxn ang="0">
                        <a:pos x="253" y="322"/>
                      </a:cxn>
                      <a:cxn ang="0">
                        <a:pos x="280" y="304"/>
                      </a:cxn>
                      <a:cxn ang="0">
                        <a:pos x="304" y="282"/>
                      </a:cxn>
                      <a:cxn ang="0">
                        <a:pos x="322" y="254"/>
                      </a:cxn>
                      <a:cxn ang="0">
                        <a:pos x="335" y="224"/>
                      </a:cxn>
                      <a:cxn ang="0">
                        <a:pos x="341" y="190"/>
                      </a:cxn>
                      <a:cxn ang="0">
                        <a:pos x="341" y="154"/>
                      </a:cxn>
                      <a:cxn ang="0">
                        <a:pos x="335" y="122"/>
                      </a:cxn>
                      <a:cxn ang="0">
                        <a:pos x="322" y="91"/>
                      </a:cxn>
                      <a:cxn ang="0">
                        <a:pos x="304" y="64"/>
                      </a:cxn>
                      <a:cxn ang="0">
                        <a:pos x="280" y="40"/>
                      </a:cxn>
                      <a:cxn ang="0">
                        <a:pos x="253" y="22"/>
                      </a:cxn>
                      <a:cxn ang="0">
                        <a:pos x="222" y="9"/>
                      </a:cxn>
                      <a:cxn ang="0">
                        <a:pos x="189" y="1"/>
                      </a:cxn>
                      <a:cxn ang="0">
                        <a:pos x="154" y="1"/>
                      </a:cxn>
                      <a:cxn ang="0">
                        <a:pos x="121" y="9"/>
                      </a:cxn>
                      <a:cxn ang="0">
                        <a:pos x="90" y="22"/>
                      </a:cxn>
                      <a:cxn ang="0">
                        <a:pos x="63" y="40"/>
                      </a:cxn>
                      <a:cxn ang="0">
                        <a:pos x="39" y="64"/>
                      </a:cxn>
                      <a:cxn ang="0">
                        <a:pos x="21" y="91"/>
                      </a:cxn>
                      <a:cxn ang="0">
                        <a:pos x="9" y="122"/>
                      </a:cxn>
                      <a:cxn ang="0">
                        <a:pos x="2" y="154"/>
                      </a:cxn>
                      <a:cxn ang="0">
                        <a:pos x="2" y="190"/>
                      </a:cxn>
                      <a:cxn ang="0">
                        <a:pos x="9" y="224"/>
                      </a:cxn>
                      <a:cxn ang="0">
                        <a:pos x="21" y="254"/>
                      </a:cxn>
                      <a:cxn ang="0">
                        <a:pos x="39" y="282"/>
                      </a:cxn>
                      <a:cxn ang="0">
                        <a:pos x="63" y="304"/>
                      </a:cxn>
                      <a:cxn ang="0">
                        <a:pos x="90" y="322"/>
                      </a:cxn>
                      <a:cxn ang="0">
                        <a:pos x="121" y="336"/>
                      </a:cxn>
                      <a:cxn ang="0">
                        <a:pos x="154" y="343"/>
                      </a:cxn>
                    </a:cxnLst>
                    <a:rect l="0" t="0" r="r" b="b"/>
                    <a:pathLst>
                      <a:path w="342" h="344">
                        <a:moveTo>
                          <a:pt x="171" y="344"/>
                        </a:moveTo>
                        <a:lnTo>
                          <a:pt x="189" y="343"/>
                        </a:lnTo>
                        <a:lnTo>
                          <a:pt x="206" y="340"/>
                        </a:lnTo>
                        <a:lnTo>
                          <a:pt x="222" y="336"/>
                        </a:lnTo>
                        <a:lnTo>
                          <a:pt x="238" y="331"/>
                        </a:lnTo>
                        <a:lnTo>
                          <a:pt x="253" y="322"/>
                        </a:lnTo>
                        <a:lnTo>
                          <a:pt x="267" y="314"/>
                        </a:lnTo>
                        <a:lnTo>
                          <a:pt x="280" y="304"/>
                        </a:lnTo>
                        <a:lnTo>
                          <a:pt x="292" y="293"/>
                        </a:lnTo>
                        <a:lnTo>
                          <a:pt x="304" y="282"/>
                        </a:lnTo>
                        <a:lnTo>
                          <a:pt x="313" y="268"/>
                        </a:lnTo>
                        <a:lnTo>
                          <a:pt x="322" y="254"/>
                        </a:lnTo>
                        <a:lnTo>
                          <a:pt x="329" y="239"/>
                        </a:lnTo>
                        <a:lnTo>
                          <a:pt x="335" y="224"/>
                        </a:lnTo>
                        <a:lnTo>
                          <a:pt x="339" y="206"/>
                        </a:lnTo>
                        <a:lnTo>
                          <a:pt x="341" y="190"/>
                        </a:lnTo>
                        <a:lnTo>
                          <a:pt x="342" y="173"/>
                        </a:lnTo>
                        <a:lnTo>
                          <a:pt x="341" y="154"/>
                        </a:lnTo>
                        <a:lnTo>
                          <a:pt x="339" y="138"/>
                        </a:lnTo>
                        <a:lnTo>
                          <a:pt x="335" y="122"/>
                        </a:lnTo>
                        <a:lnTo>
                          <a:pt x="329" y="105"/>
                        </a:lnTo>
                        <a:lnTo>
                          <a:pt x="322" y="91"/>
                        </a:lnTo>
                        <a:lnTo>
                          <a:pt x="313" y="77"/>
                        </a:lnTo>
                        <a:lnTo>
                          <a:pt x="304" y="64"/>
                        </a:lnTo>
                        <a:lnTo>
                          <a:pt x="292" y="51"/>
                        </a:lnTo>
                        <a:lnTo>
                          <a:pt x="280" y="40"/>
                        </a:lnTo>
                        <a:lnTo>
                          <a:pt x="267" y="30"/>
                        </a:lnTo>
                        <a:lnTo>
                          <a:pt x="253" y="22"/>
                        </a:lnTo>
                        <a:lnTo>
                          <a:pt x="238" y="15"/>
                        </a:lnTo>
                        <a:lnTo>
                          <a:pt x="222" y="9"/>
                        </a:lnTo>
                        <a:lnTo>
                          <a:pt x="206" y="4"/>
                        </a:lnTo>
                        <a:lnTo>
                          <a:pt x="189" y="1"/>
                        </a:lnTo>
                        <a:lnTo>
                          <a:pt x="171" y="0"/>
                        </a:lnTo>
                        <a:lnTo>
                          <a:pt x="154" y="1"/>
                        </a:lnTo>
                        <a:lnTo>
                          <a:pt x="137" y="4"/>
                        </a:lnTo>
                        <a:lnTo>
                          <a:pt x="121" y="9"/>
                        </a:lnTo>
                        <a:lnTo>
                          <a:pt x="105" y="15"/>
                        </a:lnTo>
                        <a:lnTo>
                          <a:pt x="90" y="22"/>
                        </a:lnTo>
                        <a:lnTo>
                          <a:pt x="76" y="30"/>
                        </a:lnTo>
                        <a:lnTo>
                          <a:pt x="63" y="40"/>
                        </a:lnTo>
                        <a:lnTo>
                          <a:pt x="50" y="51"/>
                        </a:lnTo>
                        <a:lnTo>
                          <a:pt x="39" y="64"/>
                        </a:lnTo>
                        <a:lnTo>
                          <a:pt x="30" y="77"/>
                        </a:lnTo>
                        <a:lnTo>
                          <a:pt x="21" y="91"/>
                        </a:lnTo>
                        <a:lnTo>
                          <a:pt x="14" y="105"/>
                        </a:lnTo>
                        <a:lnTo>
                          <a:pt x="9" y="122"/>
                        </a:lnTo>
                        <a:lnTo>
                          <a:pt x="4" y="138"/>
                        </a:lnTo>
                        <a:lnTo>
                          <a:pt x="2" y="154"/>
                        </a:lnTo>
                        <a:lnTo>
                          <a:pt x="0" y="173"/>
                        </a:lnTo>
                        <a:lnTo>
                          <a:pt x="2" y="190"/>
                        </a:lnTo>
                        <a:lnTo>
                          <a:pt x="4" y="206"/>
                        </a:lnTo>
                        <a:lnTo>
                          <a:pt x="9" y="224"/>
                        </a:lnTo>
                        <a:lnTo>
                          <a:pt x="14" y="239"/>
                        </a:lnTo>
                        <a:lnTo>
                          <a:pt x="21" y="254"/>
                        </a:lnTo>
                        <a:lnTo>
                          <a:pt x="30" y="268"/>
                        </a:lnTo>
                        <a:lnTo>
                          <a:pt x="39" y="282"/>
                        </a:lnTo>
                        <a:lnTo>
                          <a:pt x="50" y="293"/>
                        </a:lnTo>
                        <a:lnTo>
                          <a:pt x="63" y="304"/>
                        </a:lnTo>
                        <a:lnTo>
                          <a:pt x="76" y="314"/>
                        </a:lnTo>
                        <a:lnTo>
                          <a:pt x="90" y="322"/>
                        </a:lnTo>
                        <a:lnTo>
                          <a:pt x="105" y="331"/>
                        </a:lnTo>
                        <a:lnTo>
                          <a:pt x="121" y="336"/>
                        </a:lnTo>
                        <a:lnTo>
                          <a:pt x="137" y="340"/>
                        </a:lnTo>
                        <a:lnTo>
                          <a:pt x="154" y="343"/>
                        </a:lnTo>
                        <a:lnTo>
                          <a:pt x="171"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sp>
                <p:nvSpPr>
                  <p:cNvPr id="1048" name="Freeform 7"/>
                  <p:cNvSpPr>
                    <a:spLocks/>
                  </p:cNvSpPr>
                  <p:nvPr/>
                </p:nvSpPr>
                <p:spPr bwMode="auto">
                  <a:xfrm>
                    <a:off x="10761142" y="1194489"/>
                    <a:ext cx="36513" cy="36513"/>
                  </a:xfrm>
                  <a:custGeom>
                    <a:avLst/>
                    <a:gdLst/>
                    <a:ahLst/>
                    <a:cxnLst>
                      <a:cxn ang="0">
                        <a:pos x="189" y="343"/>
                      </a:cxn>
                      <a:cxn ang="0">
                        <a:pos x="222" y="336"/>
                      </a:cxn>
                      <a:cxn ang="0">
                        <a:pos x="253" y="322"/>
                      </a:cxn>
                      <a:cxn ang="0">
                        <a:pos x="280" y="304"/>
                      </a:cxn>
                      <a:cxn ang="0">
                        <a:pos x="303" y="282"/>
                      </a:cxn>
                      <a:cxn ang="0">
                        <a:pos x="321" y="254"/>
                      </a:cxn>
                      <a:cxn ang="0">
                        <a:pos x="335" y="224"/>
                      </a:cxn>
                      <a:cxn ang="0">
                        <a:pos x="342" y="190"/>
                      </a:cxn>
                      <a:cxn ang="0">
                        <a:pos x="342" y="154"/>
                      </a:cxn>
                      <a:cxn ang="0">
                        <a:pos x="335" y="122"/>
                      </a:cxn>
                      <a:cxn ang="0">
                        <a:pos x="321"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5" y="340"/>
                        </a:lnTo>
                        <a:lnTo>
                          <a:pt x="222" y="336"/>
                        </a:lnTo>
                        <a:lnTo>
                          <a:pt x="238" y="331"/>
                        </a:lnTo>
                        <a:lnTo>
                          <a:pt x="253" y="322"/>
                        </a:lnTo>
                        <a:lnTo>
                          <a:pt x="267" y="314"/>
                        </a:lnTo>
                        <a:lnTo>
                          <a:pt x="280" y="304"/>
                        </a:lnTo>
                        <a:lnTo>
                          <a:pt x="292" y="293"/>
                        </a:lnTo>
                        <a:lnTo>
                          <a:pt x="303" y="282"/>
                        </a:lnTo>
                        <a:lnTo>
                          <a:pt x="313" y="268"/>
                        </a:lnTo>
                        <a:lnTo>
                          <a:pt x="321" y="254"/>
                        </a:lnTo>
                        <a:lnTo>
                          <a:pt x="330" y="239"/>
                        </a:lnTo>
                        <a:lnTo>
                          <a:pt x="335" y="224"/>
                        </a:lnTo>
                        <a:lnTo>
                          <a:pt x="339" y="206"/>
                        </a:lnTo>
                        <a:lnTo>
                          <a:pt x="342" y="190"/>
                        </a:lnTo>
                        <a:lnTo>
                          <a:pt x="343" y="173"/>
                        </a:lnTo>
                        <a:lnTo>
                          <a:pt x="342" y="154"/>
                        </a:lnTo>
                        <a:lnTo>
                          <a:pt x="339" y="138"/>
                        </a:lnTo>
                        <a:lnTo>
                          <a:pt x="335" y="122"/>
                        </a:lnTo>
                        <a:lnTo>
                          <a:pt x="330" y="105"/>
                        </a:lnTo>
                        <a:lnTo>
                          <a:pt x="321" y="91"/>
                        </a:lnTo>
                        <a:lnTo>
                          <a:pt x="313" y="77"/>
                        </a:lnTo>
                        <a:lnTo>
                          <a:pt x="303" y="64"/>
                        </a:lnTo>
                        <a:lnTo>
                          <a:pt x="292" y="51"/>
                        </a:lnTo>
                        <a:lnTo>
                          <a:pt x="280" y="40"/>
                        </a:lnTo>
                        <a:lnTo>
                          <a:pt x="267" y="30"/>
                        </a:lnTo>
                        <a:lnTo>
                          <a:pt x="253" y="22"/>
                        </a:lnTo>
                        <a:lnTo>
                          <a:pt x="238" y="15"/>
                        </a:lnTo>
                        <a:lnTo>
                          <a:pt x="222" y="9"/>
                        </a:lnTo>
                        <a:lnTo>
                          <a:pt x="205"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sp>
                <p:nvSpPr>
                  <p:cNvPr id="1049" name="Freeform 8"/>
                  <p:cNvSpPr>
                    <a:spLocks/>
                  </p:cNvSpPr>
                  <p:nvPr/>
                </p:nvSpPr>
                <p:spPr bwMode="auto">
                  <a:xfrm>
                    <a:off x="10813529" y="1194489"/>
                    <a:ext cx="36513" cy="36513"/>
                  </a:xfrm>
                  <a:custGeom>
                    <a:avLst/>
                    <a:gdLst/>
                    <a:ahLst/>
                    <a:cxnLst>
                      <a:cxn ang="0">
                        <a:pos x="188" y="343"/>
                      </a:cxn>
                      <a:cxn ang="0">
                        <a:pos x="221" y="336"/>
                      </a:cxn>
                      <a:cxn ang="0">
                        <a:pos x="252" y="322"/>
                      </a:cxn>
                      <a:cxn ang="0">
                        <a:pos x="279" y="304"/>
                      </a:cxn>
                      <a:cxn ang="0">
                        <a:pos x="303" y="282"/>
                      </a:cxn>
                      <a:cxn ang="0">
                        <a:pos x="321" y="254"/>
                      </a:cxn>
                      <a:cxn ang="0">
                        <a:pos x="334" y="224"/>
                      </a:cxn>
                      <a:cxn ang="0">
                        <a:pos x="340" y="190"/>
                      </a:cxn>
                      <a:cxn ang="0">
                        <a:pos x="340" y="154"/>
                      </a:cxn>
                      <a:cxn ang="0">
                        <a:pos x="334" y="122"/>
                      </a:cxn>
                      <a:cxn ang="0">
                        <a:pos x="321" y="91"/>
                      </a:cxn>
                      <a:cxn ang="0">
                        <a:pos x="303" y="64"/>
                      </a:cxn>
                      <a:cxn ang="0">
                        <a:pos x="279" y="40"/>
                      </a:cxn>
                      <a:cxn ang="0">
                        <a:pos x="252" y="22"/>
                      </a:cxn>
                      <a:cxn ang="0">
                        <a:pos x="221" y="9"/>
                      </a:cxn>
                      <a:cxn ang="0">
                        <a:pos x="188" y="1"/>
                      </a:cxn>
                      <a:cxn ang="0">
                        <a:pos x="153" y="1"/>
                      </a:cxn>
                      <a:cxn ang="0">
                        <a:pos x="120" y="9"/>
                      </a:cxn>
                      <a:cxn ang="0">
                        <a:pos x="89" y="22"/>
                      </a:cxn>
                      <a:cxn ang="0">
                        <a:pos x="62" y="40"/>
                      </a:cxn>
                      <a:cxn ang="0">
                        <a:pos x="38" y="64"/>
                      </a:cxn>
                      <a:cxn ang="0">
                        <a:pos x="20" y="91"/>
                      </a:cxn>
                      <a:cxn ang="0">
                        <a:pos x="7" y="122"/>
                      </a:cxn>
                      <a:cxn ang="0">
                        <a:pos x="1" y="154"/>
                      </a:cxn>
                      <a:cxn ang="0">
                        <a:pos x="1" y="190"/>
                      </a:cxn>
                      <a:cxn ang="0">
                        <a:pos x="7" y="224"/>
                      </a:cxn>
                      <a:cxn ang="0">
                        <a:pos x="20" y="254"/>
                      </a:cxn>
                      <a:cxn ang="0">
                        <a:pos x="38" y="282"/>
                      </a:cxn>
                      <a:cxn ang="0">
                        <a:pos x="62" y="304"/>
                      </a:cxn>
                      <a:cxn ang="0">
                        <a:pos x="89" y="322"/>
                      </a:cxn>
                      <a:cxn ang="0">
                        <a:pos x="120" y="336"/>
                      </a:cxn>
                      <a:cxn ang="0">
                        <a:pos x="153" y="343"/>
                      </a:cxn>
                    </a:cxnLst>
                    <a:rect l="0" t="0" r="r" b="b"/>
                    <a:pathLst>
                      <a:path w="341" h="344">
                        <a:moveTo>
                          <a:pt x="170" y="344"/>
                        </a:moveTo>
                        <a:lnTo>
                          <a:pt x="188" y="343"/>
                        </a:lnTo>
                        <a:lnTo>
                          <a:pt x="205" y="340"/>
                        </a:lnTo>
                        <a:lnTo>
                          <a:pt x="221" y="336"/>
                        </a:lnTo>
                        <a:lnTo>
                          <a:pt x="237" y="331"/>
                        </a:lnTo>
                        <a:lnTo>
                          <a:pt x="252" y="322"/>
                        </a:lnTo>
                        <a:lnTo>
                          <a:pt x="266" y="314"/>
                        </a:lnTo>
                        <a:lnTo>
                          <a:pt x="279" y="304"/>
                        </a:lnTo>
                        <a:lnTo>
                          <a:pt x="291" y="293"/>
                        </a:lnTo>
                        <a:lnTo>
                          <a:pt x="303" y="282"/>
                        </a:lnTo>
                        <a:lnTo>
                          <a:pt x="312" y="268"/>
                        </a:lnTo>
                        <a:lnTo>
                          <a:pt x="321" y="254"/>
                        </a:lnTo>
                        <a:lnTo>
                          <a:pt x="328" y="239"/>
                        </a:lnTo>
                        <a:lnTo>
                          <a:pt x="334" y="224"/>
                        </a:lnTo>
                        <a:lnTo>
                          <a:pt x="338" y="206"/>
                        </a:lnTo>
                        <a:lnTo>
                          <a:pt x="340" y="190"/>
                        </a:lnTo>
                        <a:lnTo>
                          <a:pt x="341" y="173"/>
                        </a:lnTo>
                        <a:lnTo>
                          <a:pt x="340" y="154"/>
                        </a:lnTo>
                        <a:lnTo>
                          <a:pt x="338" y="138"/>
                        </a:lnTo>
                        <a:lnTo>
                          <a:pt x="334" y="122"/>
                        </a:lnTo>
                        <a:lnTo>
                          <a:pt x="328" y="105"/>
                        </a:lnTo>
                        <a:lnTo>
                          <a:pt x="321" y="91"/>
                        </a:lnTo>
                        <a:lnTo>
                          <a:pt x="312" y="77"/>
                        </a:lnTo>
                        <a:lnTo>
                          <a:pt x="303" y="64"/>
                        </a:lnTo>
                        <a:lnTo>
                          <a:pt x="291" y="51"/>
                        </a:lnTo>
                        <a:lnTo>
                          <a:pt x="279" y="40"/>
                        </a:lnTo>
                        <a:lnTo>
                          <a:pt x="266" y="30"/>
                        </a:lnTo>
                        <a:lnTo>
                          <a:pt x="252" y="22"/>
                        </a:lnTo>
                        <a:lnTo>
                          <a:pt x="237" y="15"/>
                        </a:lnTo>
                        <a:lnTo>
                          <a:pt x="221" y="9"/>
                        </a:lnTo>
                        <a:lnTo>
                          <a:pt x="205" y="4"/>
                        </a:lnTo>
                        <a:lnTo>
                          <a:pt x="188" y="1"/>
                        </a:lnTo>
                        <a:lnTo>
                          <a:pt x="170" y="0"/>
                        </a:lnTo>
                        <a:lnTo>
                          <a:pt x="153" y="1"/>
                        </a:lnTo>
                        <a:lnTo>
                          <a:pt x="136" y="4"/>
                        </a:lnTo>
                        <a:lnTo>
                          <a:pt x="120" y="9"/>
                        </a:lnTo>
                        <a:lnTo>
                          <a:pt x="104" y="15"/>
                        </a:lnTo>
                        <a:lnTo>
                          <a:pt x="89" y="22"/>
                        </a:lnTo>
                        <a:lnTo>
                          <a:pt x="75" y="30"/>
                        </a:lnTo>
                        <a:lnTo>
                          <a:pt x="62" y="40"/>
                        </a:lnTo>
                        <a:lnTo>
                          <a:pt x="49" y="51"/>
                        </a:lnTo>
                        <a:lnTo>
                          <a:pt x="38" y="64"/>
                        </a:lnTo>
                        <a:lnTo>
                          <a:pt x="29" y="77"/>
                        </a:lnTo>
                        <a:lnTo>
                          <a:pt x="20" y="91"/>
                        </a:lnTo>
                        <a:lnTo>
                          <a:pt x="13" y="105"/>
                        </a:lnTo>
                        <a:lnTo>
                          <a:pt x="7" y="122"/>
                        </a:lnTo>
                        <a:lnTo>
                          <a:pt x="3" y="138"/>
                        </a:lnTo>
                        <a:lnTo>
                          <a:pt x="1" y="154"/>
                        </a:lnTo>
                        <a:lnTo>
                          <a:pt x="0" y="173"/>
                        </a:lnTo>
                        <a:lnTo>
                          <a:pt x="1" y="190"/>
                        </a:lnTo>
                        <a:lnTo>
                          <a:pt x="3" y="206"/>
                        </a:lnTo>
                        <a:lnTo>
                          <a:pt x="7" y="224"/>
                        </a:lnTo>
                        <a:lnTo>
                          <a:pt x="13" y="239"/>
                        </a:lnTo>
                        <a:lnTo>
                          <a:pt x="20" y="254"/>
                        </a:lnTo>
                        <a:lnTo>
                          <a:pt x="29" y="268"/>
                        </a:lnTo>
                        <a:lnTo>
                          <a:pt x="38" y="282"/>
                        </a:lnTo>
                        <a:lnTo>
                          <a:pt x="49" y="293"/>
                        </a:lnTo>
                        <a:lnTo>
                          <a:pt x="62" y="304"/>
                        </a:lnTo>
                        <a:lnTo>
                          <a:pt x="75" y="314"/>
                        </a:lnTo>
                        <a:lnTo>
                          <a:pt x="89" y="322"/>
                        </a:lnTo>
                        <a:lnTo>
                          <a:pt x="104" y="331"/>
                        </a:lnTo>
                        <a:lnTo>
                          <a:pt x="120" y="336"/>
                        </a:lnTo>
                        <a:lnTo>
                          <a:pt x="136" y="340"/>
                        </a:lnTo>
                        <a:lnTo>
                          <a:pt x="153" y="343"/>
                        </a:lnTo>
                        <a:lnTo>
                          <a:pt x="170"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sp>
                <p:nvSpPr>
                  <p:cNvPr id="1050" name="Freeform 9"/>
                  <p:cNvSpPr>
                    <a:spLocks/>
                  </p:cNvSpPr>
                  <p:nvPr/>
                </p:nvSpPr>
                <p:spPr bwMode="auto">
                  <a:xfrm>
                    <a:off x="10867504" y="1194489"/>
                    <a:ext cx="36513" cy="36513"/>
                  </a:xfrm>
                  <a:custGeom>
                    <a:avLst/>
                    <a:gdLst/>
                    <a:ahLst/>
                    <a:cxnLst>
                      <a:cxn ang="0">
                        <a:pos x="189" y="343"/>
                      </a:cxn>
                      <a:cxn ang="0">
                        <a:pos x="222" y="336"/>
                      </a:cxn>
                      <a:cxn ang="0">
                        <a:pos x="253" y="322"/>
                      </a:cxn>
                      <a:cxn ang="0">
                        <a:pos x="280" y="304"/>
                      </a:cxn>
                      <a:cxn ang="0">
                        <a:pos x="303" y="282"/>
                      </a:cxn>
                      <a:cxn ang="0">
                        <a:pos x="322" y="254"/>
                      </a:cxn>
                      <a:cxn ang="0">
                        <a:pos x="335" y="224"/>
                      </a:cxn>
                      <a:cxn ang="0">
                        <a:pos x="342" y="190"/>
                      </a:cxn>
                      <a:cxn ang="0">
                        <a:pos x="342" y="154"/>
                      </a:cxn>
                      <a:cxn ang="0">
                        <a:pos x="335" y="122"/>
                      </a:cxn>
                      <a:cxn ang="0">
                        <a:pos x="322"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6" y="340"/>
                        </a:lnTo>
                        <a:lnTo>
                          <a:pt x="222" y="336"/>
                        </a:lnTo>
                        <a:lnTo>
                          <a:pt x="238" y="331"/>
                        </a:lnTo>
                        <a:lnTo>
                          <a:pt x="253" y="322"/>
                        </a:lnTo>
                        <a:lnTo>
                          <a:pt x="267" y="314"/>
                        </a:lnTo>
                        <a:lnTo>
                          <a:pt x="280" y="304"/>
                        </a:lnTo>
                        <a:lnTo>
                          <a:pt x="292" y="293"/>
                        </a:lnTo>
                        <a:lnTo>
                          <a:pt x="303" y="282"/>
                        </a:lnTo>
                        <a:lnTo>
                          <a:pt x="313" y="268"/>
                        </a:lnTo>
                        <a:lnTo>
                          <a:pt x="322" y="254"/>
                        </a:lnTo>
                        <a:lnTo>
                          <a:pt x="329" y="239"/>
                        </a:lnTo>
                        <a:lnTo>
                          <a:pt x="335" y="224"/>
                        </a:lnTo>
                        <a:lnTo>
                          <a:pt x="339" y="206"/>
                        </a:lnTo>
                        <a:lnTo>
                          <a:pt x="342" y="190"/>
                        </a:lnTo>
                        <a:lnTo>
                          <a:pt x="343" y="173"/>
                        </a:lnTo>
                        <a:lnTo>
                          <a:pt x="342" y="154"/>
                        </a:lnTo>
                        <a:lnTo>
                          <a:pt x="339" y="138"/>
                        </a:lnTo>
                        <a:lnTo>
                          <a:pt x="335" y="122"/>
                        </a:lnTo>
                        <a:lnTo>
                          <a:pt x="329" y="105"/>
                        </a:lnTo>
                        <a:lnTo>
                          <a:pt x="322" y="91"/>
                        </a:lnTo>
                        <a:lnTo>
                          <a:pt x="313" y="77"/>
                        </a:lnTo>
                        <a:lnTo>
                          <a:pt x="303" y="64"/>
                        </a:lnTo>
                        <a:lnTo>
                          <a:pt x="292" y="51"/>
                        </a:lnTo>
                        <a:lnTo>
                          <a:pt x="280" y="40"/>
                        </a:lnTo>
                        <a:lnTo>
                          <a:pt x="267" y="30"/>
                        </a:lnTo>
                        <a:lnTo>
                          <a:pt x="253" y="22"/>
                        </a:lnTo>
                        <a:lnTo>
                          <a:pt x="238" y="15"/>
                        </a:lnTo>
                        <a:lnTo>
                          <a:pt x="222" y="9"/>
                        </a:lnTo>
                        <a:lnTo>
                          <a:pt x="206"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grpSp>
            <p:grpSp>
              <p:nvGrpSpPr>
                <p:cNvPr id="15" name="组合 188"/>
                <p:cNvGrpSpPr/>
                <p:nvPr/>
              </p:nvGrpSpPr>
              <p:grpSpPr>
                <a:xfrm>
                  <a:off x="10669067" y="3144574"/>
                  <a:ext cx="196850" cy="36513"/>
                  <a:chOff x="10707167" y="1445314"/>
                  <a:chExt cx="196850" cy="36513"/>
                </a:xfrm>
                <a:grpFill/>
              </p:grpSpPr>
              <p:sp>
                <p:nvSpPr>
                  <p:cNvPr id="1043" name="Freeform 10"/>
                  <p:cNvSpPr>
                    <a:spLocks/>
                  </p:cNvSpPr>
                  <p:nvPr/>
                </p:nvSpPr>
                <p:spPr bwMode="auto">
                  <a:xfrm>
                    <a:off x="10707167" y="1445314"/>
                    <a:ext cx="36513" cy="36513"/>
                  </a:xfrm>
                  <a:custGeom>
                    <a:avLst/>
                    <a:gdLst/>
                    <a:ahLst/>
                    <a:cxnLst>
                      <a:cxn ang="0">
                        <a:pos x="189" y="343"/>
                      </a:cxn>
                      <a:cxn ang="0">
                        <a:pos x="222" y="335"/>
                      </a:cxn>
                      <a:cxn ang="0">
                        <a:pos x="253" y="322"/>
                      </a:cxn>
                      <a:cxn ang="0">
                        <a:pos x="280" y="304"/>
                      </a:cxn>
                      <a:cxn ang="0">
                        <a:pos x="304" y="280"/>
                      </a:cxn>
                      <a:cxn ang="0">
                        <a:pos x="322" y="253"/>
                      </a:cxn>
                      <a:cxn ang="0">
                        <a:pos x="335" y="222"/>
                      </a:cxn>
                      <a:cxn ang="0">
                        <a:pos x="341" y="190"/>
                      </a:cxn>
                      <a:cxn ang="0">
                        <a:pos x="341" y="154"/>
                      </a:cxn>
                      <a:cxn ang="0">
                        <a:pos x="335" y="122"/>
                      </a:cxn>
                      <a:cxn ang="0">
                        <a:pos x="322" y="90"/>
                      </a:cxn>
                      <a:cxn ang="0">
                        <a:pos x="304" y="63"/>
                      </a:cxn>
                      <a:cxn ang="0">
                        <a:pos x="280" y="40"/>
                      </a:cxn>
                      <a:cxn ang="0">
                        <a:pos x="253" y="22"/>
                      </a:cxn>
                      <a:cxn ang="0">
                        <a:pos x="222" y="8"/>
                      </a:cxn>
                      <a:cxn ang="0">
                        <a:pos x="189" y="1"/>
                      </a:cxn>
                      <a:cxn ang="0">
                        <a:pos x="154" y="1"/>
                      </a:cxn>
                      <a:cxn ang="0">
                        <a:pos x="121" y="8"/>
                      </a:cxn>
                      <a:cxn ang="0">
                        <a:pos x="90" y="22"/>
                      </a:cxn>
                      <a:cxn ang="0">
                        <a:pos x="63" y="40"/>
                      </a:cxn>
                      <a:cxn ang="0">
                        <a:pos x="39" y="63"/>
                      </a:cxn>
                      <a:cxn ang="0">
                        <a:pos x="21" y="90"/>
                      </a:cxn>
                      <a:cxn ang="0">
                        <a:pos x="9" y="122"/>
                      </a:cxn>
                      <a:cxn ang="0">
                        <a:pos x="2" y="154"/>
                      </a:cxn>
                      <a:cxn ang="0">
                        <a:pos x="2" y="190"/>
                      </a:cxn>
                      <a:cxn ang="0">
                        <a:pos x="9" y="222"/>
                      </a:cxn>
                      <a:cxn ang="0">
                        <a:pos x="21" y="253"/>
                      </a:cxn>
                      <a:cxn ang="0">
                        <a:pos x="39" y="280"/>
                      </a:cxn>
                      <a:cxn ang="0">
                        <a:pos x="63" y="304"/>
                      </a:cxn>
                      <a:cxn ang="0">
                        <a:pos x="90" y="322"/>
                      </a:cxn>
                      <a:cxn ang="0">
                        <a:pos x="121" y="335"/>
                      </a:cxn>
                      <a:cxn ang="0">
                        <a:pos x="154" y="343"/>
                      </a:cxn>
                    </a:cxnLst>
                    <a:rect l="0" t="0" r="r" b="b"/>
                    <a:pathLst>
                      <a:path w="342" h="344">
                        <a:moveTo>
                          <a:pt x="171" y="344"/>
                        </a:moveTo>
                        <a:lnTo>
                          <a:pt x="189" y="343"/>
                        </a:lnTo>
                        <a:lnTo>
                          <a:pt x="206" y="340"/>
                        </a:lnTo>
                        <a:lnTo>
                          <a:pt x="222" y="335"/>
                        </a:lnTo>
                        <a:lnTo>
                          <a:pt x="238" y="329"/>
                        </a:lnTo>
                        <a:lnTo>
                          <a:pt x="253" y="322"/>
                        </a:lnTo>
                        <a:lnTo>
                          <a:pt x="267" y="314"/>
                        </a:lnTo>
                        <a:lnTo>
                          <a:pt x="280" y="304"/>
                        </a:lnTo>
                        <a:lnTo>
                          <a:pt x="292" y="293"/>
                        </a:lnTo>
                        <a:lnTo>
                          <a:pt x="304" y="280"/>
                        </a:lnTo>
                        <a:lnTo>
                          <a:pt x="313" y="267"/>
                        </a:lnTo>
                        <a:lnTo>
                          <a:pt x="322" y="253"/>
                        </a:lnTo>
                        <a:lnTo>
                          <a:pt x="329" y="239"/>
                        </a:lnTo>
                        <a:lnTo>
                          <a:pt x="335" y="222"/>
                        </a:lnTo>
                        <a:lnTo>
                          <a:pt x="339" y="206"/>
                        </a:lnTo>
                        <a:lnTo>
                          <a:pt x="341" y="190"/>
                        </a:lnTo>
                        <a:lnTo>
                          <a:pt x="342" y="171"/>
                        </a:lnTo>
                        <a:lnTo>
                          <a:pt x="341" y="154"/>
                        </a:lnTo>
                        <a:lnTo>
                          <a:pt x="339" y="138"/>
                        </a:lnTo>
                        <a:lnTo>
                          <a:pt x="335" y="122"/>
                        </a:lnTo>
                        <a:lnTo>
                          <a:pt x="329" y="105"/>
                        </a:lnTo>
                        <a:lnTo>
                          <a:pt x="322" y="90"/>
                        </a:lnTo>
                        <a:lnTo>
                          <a:pt x="313" y="76"/>
                        </a:lnTo>
                        <a:lnTo>
                          <a:pt x="304" y="63"/>
                        </a:lnTo>
                        <a:lnTo>
                          <a:pt x="292" y="51"/>
                        </a:lnTo>
                        <a:lnTo>
                          <a:pt x="280" y="40"/>
                        </a:lnTo>
                        <a:lnTo>
                          <a:pt x="267" y="30"/>
                        </a:lnTo>
                        <a:lnTo>
                          <a:pt x="253" y="22"/>
                        </a:lnTo>
                        <a:lnTo>
                          <a:pt x="238" y="13"/>
                        </a:lnTo>
                        <a:lnTo>
                          <a:pt x="222" y="8"/>
                        </a:lnTo>
                        <a:lnTo>
                          <a:pt x="206" y="4"/>
                        </a:lnTo>
                        <a:lnTo>
                          <a:pt x="189" y="1"/>
                        </a:lnTo>
                        <a:lnTo>
                          <a:pt x="171" y="0"/>
                        </a:lnTo>
                        <a:lnTo>
                          <a:pt x="154" y="1"/>
                        </a:lnTo>
                        <a:lnTo>
                          <a:pt x="137" y="4"/>
                        </a:lnTo>
                        <a:lnTo>
                          <a:pt x="121" y="8"/>
                        </a:lnTo>
                        <a:lnTo>
                          <a:pt x="105" y="13"/>
                        </a:lnTo>
                        <a:lnTo>
                          <a:pt x="90" y="22"/>
                        </a:lnTo>
                        <a:lnTo>
                          <a:pt x="76" y="30"/>
                        </a:lnTo>
                        <a:lnTo>
                          <a:pt x="63" y="40"/>
                        </a:lnTo>
                        <a:lnTo>
                          <a:pt x="50" y="51"/>
                        </a:lnTo>
                        <a:lnTo>
                          <a:pt x="39" y="63"/>
                        </a:lnTo>
                        <a:lnTo>
                          <a:pt x="30" y="76"/>
                        </a:lnTo>
                        <a:lnTo>
                          <a:pt x="21" y="90"/>
                        </a:lnTo>
                        <a:lnTo>
                          <a:pt x="14" y="105"/>
                        </a:lnTo>
                        <a:lnTo>
                          <a:pt x="9" y="122"/>
                        </a:lnTo>
                        <a:lnTo>
                          <a:pt x="4" y="138"/>
                        </a:lnTo>
                        <a:lnTo>
                          <a:pt x="2" y="154"/>
                        </a:lnTo>
                        <a:lnTo>
                          <a:pt x="0" y="171"/>
                        </a:lnTo>
                        <a:lnTo>
                          <a:pt x="2" y="190"/>
                        </a:lnTo>
                        <a:lnTo>
                          <a:pt x="4" y="206"/>
                        </a:lnTo>
                        <a:lnTo>
                          <a:pt x="9" y="222"/>
                        </a:lnTo>
                        <a:lnTo>
                          <a:pt x="14" y="239"/>
                        </a:lnTo>
                        <a:lnTo>
                          <a:pt x="21" y="253"/>
                        </a:lnTo>
                        <a:lnTo>
                          <a:pt x="30" y="267"/>
                        </a:lnTo>
                        <a:lnTo>
                          <a:pt x="39" y="280"/>
                        </a:lnTo>
                        <a:lnTo>
                          <a:pt x="50" y="293"/>
                        </a:lnTo>
                        <a:lnTo>
                          <a:pt x="63" y="304"/>
                        </a:lnTo>
                        <a:lnTo>
                          <a:pt x="76" y="314"/>
                        </a:lnTo>
                        <a:lnTo>
                          <a:pt x="90" y="322"/>
                        </a:lnTo>
                        <a:lnTo>
                          <a:pt x="105" y="329"/>
                        </a:lnTo>
                        <a:lnTo>
                          <a:pt x="121" y="335"/>
                        </a:lnTo>
                        <a:lnTo>
                          <a:pt x="137" y="340"/>
                        </a:lnTo>
                        <a:lnTo>
                          <a:pt x="154" y="343"/>
                        </a:lnTo>
                        <a:lnTo>
                          <a:pt x="171"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sp>
                <p:nvSpPr>
                  <p:cNvPr id="1044" name="Freeform 11"/>
                  <p:cNvSpPr>
                    <a:spLocks/>
                  </p:cNvSpPr>
                  <p:nvPr/>
                </p:nvSpPr>
                <p:spPr bwMode="auto">
                  <a:xfrm>
                    <a:off x="10761142" y="1445314"/>
                    <a:ext cx="36513" cy="36513"/>
                  </a:xfrm>
                  <a:custGeom>
                    <a:avLst/>
                    <a:gdLst/>
                    <a:ahLst/>
                    <a:cxnLst>
                      <a:cxn ang="0">
                        <a:pos x="189" y="343"/>
                      </a:cxn>
                      <a:cxn ang="0">
                        <a:pos x="222" y="335"/>
                      </a:cxn>
                      <a:cxn ang="0">
                        <a:pos x="253" y="322"/>
                      </a:cxn>
                      <a:cxn ang="0">
                        <a:pos x="280" y="304"/>
                      </a:cxn>
                      <a:cxn ang="0">
                        <a:pos x="303" y="280"/>
                      </a:cxn>
                      <a:cxn ang="0">
                        <a:pos x="321" y="253"/>
                      </a:cxn>
                      <a:cxn ang="0">
                        <a:pos x="335" y="222"/>
                      </a:cxn>
                      <a:cxn ang="0">
                        <a:pos x="342" y="190"/>
                      </a:cxn>
                      <a:cxn ang="0">
                        <a:pos x="342" y="154"/>
                      </a:cxn>
                      <a:cxn ang="0">
                        <a:pos x="335" y="122"/>
                      </a:cxn>
                      <a:cxn ang="0">
                        <a:pos x="321"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5" y="340"/>
                        </a:lnTo>
                        <a:lnTo>
                          <a:pt x="222" y="335"/>
                        </a:lnTo>
                        <a:lnTo>
                          <a:pt x="238" y="329"/>
                        </a:lnTo>
                        <a:lnTo>
                          <a:pt x="253" y="322"/>
                        </a:lnTo>
                        <a:lnTo>
                          <a:pt x="267" y="314"/>
                        </a:lnTo>
                        <a:lnTo>
                          <a:pt x="280" y="304"/>
                        </a:lnTo>
                        <a:lnTo>
                          <a:pt x="292" y="293"/>
                        </a:lnTo>
                        <a:lnTo>
                          <a:pt x="303" y="280"/>
                        </a:lnTo>
                        <a:lnTo>
                          <a:pt x="313" y="267"/>
                        </a:lnTo>
                        <a:lnTo>
                          <a:pt x="321" y="253"/>
                        </a:lnTo>
                        <a:lnTo>
                          <a:pt x="330" y="239"/>
                        </a:lnTo>
                        <a:lnTo>
                          <a:pt x="335" y="222"/>
                        </a:lnTo>
                        <a:lnTo>
                          <a:pt x="339" y="206"/>
                        </a:lnTo>
                        <a:lnTo>
                          <a:pt x="342" y="190"/>
                        </a:lnTo>
                        <a:lnTo>
                          <a:pt x="343" y="171"/>
                        </a:lnTo>
                        <a:lnTo>
                          <a:pt x="342" y="154"/>
                        </a:lnTo>
                        <a:lnTo>
                          <a:pt x="339" y="138"/>
                        </a:lnTo>
                        <a:lnTo>
                          <a:pt x="335" y="122"/>
                        </a:lnTo>
                        <a:lnTo>
                          <a:pt x="330" y="105"/>
                        </a:lnTo>
                        <a:lnTo>
                          <a:pt x="321" y="90"/>
                        </a:lnTo>
                        <a:lnTo>
                          <a:pt x="313" y="76"/>
                        </a:lnTo>
                        <a:lnTo>
                          <a:pt x="303" y="63"/>
                        </a:lnTo>
                        <a:lnTo>
                          <a:pt x="292" y="51"/>
                        </a:lnTo>
                        <a:lnTo>
                          <a:pt x="280" y="40"/>
                        </a:lnTo>
                        <a:lnTo>
                          <a:pt x="267" y="30"/>
                        </a:lnTo>
                        <a:lnTo>
                          <a:pt x="253" y="22"/>
                        </a:lnTo>
                        <a:lnTo>
                          <a:pt x="238" y="13"/>
                        </a:lnTo>
                        <a:lnTo>
                          <a:pt x="222" y="8"/>
                        </a:lnTo>
                        <a:lnTo>
                          <a:pt x="205"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sp>
                <p:nvSpPr>
                  <p:cNvPr id="1045" name="Freeform 12"/>
                  <p:cNvSpPr>
                    <a:spLocks/>
                  </p:cNvSpPr>
                  <p:nvPr/>
                </p:nvSpPr>
                <p:spPr bwMode="auto">
                  <a:xfrm>
                    <a:off x="10813529" y="1445314"/>
                    <a:ext cx="36513" cy="36513"/>
                  </a:xfrm>
                  <a:custGeom>
                    <a:avLst/>
                    <a:gdLst/>
                    <a:ahLst/>
                    <a:cxnLst>
                      <a:cxn ang="0">
                        <a:pos x="188" y="343"/>
                      </a:cxn>
                      <a:cxn ang="0">
                        <a:pos x="221" y="335"/>
                      </a:cxn>
                      <a:cxn ang="0">
                        <a:pos x="252" y="322"/>
                      </a:cxn>
                      <a:cxn ang="0">
                        <a:pos x="279" y="304"/>
                      </a:cxn>
                      <a:cxn ang="0">
                        <a:pos x="303" y="280"/>
                      </a:cxn>
                      <a:cxn ang="0">
                        <a:pos x="321" y="253"/>
                      </a:cxn>
                      <a:cxn ang="0">
                        <a:pos x="334" y="222"/>
                      </a:cxn>
                      <a:cxn ang="0">
                        <a:pos x="340" y="190"/>
                      </a:cxn>
                      <a:cxn ang="0">
                        <a:pos x="340" y="154"/>
                      </a:cxn>
                      <a:cxn ang="0">
                        <a:pos x="334" y="122"/>
                      </a:cxn>
                      <a:cxn ang="0">
                        <a:pos x="321" y="90"/>
                      </a:cxn>
                      <a:cxn ang="0">
                        <a:pos x="303" y="63"/>
                      </a:cxn>
                      <a:cxn ang="0">
                        <a:pos x="279" y="40"/>
                      </a:cxn>
                      <a:cxn ang="0">
                        <a:pos x="252" y="22"/>
                      </a:cxn>
                      <a:cxn ang="0">
                        <a:pos x="221" y="8"/>
                      </a:cxn>
                      <a:cxn ang="0">
                        <a:pos x="188" y="1"/>
                      </a:cxn>
                      <a:cxn ang="0">
                        <a:pos x="153" y="1"/>
                      </a:cxn>
                      <a:cxn ang="0">
                        <a:pos x="120" y="8"/>
                      </a:cxn>
                      <a:cxn ang="0">
                        <a:pos x="89" y="22"/>
                      </a:cxn>
                      <a:cxn ang="0">
                        <a:pos x="62" y="40"/>
                      </a:cxn>
                      <a:cxn ang="0">
                        <a:pos x="38" y="63"/>
                      </a:cxn>
                      <a:cxn ang="0">
                        <a:pos x="20" y="90"/>
                      </a:cxn>
                      <a:cxn ang="0">
                        <a:pos x="7" y="122"/>
                      </a:cxn>
                      <a:cxn ang="0">
                        <a:pos x="1" y="154"/>
                      </a:cxn>
                      <a:cxn ang="0">
                        <a:pos x="1" y="190"/>
                      </a:cxn>
                      <a:cxn ang="0">
                        <a:pos x="7" y="222"/>
                      </a:cxn>
                      <a:cxn ang="0">
                        <a:pos x="20" y="253"/>
                      </a:cxn>
                      <a:cxn ang="0">
                        <a:pos x="38" y="280"/>
                      </a:cxn>
                      <a:cxn ang="0">
                        <a:pos x="62" y="304"/>
                      </a:cxn>
                      <a:cxn ang="0">
                        <a:pos x="89" y="322"/>
                      </a:cxn>
                      <a:cxn ang="0">
                        <a:pos x="120" y="335"/>
                      </a:cxn>
                      <a:cxn ang="0">
                        <a:pos x="153" y="343"/>
                      </a:cxn>
                    </a:cxnLst>
                    <a:rect l="0" t="0" r="r" b="b"/>
                    <a:pathLst>
                      <a:path w="341" h="344">
                        <a:moveTo>
                          <a:pt x="170" y="344"/>
                        </a:moveTo>
                        <a:lnTo>
                          <a:pt x="188" y="343"/>
                        </a:lnTo>
                        <a:lnTo>
                          <a:pt x="205" y="340"/>
                        </a:lnTo>
                        <a:lnTo>
                          <a:pt x="221" y="335"/>
                        </a:lnTo>
                        <a:lnTo>
                          <a:pt x="237" y="329"/>
                        </a:lnTo>
                        <a:lnTo>
                          <a:pt x="252" y="322"/>
                        </a:lnTo>
                        <a:lnTo>
                          <a:pt x="266" y="314"/>
                        </a:lnTo>
                        <a:lnTo>
                          <a:pt x="279" y="304"/>
                        </a:lnTo>
                        <a:lnTo>
                          <a:pt x="291" y="293"/>
                        </a:lnTo>
                        <a:lnTo>
                          <a:pt x="303" y="280"/>
                        </a:lnTo>
                        <a:lnTo>
                          <a:pt x="312" y="267"/>
                        </a:lnTo>
                        <a:lnTo>
                          <a:pt x="321" y="253"/>
                        </a:lnTo>
                        <a:lnTo>
                          <a:pt x="328" y="239"/>
                        </a:lnTo>
                        <a:lnTo>
                          <a:pt x="334" y="222"/>
                        </a:lnTo>
                        <a:lnTo>
                          <a:pt x="338" y="206"/>
                        </a:lnTo>
                        <a:lnTo>
                          <a:pt x="340" y="190"/>
                        </a:lnTo>
                        <a:lnTo>
                          <a:pt x="341" y="171"/>
                        </a:lnTo>
                        <a:lnTo>
                          <a:pt x="340" y="154"/>
                        </a:lnTo>
                        <a:lnTo>
                          <a:pt x="338" y="138"/>
                        </a:lnTo>
                        <a:lnTo>
                          <a:pt x="334" y="122"/>
                        </a:lnTo>
                        <a:lnTo>
                          <a:pt x="328" y="105"/>
                        </a:lnTo>
                        <a:lnTo>
                          <a:pt x="321" y="90"/>
                        </a:lnTo>
                        <a:lnTo>
                          <a:pt x="312" y="76"/>
                        </a:lnTo>
                        <a:lnTo>
                          <a:pt x="303" y="63"/>
                        </a:lnTo>
                        <a:lnTo>
                          <a:pt x="291" y="51"/>
                        </a:lnTo>
                        <a:lnTo>
                          <a:pt x="279" y="40"/>
                        </a:lnTo>
                        <a:lnTo>
                          <a:pt x="266" y="30"/>
                        </a:lnTo>
                        <a:lnTo>
                          <a:pt x="252" y="22"/>
                        </a:lnTo>
                        <a:lnTo>
                          <a:pt x="237" y="13"/>
                        </a:lnTo>
                        <a:lnTo>
                          <a:pt x="221" y="8"/>
                        </a:lnTo>
                        <a:lnTo>
                          <a:pt x="205" y="4"/>
                        </a:lnTo>
                        <a:lnTo>
                          <a:pt x="188" y="1"/>
                        </a:lnTo>
                        <a:lnTo>
                          <a:pt x="170" y="0"/>
                        </a:lnTo>
                        <a:lnTo>
                          <a:pt x="153" y="1"/>
                        </a:lnTo>
                        <a:lnTo>
                          <a:pt x="136" y="4"/>
                        </a:lnTo>
                        <a:lnTo>
                          <a:pt x="120" y="8"/>
                        </a:lnTo>
                        <a:lnTo>
                          <a:pt x="104" y="13"/>
                        </a:lnTo>
                        <a:lnTo>
                          <a:pt x="89" y="22"/>
                        </a:lnTo>
                        <a:lnTo>
                          <a:pt x="75" y="30"/>
                        </a:lnTo>
                        <a:lnTo>
                          <a:pt x="62" y="40"/>
                        </a:lnTo>
                        <a:lnTo>
                          <a:pt x="49" y="51"/>
                        </a:lnTo>
                        <a:lnTo>
                          <a:pt x="38" y="63"/>
                        </a:lnTo>
                        <a:lnTo>
                          <a:pt x="29" y="76"/>
                        </a:lnTo>
                        <a:lnTo>
                          <a:pt x="20" y="90"/>
                        </a:lnTo>
                        <a:lnTo>
                          <a:pt x="13" y="105"/>
                        </a:lnTo>
                        <a:lnTo>
                          <a:pt x="7" y="122"/>
                        </a:lnTo>
                        <a:lnTo>
                          <a:pt x="3" y="138"/>
                        </a:lnTo>
                        <a:lnTo>
                          <a:pt x="1" y="154"/>
                        </a:lnTo>
                        <a:lnTo>
                          <a:pt x="0" y="171"/>
                        </a:lnTo>
                        <a:lnTo>
                          <a:pt x="1" y="190"/>
                        </a:lnTo>
                        <a:lnTo>
                          <a:pt x="3" y="206"/>
                        </a:lnTo>
                        <a:lnTo>
                          <a:pt x="7" y="222"/>
                        </a:lnTo>
                        <a:lnTo>
                          <a:pt x="13" y="239"/>
                        </a:lnTo>
                        <a:lnTo>
                          <a:pt x="20" y="253"/>
                        </a:lnTo>
                        <a:lnTo>
                          <a:pt x="29" y="267"/>
                        </a:lnTo>
                        <a:lnTo>
                          <a:pt x="38" y="280"/>
                        </a:lnTo>
                        <a:lnTo>
                          <a:pt x="49" y="293"/>
                        </a:lnTo>
                        <a:lnTo>
                          <a:pt x="62" y="304"/>
                        </a:lnTo>
                        <a:lnTo>
                          <a:pt x="75" y="314"/>
                        </a:lnTo>
                        <a:lnTo>
                          <a:pt x="89" y="322"/>
                        </a:lnTo>
                        <a:lnTo>
                          <a:pt x="104" y="329"/>
                        </a:lnTo>
                        <a:lnTo>
                          <a:pt x="120" y="335"/>
                        </a:lnTo>
                        <a:lnTo>
                          <a:pt x="136" y="340"/>
                        </a:lnTo>
                        <a:lnTo>
                          <a:pt x="153" y="343"/>
                        </a:lnTo>
                        <a:lnTo>
                          <a:pt x="170"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sp>
                <p:nvSpPr>
                  <p:cNvPr id="1046" name="Freeform 13"/>
                  <p:cNvSpPr>
                    <a:spLocks/>
                  </p:cNvSpPr>
                  <p:nvPr/>
                </p:nvSpPr>
                <p:spPr bwMode="auto">
                  <a:xfrm>
                    <a:off x="10867504" y="1445314"/>
                    <a:ext cx="36513" cy="36513"/>
                  </a:xfrm>
                  <a:custGeom>
                    <a:avLst/>
                    <a:gdLst/>
                    <a:ahLst/>
                    <a:cxnLst>
                      <a:cxn ang="0">
                        <a:pos x="189" y="343"/>
                      </a:cxn>
                      <a:cxn ang="0">
                        <a:pos x="222" y="335"/>
                      </a:cxn>
                      <a:cxn ang="0">
                        <a:pos x="253" y="322"/>
                      </a:cxn>
                      <a:cxn ang="0">
                        <a:pos x="280" y="304"/>
                      </a:cxn>
                      <a:cxn ang="0">
                        <a:pos x="303" y="280"/>
                      </a:cxn>
                      <a:cxn ang="0">
                        <a:pos x="322" y="253"/>
                      </a:cxn>
                      <a:cxn ang="0">
                        <a:pos x="335" y="222"/>
                      </a:cxn>
                      <a:cxn ang="0">
                        <a:pos x="342" y="190"/>
                      </a:cxn>
                      <a:cxn ang="0">
                        <a:pos x="342" y="154"/>
                      </a:cxn>
                      <a:cxn ang="0">
                        <a:pos x="335" y="122"/>
                      </a:cxn>
                      <a:cxn ang="0">
                        <a:pos x="322"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6" y="340"/>
                        </a:lnTo>
                        <a:lnTo>
                          <a:pt x="222" y="335"/>
                        </a:lnTo>
                        <a:lnTo>
                          <a:pt x="238" y="329"/>
                        </a:lnTo>
                        <a:lnTo>
                          <a:pt x="253" y="322"/>
                        </a:lnTo>
                        <a:lnTo>
                          <a:pt x="267" y="314"/>
                        </a:lnTo>
                        <a:lnTo>
                          <a:pt x="280" y="304"/>
                        </a:lnTo>
                        <a:lnTo>
                          <a:pt x="292" y="293"/>
                        </a:lnTo>
                        <a:lnTo>
                          <a:pt x="303" y="280"/>
                        </a:lnTo>
                        <a:lnTo>
                          <a:pt x="313" y="267"/>
                        </a:lnTo>
                        <a:lnTo>
                          <a:pt x="322" y="253"/>
                        </a:lnTo>
                        <a:lnTo>
                          <a:pt x="329" y="239"/>
                        </a:lnTo>
                        <a:lnTo>
                          <a:pt x="335" y="222"/>
                        </a:lnTo>
                        <a:lnTo>
                          <a:pt x="339" y="206"/>
                        </a:lnTo>
                        <a:lnTo>
                          <a:pt x="342" y="190"/>
                        </a:lnTo>
                        <a:lnTo>
                          <a:pt x="343" y="171"/>
                        </a:lnTo>
                        <a:lnTo>
                          <a:pt x="342" y="154"/>
                        </a:lnTo>
                        <a:lnTo>
                          <a:pt x="339" y="138"/>
                        </a:lnTo>
                        <a:lnTo>
                          <a:pt x="335" y="122"/>
                        </a:lnTo>
                        <a:lnTo>
                          <a:pt x="329" y="105"/>
                        </a:lnTo>
                        <a:lnTo>
                          <a:pt x="322" y="90"/>
                        </a:lnTo>
                        <a:lnTo>
                          <a:pt x="313" y="76"/>
                        </a:lnTo>
                        <a:lnTo>
                          <a:pt x="303" y="63"/>
                        </a:lnTo>
                        <a:lnTo>
                          <a:pt x="292" y="51"/>
                        </a:lnTo>
                        <a:lnTo>
                          <a:pt x="280" y="40"/>
                        </a:lnTo>
                        <a:lnTo>
                          <a:pt x="267" y="30"/>
                        </a:lnTo>
                        <a:lnTo>
                          <a:pt x="253" y="22"/>
                        </a:lnTo>
                        <a:lnTo>
                          <a:pt x="238" y="13"/>
                        </a:lnTo>
                        <a:lnTo>
                          <a:pt x="222" y="8"/>
                        </a:lnTo>
                        <a:lnTo>
                          <a:pt x="206"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grpSp>
            <p:sp>
              <p:nvSpPr>
                <p:cNvPr id="1041" name="Freeform 14"/>
                <p:cNvSpPr>
                  <a:spLocks noEditPoints="1"/>
                </p:cNvSpPr>
                <p:nvPr/>
              </p:nvSpPr>
              <p:spPr bwMode="auto">
                <a:xfrm>
                  <a:off x="9419704" y="2777861"/>
                  <a:ext cx="1722438" cy="260350"/>
                </a:xfrm>
                <a:custGeom>
                  <a:avLst/>
                  <a:gdLst/>
                  <a:ahLst/>
                  <a:cxnLst>
                    <a:cxn ang="0">
                      <a:pos x="15920" y="15"/>
                    </a:cxn>
                    <a:cxn ang="0">
                      <a:pos x="16066" y="82"/>
                    </a:cxn>
                    <a:cxn ang="0">
                      <a:pos x="16180" y="191"/>
                    </a:cxn>
                    <a:cxn ang="0">
                      <a:pos x="16254" y="333"/>
                    </a:cxn>
                    <a:cxn ang="0">
                      <a:pos x="16275" y="1979"/>
                    </a:cxn>
                    <a:cxn ang="0">
                      <a:pos x="16247" y="2142"/>
                    </a:cxn>
                    <a:cxn ang="0">
                      <a:pos x="16166" y="2279"/>
                    </a:cxn>
                    <a:cxn ang="0">
                      <a:pos x="16047" y="2384"/>
                    </a:cxn>
                    <a:cxn ang="0">
                      <a:pos x="15897" y="2443"/>
                    </a:cxn>
                    <a:cxn ang="0">
                      <a:pos x="425" y="2450"/>
                    </a:cxn>
                    <a:cxn ang="0">
                      <a:pos x="269" y="2406"/>
                    </a:cxn>
                    <a:cxn ang="0">
                      <a:pos x="139" y="2313"/>
                    </a:cxn>
                    <a:cxn ang="0">
                      <a:pos x="47" y="2184"/>
                    </a:cxn>
                    <a:cxn ang="0">
                      <a:pos x="2" y="2027"/>
                    </a:cxn>
                    <a:cxn ang="0">
                      <a:pos x="9" y="379"/>
                    </a:cxn>
                    <a:cxn ang="0">
                      <a:pos x="68" y="228"/>
                    </a:cxn>
                    <a:cxn ang="0">
                      <a:pos x="173" y="109"/>
                    </a:cxn>
                    <a:cxn ang="0">
                      <a:pos x="310" y="29"/>
                    </a:cxn>
                    <a:cxn ang="0">
                      <a:pos x="473" y="0"/>
                    </a:cxn>
                    <a:cxn ang="0">
                      <a:pos x="3118" y="686"/>
                    </a:cxn>
                    <a:cxn ang="0">
                      <a:pos x="3301" y="780"/>
                    </a:cxn>
                    <a:cxn ang="0">
                      <a:pos x="3442" y="928"/>
                    </a:cxn>
                    <a:cxn ang="0">
                      <a:pos x="3528" y="1118"/>
                    </a:cxn>
                    <a:cxn ang="0">
                      <a:pos x="3544" y="1333"/>
                    </a:cxn>
                    <a:cxn ang="0">
                      <a:pos x="3487" y="1535"/>
                    </a:cxn>
                    <a:cxn ang="0">
                      <a:pos x="3368" y="1703"/>
                    </a:cxn>
                    <a:cxn ang="0">
                      <a:pos x="3200" y="1822"/>
                    </a:cxn>
                    <a:cxn ang="0">
                      <a:pos x="2999" y="1879"/>
                    </a:cxn>
                    <a:cxn ang="0">
                      <a:pos x="2784" y="1863"/>
                    </a:cxn>
                    <a:cxn ang="0">
                      <a:pos x="2595" y="1778"/>
                    </a:cxn>
                    <a:cxn ang="0">
                      <a:pos x="2446" y="1636"/>
                    </a:cxn>
                    <a:cxn ang="0">
                      <a:pos x="2353" y="1452"/>
                    </a:cxn>
                    <a:cxn ang="0">
                      <a:pos x="2326" y="1239"/>
                    </a:cxn>
                    <a:cxn ang="0">
                      <a:pos x="2373" y="1032"/>
                    </a:cxn>
                    <a:cxn ang="0">
                      <a:pos x="2484" y="859"/>
                    </a:cxn>
                    <a:cxn ang="0">
                      <a:pos x="2646" y="733"/>
                    </a:cxn>
                    <a:cxn ang="0">
                      <a:pos x="2843" y="665"/>
                    </a:cxn>
                    <a:cxn ang="0">
                      <a:pos x="14482" y="476"/>
                    </a:cxn>
                    <a:cxn ang="0">
                      <a:pos x="14578" y="503"/>
                    </a:cxn>
                    <a:cxn ang="0">
                      <a:pos x="14659" y="560"/>
                    </a:cxn>
                    <a:cxn ang="0">
                      <a:pos x="14716" y="640"/>
                    </a:cxn>
                    <a:cxn ang="0">
                      <a:pos x="14743" y="737"/>
                    </a:cxn>
                    <a:cxn ang="0">
                      <a:pos x="14739" y="1758"/>
                    </a:cxn>
                    <a:cxn ang="0">
                      <a:pos x="14702" y="1850"/>
                    </a:cxn>
                    <a:cxn ang="0">
                      <a:pos x="14638" y="1925"/>
                    </a:cxn>
                    <a:cxn ang="0">
                      <a:pos x="14553" y="1974"/>
                    </a:cxn>
                    <a:cxn ang="0">
                      <a:pos x="14452" y="1991"/>
                    </a:cxn>
                    <a:cxn ang="0">
                      <a:pos x="7495" y="1979"/>
                    </a:cxn>
                    <a:cxn ang="0">
                      <a:pos x="7407" y="1933"/>
                    </a:cxn>
                    <a:cxn ang="0">
                      <a:pos x="7339" y="1862"/>
                    </a:cxn>
                    <a:cxn ang="0">
                      <a:pos x="7298" y="1772"/>
                    </a:cxn>
                    <a:cxn ang="0">
                      <a:pos x="7289" y="752"/>
                    </a:cxn>
                    <a:cxn ang="0">
                      <a:pos x="7312" y="653"/>
                    </a:cxn>
                    <a:cxn ang="0">
                      <a:pos x="7365" y="571"/>
                    </a:cxn>
                    <a:cxn ang="0">
                      <a:pos x="7443" y="509"/>
                    </a:cxn>
                    <a:cxn ang="0">
                      <a:pos x="7537" y="477"/>
                    </a:cxn>
                  </a:cxnLst>
                  <a:rect l="0" t="0" r="r" b="b"/>
                  <a:pathLst>
                    <a:path w="16275" h="2453">
                      <a:moveTo>
                        <a:pt x="473" y="0"/>
                      </a:moveTo>
                      <a:lnTo>
                        <a:pt x="15802" y="0"/>
                      </a:lnTo>
                      <a:lnTo>
                        <a:pt x="15826" y="1"/>
                      </a:lnTo>
                      <a:lnTo>
                        <a:pt x="15850" y="2"/>
                      </a:lnTo>
                      <a:lnTo>
                        <a:pt x="15874" y="5"/>
                      </a:lnTo>
                      <a:lnTo>
                        <a:pt x="15897" y="10"/>
                      </a:lnTo>
                      <a:lnTo>
                        <a:pt x="15920" y="15"/>
                      </a:lnTo>
                      <a:lnTo>
                        <a:pt x="15942" y="21"/>
                      </a:lnTo>
                      <a:lnTo>
                        <a:pt x="15964" y="29"/>
                      </a:lnTo>
                      <a:lnTo>
                        <a:pt x="15986" y="38"/>
                      </a:lnTo>
                      <a:lnTo>
                        <a:pt x="16006" y="47"/>
                      </a:lnTo>
                      <a:lnTo>
                        <a:pt x="16027" y="57"/>
                      </a:lnTo>
                      <a:lnTo>
                        <a:pt x="16047" y="69"/>
                      </a:lnTo>
                      <a:lnTo>
                        <a:pt x="16066" y="82"/>
                      </a:lnTo>
                      <a:lnTo>
                        <a:pt x="16085" y="95"/>
                      </a:lnTo>
                      <a:lnTo>
                        <a:pt x="16102" y="109"/>
                      </a:lnTo>
                      <a:lnTo>
                        <a:pt x="16119" y="123"/>
                      </a:lnTo>
                      <a:lnTo>
                        <a:pt x="16136" y="140"/>
                      </a:lnTo>
                      <a:lnTo>
                        <a:pt x="16152" y="156"/>
                      </a:lnTo>
                      <a:lnTo>
                        <a:pt x="16166" y="173"/>
                      </a:lnTo>
                      <a:lnTo>
                        <a:pt x="16180" y="191"/>
                      </a:lnTo>
                      <a:lnTo>
                        <a:pt x="16194" y="210"/>
                      </a:lnTo>
                      <a:lnTo>
                        <a:pt x="16206" y="228"/>
                      </a:lnTo>
                      <a:lnTo>
                        <a:pt x="16218" y="249"/>
                      </a:lnTo>
                      <a:lnTo>
                        <a:pt x="16228" y="269"/>
                      </a:lnTo>
                      <a:lnTo>
                        <a:pt x="16237" y="289"/>
                      </a:lnTo>
                      <a:lnTo>
                        <a:pt x="16247" y="312"/>
                      </a:lnTo>
                      <a:lnTo>
                        <a:pt x="16254" y="333"/>
                      </a:lnTo>
                      <a:lnTo>
                        <a:pt x="16260" y="356"/>
                      </a:lnTo>
                      <a:lnTo>
                        <a:pt x="16265" y="379"/>
                      </a:lnTo>
                      <a:lnTo>
                        <a:pt x="16270" y="401"/>
                      </a:lnTo>
                      <a:lnTo>
                        <a:pt x="16273" y="426"/>
                      </a:lnTo>
                      <a:lnTo>
                        <a:pt x="16274" y="449"/>
                      </a:lnTo>
                      <a:lnTo>
                        <a:pt x="16275" y="474"/>
                      </a:lnTo>
                      <a:lnTo>
                        <a:pt x="16275" y="1979"/>
                      </a:lnTo>
                      <a:lnTo>
                        <a:pt x="16274" y="2003"/>
                      </a:lnTo>
                      <a:lnTo>
                        <a:pt x="16273" y="2027"/>
                      </a:lnTo>
                      <a:lnTo>
                        <a:pt x="16270" y="2051"/>
                      </a:lnTo>
                      <a:lnTo>
                        <a:pt x="16265" y="2073"/>
                      </a:lnTo>
                      <a:lnTo>
                        <a:pt x="16260" y="2097"/>
                      </a:lnTo>
                      <a:lnTo>
                        <a:pt x="16254" y="2119"/>
                      </a:lnTo>
                      <a:lnTo>
                        <a:pt x="16247" y="2142"/>
                      </a:lnTo>
                      <a:lnTo>
                        <a:pt x="16237" y="2163"/>
                      </a:lnTo>
                      <a:lnTo>
                        <a:pt x="16228" y="2184"/>
                      </a:lnTo>
                      <a:lnTo>
                        <a:pt x="16218" y="2204"/>
                      </a:lnTo>
                      <a:lnTo>
                        <a:pt x="16206" y="2224"/>
                      </a:lnTo>
                      <a:lnTo>
                        <a:pt x="16194" y="2244"/>
                      </a:lnTo>
                      <a:lnTo>
                        <a:pt x="16180" y="2262"/>
                      </a:lnTo>
                      <a:lnTo>
                        <a:pt x="16166" y="2279"/>
                      </a:lnTo>
                      <a:lnTo>
                        <a:pt x="16152" y="2297"/>
                      </a:lnTo>
                      <a:lnTo>
                        <a:pt x="16136" y="2313"/>
                      </a:lnTo>
                      <a:lnTo>
                        <a:pt x="16119" y="2329"/>
                      </a:lnTo>
                      <a:lnTo>
                        <a:pt x="16102" y="2344"/>
                      </a:lnTo>
                      <a:lnTo>
                        <a:pt x="16085" y="2358"/>
                      </a:lnTo>
                      <a:lnTo>
                        <a:pt x="16066" y="2371"/>
                      </a:lnTo>
                      <a:lnTo>
                        <a:pt x="16047" y="2384"/>
                      </a:lnTo>
                      <a:lnTo>
                        <a:pt x="16027" y="2395"/>
                      </a:lnTo>
                      <a:lnTo>
                        <a:pt x="16006" y="2406"/>
                      </a:lnTo>
                      <a:lnTo>
                        <a:pt x="15986" y="2415"/>
                      </a:lnTo>
                      <a:lnTo>
                        <a:pt x="15964" y="2424"/>
                      </a:lnTo>
                      <a:lnTo>
                        <a:pt x="15942" y="2431"/>
                      </a:lnTo>
                      <a:lnTo>
                        <a:pt x="15920" y="2437"/>
                      </a:lnTo>
                      <a:lnTo>
                        <a:pt x="15897" y="2443"/>
                      </a:lnTo>
                      <a:lnTo>
                        <a:pt x="15874" y="2447"/>
                      </a:lnTo>
                      <a:lnTo>
                        <a:pt x="15850" y="2450"/>
                      </a:lnTo>
                      <a:lnTo>
                        <a:pt x="15826" y="2451"/>
                      </a:lnTo>
                      <a:lnTo>
                        <a:pt x="15802" y="2453"/>
                      </a:lnTo>
                      <a:lnTo>
                        <a:pt x="473" y="2453"/>
                      </a:lnTo>
                      <a:lnTo>
                        <a:pt x="449" y="2451"/>
                      </a:lnTo>
                      <a:lnTo>
                        <a:pt x="425" y="2450"/>
                      </a:lnTo>
                      <a:lnTo>
                        <a:pt x="401" y="2447"/>
                      </a:lnTo>
                      <a:lnTo>
                        <a:pt x="378" y="2443"/>
                      </a:lnTo>
                      <a:lnTo>
                        <a:pt x="355" y="2437"/>
                      </a:lnTo>
                      <a:lnTo>
                        <a:pt x="333" y="2431"/>
                      </a:lnTo>
                      <a:lnTo>
                        <a:pt x="310" y="2424"/>
                      </a:lnTo>
                      <a:lnTo>
                        <a:pt x="289" y="2415"/>
                      </a:lnTo>
                      <a:lnTo>
                        <a:pt x="269" y="2406"/>
                      </a:lnTo>
                      <a:lnTo>
                        <a:pt x="248" y="2395"/>
                      </a:lnTo>
                      <a:lnTo>
                        <a:pt x="228" y="2384"/>
                      </a:lnTo>
                      <a:lnTo>
                        <a:pt x="209" y="2371"/>
                      </a:lnTo>
                      <a:lnTo>
                        <a:pt x="190" y="2358"/>
                      </a:lnTo>
                      <a:lnTo>
                        <a:pt x="173" y="2344"/>
                      </a:lnTo>
                      <a:lnTo>
                        <a:pt x="156" y="2329"/>
                      </a:lnTo>
                      <a:lnTo>
                        <a:pt x="139" y="2313"/>
                      </a:lnTo>
                      <a:lnTo>
                        <a:pt x="123" y="2297"/>
                      </a:lnTo>
                      <a:lnTo>
                        <a:pt x="108" y="2279"/>
                      </a:lnTo>
                      <a:lnTo>
                        <a:pt x="95" y="2262"/>
                      </a:lnTo>
                      <a:lnTo>
                        <a:pt x="81" y="2244"/>
                      </a:lnTo>
                      <a:lnTo>
                        <a:pt x="68" y="2224"/>
                      </a:lnTo>
                      <a:lnTo>
                        <a:pt x="57" y="2204"/>
                      </a:lnTo>
                      <a:lnTo>
                        <a:pt x="47" y="2184"/>
                      </a:lnTo>
                      <a:lnTo>
                        <a:pt x="38" y="2163"/>
                      </a:lnTo>
                      <a:lnTo>
                        <a:pt x="28" y="2142"/>
                      </a:lnTo>
                      <a:lnTo>
                        <a:pt x="21" y="2119"/>
                      </a:lnTo>
                      <a:lnTo>
                        <a:pt x="15" y="2097"/>
                      </a:lnTo>
                      <a:lnTo>
                        <a:pt x="9" y="2073"/>
                      </a:lnTo>
                      <a:lnTo>
                        <a:pt x="5" y="2051"/>
                      </a:lnTo>
                      <a:lnTo>
                        <a:pt x="2" y="2027"/>
                      </a:lnTo>
                      <a:lnTo>
                        <a:pt x="1" y="2003"/>
                      </a:lnTo>
                      <a:lnTo>
                        <a:pt x="0" y="1979"/>
                      </a:lnTo>
                      <a:lnTo>
                        <a:pt x="0" y="474"/>
                      </a:lnTo>
                      <a:lnTo>
                        <a:pt x="1" y="449"/>
                      </a:lnTo>
                      <a:lnTo>
                        <a:pt x="2" y="426"/>
                      </a:lnTo>
                      <a:lnTo>
                        <a:pt x="5" y="401"/>
                      </a:lnTo>
                      <a:lnTo>
                        <a:pt x="9" y="379"/>
                      </a:lnTo>
                      <a:lnTo>
                        <a:pt x="15" y="356"/>
                      </a:lnTo>
                      <a:lnTo>
                        <a:pt x="21" y="333"/>
                      </a:lnTo>
                      <a:lnTo>
                        <a:pt x="28" y="312"/>
                      </a:lnTo>
                      <a:lnTo>
                        <a:pt x="38" y="289"/>
                      </a:lnTo>
                      <a:lnTo>
                        <a:pt x="47" y="269"/>
                      </a:lnTo>
                      <a:lnTo>
                        <a:pt x="57" y="249"/>
                      </a:lnTo>
                      <a:lnTo>
                        <a:pt x="68" y="228"/>
                      </a:lnTo>
                      <a:lnTo>
                        <a:pt x="81" y="210"/>
                      </a:lnTo>
                      <a:lnTo>
                        <a:pt x="95" y="191"/>
                      </a:lnTo>
                      <a:lnTo>
                        <a:pt x="108" y="173"/>
                      </a:lnTo>
                      <a:lnTo>
                        <a:pt x="123" y="156"/>
                      </a:lnTo>
                      <a:lnTo>
                        <a:pt x="139" y="140"/>
                      </a:lnTo>
                      <a:lnTo>
                        <a:pt x="156" y="123"/>
                      </a:lnTo>
                      <a:lnTo>
                        <a:pt x="173" y="109"/>
                      </a:lnTo>
                      <a:lnTo>
                        <a:pt x="190" y="95"/>
                      </a:lnTo>
                      <a:lnTo>
                        <a:pt x="209" y="82"/>
                      </a:lnTo>
                      <a:lnTo>
                        <a:pt x="228" y="69"/>
                      </a:lnTo>
                      <a:lnTo>
                        <a:pt x="248" y="57"/>
                      </a:lnTo>
                      <a:lnTo>
                        <a:pt x="269" y="47"/>
                      </a:lnTo>
                      <a:lnTo>
                        <a:pt x="289" y="38"/>
                      </a:lnTo>
                      <a:lnTo>
                        <a:pt x="310" y="29"/>
                      </a:lnTo>
                      <a:lnTo>
                        <a:pt x="333" y="21"/>
                      </a:lnTo>
                      <a:lnTo>
                        <a:pt x="355" y="15"/>
                      </a:lnTo>
                      <a:lnTo>
                        <a:pt x="378" y="10"/>
                      </a:lnTo>
                      <a:lnTo>
                        <a:pt x="401" y="5"/>
                      </a:lnTo>
                      <a:lnTo>
                        <a:pt x="425" y="2"/>
                      </a:lnTo>
                      <a:lnTo>
                        <a:pt x="449" y="1"/>
                      </a:lnTo>
                      <a:lnTo>
                        <a:pt x="473" y="0"/>
                      </a:lnTo>
                      <a:close/>
                      <a:moveTo>
                        <a:pt x="2937" y="658"/>
                      </a:moveTo>
                      <a:lnTo>
                        <a:pt x="2967" y="659"/>
                      </a:lnTo>
                      <a:lnTo>
                        <a:pt x="2999" y="661"/>
                      </a:lnTo>
                      <a:lnTo>
                        <a:pt x="3029" y="665"/>
                      </a:lnTo>
                      <a:lnTo>
                        <a:pt x="3059" y="670"/>
                      </a:lnTo>
                      <a:lnTo>
                        <a:pt x="3088" y="678"/>
                      </a:lnTo>
                      <a:lnTo>
                        <a:pt x="3118" y="686"/>
                      </a:lnTo>
                      <a:lnTo>
                        <a:pt x="3146" y="696"/>
                      </a:lnTo>
                      <a:lnTo>
                        <a:pt x="3174" y="706"/>
                      </a:lnTo>
                      <a:lnTo>
                        <a:pt x="3200" y="719"/>
                      </a:lnTo>
                      <a:lnTo>
                        <a:pt x="3227" y="733"/>
                      </a:lnTo>
                      <a:lnTo>
                        <a:pt x="3252" y="747"/>
                      </a:lnTo>
                      <a:lnTo>
                        <a:pt x="3277" y="763"/>
                      </a:lnTo>
                      <a:lnTo>
                        <a:pt x="3301" y="780"/>
                      </a:lnTo>
                      <a:lnTo>
                        <a:pt x="3324" y="799"/>
                      </a:lnTo>
                      <a:lnTo>
                        <a:pt x="3347" y="817"/>
                      </a:lnTo>
                      <a:lnTo>
                        <a:pt x="3368" y="838"/>
                      </a:lnTo>
                      <a:lnTo>
                        <a:pt x="3388" y="859"/>
                      </a:lnTo>
                      <a:lnTo>
                        <a:pt x="3408" y="881"/>
                      </a:lnTo>
                      <a:lnTo>
                        <a:pt x="3425" y="905"/>
                      </a:lnTo>
                      <a:lnTo>
                        <a:pt x="3442" y="928"/>
                      </a:lnTo>
                      <a:lnTo>
                        <a:pt x="3458" y="954"/>
                      </a:lnTo>
                      <a:lnTo>
                        <a:pt x="3473" y="979"/>
                      </a:lnTo>
                      <a:lnTo>
                        <a:pt x="3487" y="1006"/>
                      </a:lnTo>
                      <a:lnTo>
                        <a:pt x="3499" y="1032"/>
                      </a:lnTo>
                      <a:lnTo>
                        <a:pt x="3509" y="1061"/>
                      </a:lnTo>
                      <a:lnTo>
                        <a:pt x="3519" y="1089"/>
                      </a:lnTo>
                      <a:lnTo>
                        <a:pt x="3528" y="1118"/>
                      </a:lnTo>
                      <a:lnTo>
                        <a:pt x="3535" y="1147"/>
                      </a:lnTo>
                      <a:lnTo>
                        <a:pt x="3540" y="1178"/>
                      </a:lnTo>
                      <a:lnTo>
                        <a:pt x="3544" y="1208"/>
                      </a:lnTo>
                      <a:lnTo>
                        <a:pt x="3546" y="1239"/>
                      </a:lnTo>
                      <a:lnTo>
                        <a:pt x="3547" y="1271"/>
                      </a:lnTo>
                      <a:lnTo>
                        <a:pt x="3546" y="1302"/>
                      </a:lnTo>
                      <a:lnTo>
                        <a:pt x="3544" y="1333"/>
                      </a:lnTo>
                      <a:lnTo>
                        <a:pt x="3540" y="1363"/>
                      </a:lnTo>
                      <a:lnTo>
                        <a:pt x="3535" y="1394"/>
                      </a:lnTo>
                      <a:lnTo>
                        <a:pt x="3528" y="1423"/>
                      </a:lnTo>
                      <a:lnTo>
                        <a:pt x="3519" y="1452"/>
                      </a:lnTo>
                      <a:lnTo>
                        <a:pt x="3509" y="1480"/>
                      </a:lnTo>
                      <a:lnTo>
                        <a:pt x="3499" y="1508"/>
                      </a:lnTo>
                      <a:lnTo>
                        <a:pt x="3487" y="1535"/>
                      </a:lnTo>
                      <a:lnTo>
                        <a:pt x="3473" y="1562"/>
                      </a:lnTo>
                      <a:lnTo>
                        <a:pt x="3458" y="1587"/>
                      </a:lnTo>
                      <a:lnTo>
                        <a:pt x="3442" y="1612"/>
                      </a:lnTo>
                      <a:lnTo>
                        <a:pt x="3425" y="1636"/>
                      </a:lnTo>
                      <a:lnTo>
                        <a:pt x="3408" y="1659"/>
                      </a:lnTo>
                      <a:lnTo>
                        <a:pt x="3388" y="1681"/>
                      </a:lnTo>
                      <a:lnTo>
                        <a:pt x="3368" y="1703"/>
                      </a:lnTo>
                      <a:lnTo>
                        <a:pt x="3347" y="1723"/>
                      </a:lnTo>
                      <a:lnTo>
                        <a:pt x="3324" y="1742"/>
                      </a:lnTo>
                      <a:lnTo>
                        <a:pt x="3301" y="1761"/>
                      </a:lnTo>
                      <a:lnTo>
                        <a:pt x="3277" y="1778"/>
                      </a:lnTo>
                      <a:lnTo>
                        <a:pt x="3252" y="1793"/>
                      </a:lnTo>
                      <a:lnTo>
                        <a:pt x="3227" y="1809"/>
                      </a:lnTo>
                      <a:lnTo>
                        <a:pt x="3200" y="1822"/>
                      </a:lnTo>
                      <a:lnTo>
                        <a:pt x="3174" y="1834"/>
                      </a:lnTo>
                      <a:lnTo>
                        <a:pt x="3146" y="1845"/>
                      </a:lnTo>
                      <a:lnTo>
                        <a:pt x="3118" y="1854"/>
                      </a:lnTo>
                      <a:lnTo>
                        <a:pt x="3088" y="1863"/>
                      </a:lnTo>
                      <a:lnTo>
                        <a:pt x="3059" y="1870"/>
                      </a:lnTo>
                      <a:lnTo>
                        <a:pt x="3029" y="1875"/>
                      </a:lnTo>
                      <a:lnTo>
                        <a:pt x="2999" y="1879"/>
                      </a:lnTo>
                      <a:lnTo>
                        <a:pt x="2967" y="1882"/>
                      </a:lnTo>
                      <a:lnTo>
                        <a:pt x="2937" y="1882"/>
                      </a:lnTo>
                      <a:lnTo>
                        <a:pt x="2905" y="1882"/>
                      </a:lnTo>
                      <a:lnTo>
                        <a:pt x="2874" y="1879"/>
                      </a:lnTo>
                      <a:lnTo>
                        <a:pt x="2843" y="1875"/>
                      </a:lnTo>
                      <a:lnTo>
                        <a:pt x="2814" y="1870"/>
                      </a:lnTo>
                      <a:lnTo>
                        <a:pt x="2784" y="1863"/>
                      </a:lnTo>
                      <a:lnTo>
                        <a:pt x="2755" y="1854"/>
                      </a:lnTo>
                      <a:lnTo>
                        <a:pt x="2726" y="1845"/>
                      </a:lnTo>
                      <a:lnTo>
                        <a:pt x="2699" y="1834"/>
                      </a:lnTo>
                      <a:lnTo>
                        <a:pt x="2671" y="1822"/>
                      </a:lnTo>
                      <a:lnTo>
                        <a:pt x="2646" y="1809"/>
                      </a:lnTo>
                      <a:lnTo>
                        <a:pt x="2619" y="1793"/>
                      </a:lnTo>
                      <a:lnTo>
                        <a:pt x="2595" y="1778"/>
                      </a:lnTo>
                      <a:lnTo>
                        <a:pt x="2570" y="1761"/>
                      </a:lnTo>
                      <a:lnTo>
                        <a:pt x="2548" y="1742"/>
                      </a:lnTo>
                      <a:lnTo>
                        <a:pt x="2526" y="1723"/>
                      </a:lnTo>
                      <a:lnTo>
                        <a:pt x="2504" y="1703"/>
                      </a:lnTo>
                      <a:lnTo>
                        <a:pt x="2484" y="1681"/>
                      </a:lnTo>
                      <a:lnTo>
                        <a:pt x="2465" y="1659"/>
                      </a:lnTo>
                      <a:lnTo>
                        <a:pt x="2446" y="1636"/>
                      </a:lnTo>
                      <a:lnTo>
                        <a:pt x="2430" y="1612"/>
                      </a:lnTo>
                      <a:lnTo>
                        <a:pt x="2414" y="1587"/>
                      </a:lnTo>
                      <a:lnTo>
                        <a:pt x="2399" y="1562"/>
                      </a:lnTo>
                      <a:lnTo>
                        <a:pt x="2385" y="1535"/>
                      </a:lnTo>
                      <a:lnTo>
                        <a:pt x="2373" y="1508"/>
                      </a:lnTo>
                      <a:lnTo>
                        <a:pt x="2362" y="1480"/>
                      </a:lnTo>
                      <a:lnTo>
                        <a:pt x="2353" y="1452"/>
                      </a:lnTo>
                      <a:lnTo>
                        <a:pt x="2345" y="1423"/>
                      </a:lnTo>
                      <a:lnTo>
                        <a:pt x="2337" y="1394"/>
                      </a:lnTo>
                      <a:lnTo>
                        <a:pt x="2332" y="1363"/>
                      </a:lnTo>
                      <a:lnTo>
                        <a:pt x="2328" y="1333"/>
                      </a:lnTo>
                      <a:lnTo>
                        <a:pt x="2326" y="1302"/>
                      </a:lnTo>
                      <a:lnTo>
                        <a:pt x="2325" y="1271"/>
                      </a:lnTo>
                      <a:lnTo>
                        <a:pt x="2326" y="1239"/>
                      </a:lnTo>
                      <a:lnTo>
                        <a:pt x="2328" y="1208"/>
                      </a:lnTo>
                      <a:lnTo>
                        <a:pt x="2332" y="1178"/>
                      </a:lnTo>
                      <a:lnTo>
                        <a:pt x="2337" y="1147"/>
                      </a:lnTo>
                      <a:lnTo>
                        <a:pt x="2345" y="1118"/>
                      </a:lnTo>
                      <a:lnTo>
                        <a:pt x="2353" y="1089"/>
                      </a:lnTo>
                      <a:lnTo>
                        <a:pt x="2362" y="1061"/>
                      </a:lnTo>
                      <a:lnTo>
                        <a:pt x="2373" y="1032"/>
                      </a:lnTo>
                      <a:lnTo>
                        <a:pt x="2385" y="1006"/>
                      </a:lnTo>
                      <a:lnTo>
                        <a:pt x="2399" y="979"/>
                      </a:lnTo>
                      <a:lnTo>
                        <a:pt x="2414" y="954"/>
                      </a:lnTo>
                      <a:lnTo>
                        <a:pt x="2430" y="928"/>
                      </a:lnTo>
                      <a:lnTo>
                        <a:pt x="2446" y="905"/>
                      </a:lnTo>
                      <a:lnTo>
                        <a:pt x="2465" y="881"/>
                      </a:lnTo>
                      <a:lnTo>
                        <a:pt x="2484" y="859"/>
                      </a:lnTo>
                      <a:lnTo>
                        <a:pt x="2504" y="838"/>
                      </a:lnTo>
                      <a:lnTo>
                        <a:pt x="2526" y="817"/>
                      </a:lnTo>
                      <a:lnTo>
                        <a:pt x="2548" y="799"/>
                      </a:lnTo>
                      <a:lnTo>
                        <a:pt x="2570" y="780"/>
                      </a:lnTo>
                      <a:lnTo>
                        <a:pt x="2595" y="763"/>
                      </a:lnTo>
                      <a:lnTo>
                        <a:pt x="2619" y="747"/>
                      </a:lnTo>
                      <a:lnTo>
                        <a:pt x="2646" y="733"/>
                      </a:lnTo>
                      <a:lnTo>
                        <a:pt x="2671" y="719"/>
                      </a:lnTo>
                      <a:lnTo>
                        <a:pt x="2699" y="706"/>
                      </a:lnTo>
                      <a:lnTo>
                        <a:pt x="2726" y="696"/>
                      </a:lnTo>
                      <a:lnTo>
                        <a:pt x="2755" y="686"/>
                      </a:lnTo>
                      <a:lnTo>
                        <a:pt x="2784" y="678"/>
                      </a:lnTo>
                      <a:lnTo>
                        <a:pt x="2814" y="670"/>
                      </a:lnTo>
                      <a:lnTo>
                        <a:pt x="2843" y="665"/>
                      </a:lnTo>
                      <a:lnTo>
                        <a:pt x="2874" y="661"/>
                      </a:lnTo>
                      <a:lnTo>
                        <a:pt x="2905" y="659"/>
                      </a:lnTo>
                      <a:lnTo>
                        <a:pt x="2937" y="658"/>
                      </a:lnTo>
                      <a:close/>
                      <a:moveTo>
                        <a:pt x="7582" y="474"/>
                      </a:moveTo>
                      <a:lnTo>
                        <a:pt x="14452" y="474"/>
                      </a:lnTo>
                      <a:lnTo>
                        <a:pt x="14467" y="474"/>
                      </a:lnTo>
                      <a:lnTo>
                        <a:pt x="14482" y="476"/>
                      </a:lnTo>
                      <a:lnTo>
                        <a:pt x="14497" y="477"/>
                      </a:lnTo>
                      <a:lnTo>
                        <a:pt x="14511" y="480"/>
                      </a:lnTo>
                      <a:lnTo>
                        <a:pt x="14525" y="483"/>
                      </a:lnTo>
                      <a:lnTo>
                        <a:pt x="14539" y="487"/>
                      </a:lnTo>
                      <a:lnTo>
                        <a:pt x="14553" y="492"/>
                      </a:lnTo>
                      <a:lnTo>
                        <a:pt x="14566" y="497"/>
                      </a:lnTo>
                      <a:lnTo>
                        <a:pt x="14578" y="503"/>
                      </a:lnTo>
                      <a:lnTo>
                        <a:pt x="14592" y="509"/>
                      </a:lnTo>
                      <a:lnTo>
                        <a:pt x="14604" y="517"/>
                      </a:lnTo>
                      <a:lnTo>
                        <a:pt x="14616" y="524"/>
                      </a:lnTo>
                      <a:lnTo>
                        <a:pt x="14627" y="532"/>
                      </a:lnTo>
                      <a:lnTo>
                        <a:pt x="14638" y="541"/>
                      </a:lnTo>
                      <a:lnTo>
                        <a:pt x="14649" y="550"/>
                      </a:lnTo>
                      <a:lnTo>
                        <a:pt x="14659" y="560"/>
                      </a:lnTo>
                      <a:lnTo>
                        <a:pt x="14669" y="571"/>
                      </a:lnTo>
                      <a:lnTo>
                        <a:pt x="14678" y="581"/>
                      </a:lnTo>
                      <a:lnTo>
                        <a:pt x="14686" y="592"/>
                      </a:lnTo>
                      <a:lnTo>
                        <a:pt x="14694" y="603"/>
                      </a:lnTo>
                      <a:lnTo>
                        <a:pt x="14702" y="615"/>
                      </a:lnTo>
                      <a:lnTo>
                        <a:pt x="14710" y="628"/>
                      </a:lnTo>
                      <a:lnTo>
                        <a:pt x="14716" y="640"/>
                      </a:lnTo>
                      <a:lnTo>
                        <a:pt x="14722" y="653"/>
                      </a:lnTo>
                      <a:lnTo>
                        <a:pt x="14727" y="666"/>
                      </a:lnTo>
                      <a:lnTo>
                        <a:pt x="14732" y="680"/>
                      </a:lnTo>
                      <a:lnTo>
                        <a:pt x="14736" y="694"/>
                      </a:lnTo>
                      <a:lnTo>
                        <a:pt x="14739" y="708"/>
                      </a:lnTo>
                      <a:lnTo>
                        <a:pt x="14741" y="722"/>
                      </a:lnTo>
                      <a:lnTo>
                        <a:pt x="14743" y="737"/>
                      </a:lnTo>
                      <a:lnTo>
                        <a:pt x="14744" y="752"/>
                      </a:lnTo>
                      <a:lnTo>
                        <a:pt x="14745" y="767"/>
                      </a:lnTo>
                      <a:lnTo>
                        <a:pt x="14745" y="1699"/>
                      </a:lnTo>
                      <a:lnTo>
                        <a:pt x="14744" y="1714"/>
                      </a:lnTo>
                      <a:lnTo>
                        <a:pt x="14743" y="1728"/>
                      </a:lnTo>
                      <a:lnTo>
                        <a:pt x="14741" y="1742"/>
                      </a:lnTo>
                      <a:lnTo>
                        <a:pt x="14739" y="1758"/>
                      </a:lnTo>
                      <a:lnTo>
                        <a:pt x="14736" y="1771"/>
                      </a:lnTo>
                      <a:lnTo>
                        <a:pt x="14732" y="1785"/>
                      </a:lnTo>
                      <a:lnTo>
                        <a:pt x="14727" y="1798"/>
                      </a:lnTo>
                      <a:lnTo>
                        <a:pt x="14722" y="1812"/>
                      </a:lnTo>
                      <a:lnTo>
                        <a:pt x="14716" y="1825"/>
                      </a:lnTo>
                      <a:lnTo>
                        <a:pt x="14710" y="1838"/>
                      </a:lnTo>
                      <a:lnTo>
                        <a:pt x="14702" y="1850"/>
                      </a:lnTo>
                      <a:lnTo>
                        <a:pt x="14694" y="1862"/>
                      </a:lnTo>
                      <a:lnTo>
                        <a:pt x="14686" y="1874"/>
                      </a:lnTo>
                      <a:lnTo>
                        <a:pt x="14678" y="1885"/>
                      </a:lnTo>
                      <a:lnTo>
                        <a:pt x="14669" y="1895"/>
                      </a:lnTo>
                      <a:lnTo>
                        <a:pt x="14659" y="1905"/>
                      </a:lnTo>
                      <a:lnTo>
                        <a:pt x="14649" y="1916"/>
                      </a:lnTo>
                      <a:lnTo>
                        <a:pt x="14638" y="1925"/>
                      </a:lnTo>
                      <a:lnTo>
                        <a:pt x="14627" y="1933"/>
                      </a:lnTo>
                      <a:lnTo>
                        <a:pt x="14616" y="1941"/>
                      </a:lnTo>
                      <a:lnTo>
                        <a:pt x="14604" y="1949"/>
                      </a:lnTo>
                      <a:lnTo>
                        <a:pt x="14592" y="1956"/>
                      </a:lnTo>
                      <a:lnTo>
                        <a:pt x="14578" y="1962"/>
                      </a:lnTo>
                      <a:lnTo>
                        <a:pt x="14566" y="1969"/>
                      </a:lnTo>
                      <a:lnTo>
                        <a:pt x="14553" y="1974"/>
                      </a:lnTo>
                      <a:lnTo>
                        <a:pt x="14539" y="1979"/>
                      </a:lnTo>
                      <a:lnTo>
                        <a:pt x="14525" y="1982"/>
                      </a:lnTo>
                      <a:lnTo>
                        <a:pt x="14511" y="1986"/>
                      </a:lnTo>
                      <a:lnTo>
                        <a:pt x="14497" y="1988"/>
                      </a:lnTo>
                      <a:lnTo>
                        <a:pt x="14482" y="1990"/>
                      </a:lnTo>
                      <a:lnTo>
                        <a:pt x="14467" y="1991"/>
                      </a:lnTo>
                      <a:lnTo>
                        <a:pt x="14452" y="1991"/>
                      </a:lnTo>
                      <a:lnTo>
                        <a:pt x="7582" y="1991"/>
                      </a:lnTo>
                      <a:lnTo>
                        <a:pt x="7567" y="1991"/>
                      </a:lnTo>
                      <a:lnTo>
                        <a:pt x="7552" y="1990"/>
                      </a:lnTo>
                      <a:lnTo>
                        <a:pt x="7537" y="1988"/>
                      </a:lnTo>
                      <a:lnTo>
                        <a:pt x="7523" y="1986"/>
                      </a:lnTo>
                      <a:lnTo>
                        <a:pt x="7509" y="1982"/>
                      </a:lnTo>
                      <a:lnTo>
                        <a:pt x="7495" y="1979"/>
                      </a:lnTo>
                      <a:lnTo>
                        <a:pt x="7481" y="1974"/>
                      </a:lnTo>
                      <a:lnTo>
                        <a:pt x="7468" y="1969"/>
                      </a:lnTo>
                      <a:lnTo>
                        <a:pt x="7455" y="1962"/>
                      </a:lnTo>
                      <a:lnTo>
                        <a:pt x="7443" y="1956"/>
                      </a:lnTo>
                      <a:lnTo>
                        <a:pt x="7431" y="1949"/>
                      </a:lnTo>
                      <a:lnTo>
                        <a:pt x="7418" y="1941"/>
                      </a:lnTo>
                      <a:lnTo>
                        <a:pt x="7407" y="1933"/>
                      </a:lnTo>
                      <a:lnTo>
                        <a:pt x="7396" y="1925"/>
                      </a:lnTo>
                      <a:lnTo>
                        <a:pt x="7385" y="1916"/>
                      </a:lnTo>
                      <a:lnTo>
                        <a:pt x="7375" y="1905"/>
                      </a:lnTo>
                      <a:lnTo>
                        <a:pt x="7365" y="1895"/>
                      </a:lnTo>
                      <a:lnTo>
                        <a:pt x="7356" y="1885"/>
                      </a:lnTo>
                      <a:lnTo>
                        <a:pt x="7347" y="1874"/>
                      </a:lnTo>
                      <a:lnTo>
                        <a:pt x="7339" y="1862"/>
                      </a:lnTo>
                      <a:lnTo>
                        <a:pt x="7332" y="1850"/>
                      </a:lnTo>
                      <a:lnTo>
                        <a:pt x="7325" y="1838"/>
                      </a:lnTo>
                      <a:lnTo>
                        <a:pt x="7318" y="1825"/>
                      </a:lnTo>
                      <a:lnTo>
                        <a:pt x="7312" y="1812"/>
                      </a:lnTo>
                      <a:lnTo>
                        <a:pt x="7306" y="1798"/>
                      </a:lnTo>
                      <a:lnTo>
                        <a:pt x="7302" y="1785"/>
                      </a:lnTo>
                      <a:lnTo>
                        <a:pt x="7298" y="1772"/>
                      </a:lnTo>
                      <a:lnTo>
                        <a:pt x="7295" y="1758"/>
                      </a:lnTo>
                      <a:lnTo>
                        <a:pt x="7292" y="1742"/>
                      </a:lnTo>
                      <a:lnTo>
                        <a:pt x="7290" y="1728"/>
                      </a:lnTo>
                      <a:lnTo>
                        <a:pt x="7289" y="1714"/>
                      </a:lnTo>
                      <a:lnTo>
                        <a:pt x="7289" y="1699"/>
                      </a:lnTo>
                      <a:lnTo>
                        <a:pt x="7289" y="767"/>
                      </a:lnTo>
                      <a:lnTo>
                        <a:pt x="7289" y="752"/>
                      </a:lnTo>
                      <a:lnTo>
                        <a:pt x="7290" y="737"/>
                      </a:lnTo>
                      <a:lnTo>
                        <a:pt x="7292" y="722"/>
                      </a:lnTo>
                      <a:lnTo>
                        <a:pt x="7295" y="708"/>
                      </a:lnTo>
                      <a:lnTo>
                        <a:pt x="7298" y="694"/>
                      </a:lnTo>
                      <a:lnTo>
                        <a:pt x="7302" y="680"/>
                      </a:lnTo>
                      <a:lnTo>
                        <a:pt x="7306" y="666"/>
                      </a:lnTo>
                      <a:lnTo>
                        <a:pt x="7312" y="653"/>
                      </a:lnTo>
                      <a:lnTo>
                        <a:pt x="7318" y="640"/>
                      </a:lnTo>
                      <a:lnTo>
                        <a:pt x="7325" y="628"/>
                      </a:lnTo>
                      <a:lnTo>
                        <a:pt x="7332" y="615"/>
                      </a:lnTo>
                      <a:lnTo>
                        <a:pt x="7339" y="603"/>
                      </a:lnTo>
                      <a:lnTo>
                        <a:pt x="7347" y="592"/>
                      </a:lnTo>
                      <a:lnTo>
                        <a:pt x="7356" y="581"/>
                      </a:lnTo>
                      <a:lnTo>
                        <a:pt x="7365" y="571"/>
                      </a:lnTo>
                      <a:lnTo>
                        <a:pt x="7375" y="560"/>
                      </a:lnTo>
                      <a:lnTo>
                        <a:pt x="7385" y="550"/>
                      </a:lnTo>
                      <a:lnTo>
                        <a:pt x="7396" y="541"/>
                      </a:lnTo>
                      <a:lnTo>
                        <a:pt x="7407" y="532"/>
                      </a:lnTo>
                      <a:lnTo>
                        <a:pt x="7418" y="524"/>
                      </a:lnTo>
                      <a:lnTo>
                        <a:pt x="7431" y="517"/>
                      </a:lnTo>
                      <a:lnTo>
                        <a:pt x="7443" y="509"/>
                      </a:lnTo>
                      <a:lnTo>
                        <a:pt x="7455" y="503"/>
                      </a:lnTo>
                      <a:lnTo>
                        <a:pt x="7468" y="497"/>
                      </a:lnTo>
                      <a:lnTo>
                        <a:pt x="7481" y="492"/>
                      </a:lnTo>
                      <a:lnTo>
                        <a:pt x="7495" y="487"/>
                      </a:lnTo>
                      <a:lnTo>
                        <a:pt x="7509" y="483"/>
                      </a:lnTo>
                      <a:lnTo>
                        <a:pt x="7523" y="480"/>
                      </a:lnTo>
                      <a:lnTo>
                        <a:pt x="7537" y="477"/>
                      </a:lnTo>
                      <a:lnTo>
                        <a:pt x="7552" y="476"/>
                      </a:lnTo>
                      <a:lnTo>
                        <a:pt x="7567" y="474"/>
                      </a:lnTo>
                      <a:lnTo>
                        <a:pt x="7582" y="47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sp>
              <p:nvSpPr>
                <p:cNvPr id="1042" name="Freeform 15"/>
                <p:cNvSpPr>
                  <a:spLocks noEditPoints="1"/>
                </p:cNvSpPr>
                <p:nvPr/>
              </p:nvSpPr>
              <p:spPr bwMode="auto">
                <a:xfrm>
                  <a:off x="9419704" y="3038211"/>
                  <a:ext cx="1722438" cy="258763"/>
                </a:xfrm>
                <a:custGeom>
                  <a:avLst/>
                  <a:gdLst/>
                  <a:ahLst/>
                  <a:cxnLst>
                    <a:cxn ang="0">
                      <a:pos x="15920" y="2437"/>
                    </a:cxn>
                    <a:cxn ang="0">
                      <a:pos x="16066" y="2370"/>
                    </a:cxn>
                    <a:cxn ang="0">
                      <a:pos x="16180" y="2261"/>
                    </a:cxn>
                    <a:cxn ang="0">
                      <a:pos x="16254" y="2119"/>
                    </a:cxn>
                    <a:cxn ang="0">
                      <a:pos x="16275" y="473"/>
                    </a:cxn>
                    <a:cxn ang="0">
                      <a:pos x="16247" y="311"/>
                    </a:cxn>
                    <a:cxn ang="0">
                      <a:pos x="16166" y="173"/>
                    </a:cxn>
                    <a:cxn ang="0">
                      <a:pos x="16047" y="69"/>
                    </a:cxn>
                    <a:cxn ang="0">
                      <a:pos x="15897" y="10"/>
                    </a:cxn>
                    <a:cxn ang="0">
                      <a:pos x="425" y="2"/>
                    </a:cxn>
                    <a:cxn ang="0">
                      <a:pos x="269" y="46"/>
                    </a:cxn>
                    <a:cxn ang="0">
                      <a:pos x="139" y="139"/>
                    </a:cxn>
                    <a:cxn ang="0">
                      <a:pos x="47" y="268"/>
                    </a:cxn>
                    <a:cxn ang="0">
                      <a:pos x="2" y="425"/>
                    </a:cxn>
                    <a:cxn ang="0">
                      <a:pos x="9" y="2073"/>
                    </a:cxn>
                    <a:cxn ang="0">
                      <a:pos x="68" y="2224"/>
                    </a:cxn>
                    <a:cxn ang="0">
                      <a:pos x="173" y="2344"/>
                    </a:cxn>
                    <a:cxn ang="0">
                      <a:pos x="310" y="2423"/>
                    </a:cxn>
                    <a:cxn ang="0">
                      <a:pos x="473" y="2452"/>
                    </a:cxn>
                    <a:cxn ang="0">
                      <a:pos x="14525" y="1969"/>
                    </a:cxn>
                    <a:cxn ang="0">
                      <a:pos x="14616" y="1928"/>
                    </a:cxn>
                    <a:cxn ang="0">
                      <a:pos x="14686" y="1860"/>
                    </a:cxn>
                    <a:cxn ang="0">
                      <a:pos x="14732" y="1772"/>
                    </a:cxn>
                    <a:cxn ang="0">
                      <a:pos x="14745" y="753"/>
                    </a:cxn>
                    <a:cxn ang="0">
                      <a:pos x="14727" y="654"/>
                    </a:cxn>
                    <a:cxn ang="0">
                      <a:pos x="14678" y="568"/>
                    </a:cxn>
                    <a:cxn ang="0">
                      <a:pos x="14604" y="503"/>
                    </a:cxn>
                    <a:cxn ang="0">
                      <a:pos x="14511" y="466"/>
                    </a:cxn>
                    <a:cxn ang="0">
                      <a:pos x="7552" y="462"/>
                    </a:cxn>
                    <a:cxn ang="0">
                      <a:pos x="7455" y="490"/>
                    </a:cxn>
                    <a:cxn ang="0">
                      <a:pos x="7375" y="547"/>
                    </a:cxn>
                    <a:cxn ang="0">
                      <a:pos x="7318" y="627"/>
                    </a:cxn>
                    <a:cxn ang="0">
                      <a:pos x="7290" y="724"/>
                    </a:cxn>
                    <a:cxn ang="0">
                      <a:pos x="7295" y="1744"/>
                    </a:cxn>
                    <a:cxn ang="0">
                      <a:pos x="7332" y="1837"/>
                    </a:cxn>
                    <a:cxn ang="0">
                      <a:pos x="7396" y="1911"/>
                    </a:cxn>
                    <a:cxn ang="0">
                      <a:pos x="7481" y="1961"/>
                    </a:cxn>
                    <a:cxn ang="0">
                      <a:pos x="7582" y="1978"/>
                    </a:cxn>
                    <a:cxn ang="0">
                      <a:pos x="3118" y="1766"/>
                    </a:cxn>
                    <a:cxn ang="0">
                      <a:pos x="3301" y="1672"/>
                    </a:cxn>
                    <a:cxn ang="0">
                      <a:pos x="3442" y="1524"/>
                    </a:cxn>
                    <a:cxn ang="0">
                      <a:pos x="3528" y="1334"/>
                    </a:cxn>
                    <a:cxn ang="0">
                      <a:pos x="3544" y="1119"/>
                    </a:cxn>
                    <a:cxn ang="0">
                      <a:pos x="3487" y="917"/>
                    </a:cxn>
                    <a:cxn ang="0">
                      <a:pos x="3368" y="749"/>
                    </a:cxn>
                    <a:cxn ang="0">
                      <a:pos x="3200" y="630"/>
                    </a:cxn>
                    <a:cxn ang="0">
                      <a:pos x="2999" y="573"/>
                    </a:cxn>
                    <a:cxn ang="0">
                      <a:pos x="2784" y="589"/>
                    </a:cxn>
                    <a:cxn ang="0">
                      <a:pos x="2595" y="675"/>
                    </a:cxn>
                    <a:cxn ang="0">
                      <a:pos x="2446" y="816"/>
                    </a:cxn>
                    <a:cxn ang="0">
                      <a:pos x="2353" y="1000"/>
                    </a:cxn>
                    <a:cxn ang="0">
                      <a:pos x="2326" y="1213"/>
                    </a:cxn>
                    <a:cxn ang="0">
                      <a:pos x="2373" y="1420"/>
                    </a:cxn>
                    <a:cxn ang="0">
                      <a:pos x="2484" y="1593"/>
                    </a:cxn>
                    <a:cxn ang="0">
                      <a:pos x="2646" y="1719"/>
                    </a:cxn>
                    <a:cxn ang="0">
                      <a:pos x="2843" y="1787"/>
                    </a:cxn>
                  </a:cxnLst>
                  <a:rect l="0" t="0" r="r" b="b"/>
                  <a:pathLst>
                    <a:path w="16275" h="2452">
                      <a:moveTo>
                        <a:pt x="473" y="2452"/>
                      </a:moveTo>
                      <a:lnTo>
                        <a:pt x="15802" y="2452"/>
                      </a:lnTo>
                      <a:lnTo>
                        <a:pt x="15826" y="2451"/>
                      </a:lnTo>
                      <a:lnTo>
                        <a:pt x="15850" y="2450"/>
                      </a:lnTo>
                      <a:lnTo>
                        <a:pt x="15874" y="2447"/>
                      </a:lnTo>
                      <a:lnTo>
                        <a:pt x="15897" y="2443"/>
                      </a:lnTo>
                      <a:lnTo>
                        <a:pt x="15920" y="2437"/>
                      </a:lnTo>
                      <a:lnTo>
                        <a:pt x="15942" y="2431"/>
                      </a:lnTo>
                      <a:lnTo>
                        <a:pt x="15964" y="2423"/>
                      </a:lnTo>
                      <a:lnTo>
                        <a:pt x="15986" y="2414"/>
                      </a:lnTo>
                      <a:lnTo>
                        <a:pt x="16006" y="2405"/>
                      </a:lnTo>
                      <a:lnTo>
                        <a:pt x="16027" y="2395"/>
                      </a:lnTo>
                      <a:lnTo>
                        <a:pt x="16047" y="2384"/>
                      </a:lnTo>
                      <a:lnTo>
                        <a:pt x="16066" y="2370"/>
                      </a:lnTo>
                      <a:lnTo>
                        <a:pt x="16085" y="2357"/>
                      </a:lnTo>
                      <a:lnTo>
                        <a:pt x="16102" y="2344"/>
                      </a:lnTo>
                      <a:lnTo>
                        <a:pt x="16119" y="2329"/>
                      </a:lnTo>
                      <a:lnTo>
                        <a:pt x="16136" y="2312"/>
                      </a:lnTo>
                      <a:lnTo>
                        <a:pt x="16152" y="2296"/>
                      </a:lnTo>
                      <a:lnTo>
                        <a:pt x="16166" y="2279"/>
                      </a:lnTo>
                      <a:lnTo>
                        <a:pt x="16180" y="2261"/>
                      </a:lnTo>
                      <a:lnTo>
                        <a:pt x="16194" y="2243"/>
                      </a:lnTo>
                      <a:lnTo>
                        <a:pt x="16206" y="2224"/>
                      </a:lnTo>
                      <a:lnTo>
                        <a:pt x="16218" y="2203"/>
                      </a:lnTo>
                      <a:lnTo>
                        <a:pt x="16228" y="2183"/>
                      </a:lnTo>
                      <a:lnTo>
                        <a:pt x="16237" y="2163"/>
                      </a:lnTo>
                      <a:lnTo>
                        <a:pt x="16247" y="2141"/>
                      </a:lnTo>
                      <a:lnTo>
                        <a:pt x="16254" y="2119"/>
                      </a:lnTo>
                      <a:lnTo>
                        <a:pt x="16260" y="2096"/>
                      </a:lnTo>
                      <a:lnTo>
                        <a:pt x="16265" y="2073"/>
                      </a:lnTo>
                      <a:lnTo>
                        <a:pt x="16270" y="2051"/>
                      </a:lnTo>
                      <a:lnTo>
                        <a:pt x="16273" y="2026"/>
                      </a:lnTo>
                      <a:lnTo>
                        <a:pt x="16274" y="2003"/>
                      </a:lnTo>
                      <a:lnTo>
                        <a:pt x="16275" y="1978"/>
                      </a:lnTo>
                      <a:lnTo>
                        <a:pt x="16275" y="473"/>
                      </a:lnTo>
                      <a:lnTo>
                        <a:pt x="16274" y="449"/>
                      </a:lnTo>
                      <a:lnTo>
                        <a:pt x="16273" y="425"/>
                      </a:lnTo>
                      <a:lnTo>
                        <a:pt x="16270" y="401"/>
                      </a:lnTo>
                      <a:lnTo>
                        <a:pt x="16265" y="379"/>
                      </a:lnTo>
                      <a:lnTo>
                        <a:pt x="16260" y="355"/>
                      </a:lnTo>
                      <a:lnTo>
                        <a:pt x="16254" y="333"/>
                      </a:lnTo>
                      <a:lnTo>
                        <a:pt x="16247" y="311"/>
                      </a:lnTo>
                      <a:lnTo>
                        <a:pt x="16237" y="289"/>
                      </a:lnTo>
                      <a:lnTo>
                        <a:pt x="16228" y="268"/>
                      </a:lnTo>
                      <a:lnTo>
                        <a:pt x="16218" y="248"/>
                      </a:lnTo>
                      <a:lnTo>
                        <a:pt x="16206" y="228"/>
                      </a:lnTo>
                      <a:lnTo>
                        <a:pt x="16194" y="209"/>
                      </a:lnTo>
                      <a:lnTo>
                        <a:pt x="16180" y="190"/>
                      </a:lnTo>
                      <a:lnTo>
                        <a:pt x="16166" y="173"/>
                      </a:lnTo>
                      <a:lnTo>
                        <a:pt x="16152" y="155"/>
                      </a:lnTo>
                      <a:lnTo>
                        <a:pt x="16136" y="139"/>
                      </a:lnTo>
                      <a:lnTo>
                        <a:pt x="16119" y="123"/>
                      </a:lnTo>
                      <a:lnTo>
                        <a:pt x="16102" y="109"/>
                      </a:lnTo>
                      <a:lnTo>
                        <a:pt x="16085" y="94"/>
                      </a:lnTo>
                      <a:lnTo>
                        <a:pt x="16066" y="81"/>
                      </a:lnTo>
                      <a:lnTo>
                        <a:pt x="16047" y="69"/>
                      </a:lnTo>
                      <a:lnTo>
                        <a:pt x="16027" y="57"/>
                      </a:lnTo>
                      <a:lnTo>
                        <a:pt x="16006" y="46"/>
                      </a:lnTo>
                      <a:lnTo>
                        <a:pt x="15986" y="37"/>
                      </a:lnTo>
                      <a:lnTo>
                        <a:pt x="15964" y="28"/>
                      </a:lnTo>
                      <a:lnTo>
                        <a:pt x="15942" y="21"/>
                      </a:lnTo>
                      <a:lnTo>
                        <a:pt x="15920" y="15"/>
                      </a:lnTo>
                      <a:lnTo>
                        <a:pt x="15897" y="10"/>
                      </a:lnTo>
                      <a:lnTo>
                        <a:pt x="15874" y="5"/>
                      </a:lnTo>
                      <a:lnTo>
                        <a:pt x="15850" y="2"/>
                      </a:lnTo>
                      <a:lnTo>
                        <a:pt x="15826" y="1"/>
                      </a:lnTo>
                      <a:lnTo>
                        <a:pt x="15802" y="0"/>
                      </a:lnTo>
                      <a:lnTo>
                        <a:pt x="473" y="0"/>
                      </a:lnTo>
                      <a:lnTo>
                        <a:pt x="449" y="1"/>
                      </a:lnTo>
                      <a:lnTo>
                        <a:pt x="425" y="2"/>
                      </a:lnTo>
                      <a:lnTo>
                        <a:pt x="401" y="5"/>
                      </a:lnTo>
                      <a:lnTo>
                        <a:pt x="378" y="10"/>
                      </a:lnTo>
                      <a:lnTo>
                        <a:pt x="355" y="15"/>
                      </a:lnTo>
                      <a:lnTo>
                        <a:pt x="333" y="21"/>
                      </a:lnTo>
                      <a:lnTo>
                        <a:pt x="310" y="28"/>
                      </a:lnTo>
                      <a:lnTo>
                        <a:pt x="289" y="37"/>
                      </a:lnTo>
                      <a:lnTo>
                        <a:pt x="269" y="46"/>
                      </a:lnTo>
                      <a:lnTo>
                        <a:pt x="248" y="57"/>
                      </a:lnTo>
                      <a:lnTo>
                        <a:pt x="228" y="69"/>
                      </a:lnTo>
                      <a:lnTo>
                        <a:pt x="209" y="81"/>
                      </a:lnTo>
                      <a:lnTo>
                        <a:pt x="190" y="94"/>
                      </a:lnTo>
                      <a:lnTo>
                        <a:pt x="173" y="109"/>
                      </a:lnTo>
                      <a:lnTo>
                        <a:pt x="156" y="123"/>
                      </a:lnTo>
                      <a:lnTo>
                        <a:pt x="139" y="139"/>
                      </a:lnTo>
                      <a:lnTo>
                        <a:pt x="123" y="155"/>
                      </a:lnTo>
                      <a:lnTo>
                        <a:pt x="108" y="173"/>
                      </a:lnTo>
                      <a:lnTo>
                        <a:pt x="95" y="190"/>
                      </a:lnTo>
                      <a:lnTo>
                        <a:pt x="81" y="209"/>
                      </a:lnTo>
                      <a:lnTo>
                        <a:pt x="68" y="228"/>
                      </a:lnTo>
                      <a:lnTo>
                        <a:pt x="57" y="248"/>
                      </a:lnTo>
                      <a:lnTo>
                        <a:pt x="47" y="268"/>
                      </a:lnTo>
                      <a:lnTo>
                        <a:pt x="38" y="289"/>
                      </a:lnTo>
                      <a:lnTo>
                        <a:pt x="28" y="311"/>
                      </a:lnTo>
                      <a:lnTo>
                        <a:pt x="21" y="333"/>
                      </a:lnTo>
                      <a:lnTo>
                        <a:pt x="15" y="355"/>
                      </a:lnTo>
                      <a:lnTo>
                        <a:pt x="9" y="379"/>
                      </a:lnTo>
                      <a:lnTo>
                        <a:pt x="5" y="401"/>
                      </a:lnTo>
                      <a:lnTo>
                        <a:pt x="2" y="425"/>
                      </a:lnTo>
                      <a:lnTo>
                        <a:pt x="1" y="449"/>
                      </a:lnTo>
                      <a:lnTo>
                        <a:pt x="0" y="473"/>
                      </a:lnTo>
                      <a:lnTo>
                        <a:pt x="0" y="1978"/>
                      </a:lnTo>
                      <a:lnTo>
                        <a:pt x="1" y="2003"/>
                      </a:lnTo>
                      <a:lnTo>
                        <a:pt x="2" y="2026"/>
                      </a:lnTo>
                      <a:lnTo>
                        <a:pt x="5" y="2051"/>
                      </a:lnTo>
                      <a:lnTo>
                        <a:pt x="9" y="2073"/>
                      </a:lnTo>
                      <a:lnTo>
                        <a:pt x="15" y="2096"/>
                      </a:lnTo>
                      <a:lnTo>
                        <a:pt x="21" y="2119"/>
                      </a:lnTo>
                      <a:lnTo>
                        <a:pt x="28" y="2141"/>
                      </a:lnTo>
                      <a:lnTo>
                        <a:pt x="38" y="2163"/>
                      </a:lnTo>
                      <a:lnTo>
                        <a:pt x="47" y="2183"/>
                      </a:lnTo>
                      <a:lnTo>
                        <a:pt x="57" y="2203"/>
                      </a:lnTo>
                      <a:lnTo>
                        <a:pt x="68" y="2224"/>
                      </a:lnTo>
                      <a:lnTo>
                        <a:pt x="81" y="2243"/>
                      </a:lnTo>
                      <a:lnTo>
                        <a:pt x="95" y="2261"/>
                      </a:lnTo>
                      <a:lnTo>
                        <a:pt x="108" y="2279"/>
                      </a:lnTo>
                      <a:lnTo>
                        <a:pt x="123" y="2296"/>
                      </a:lnTo>
                      <a:lnTo>
                        <a:pt x="139" y="2312"/>
                      </a:lnTo>
                      <a:lnTo>
                        <a:pt x="156" y="2329"/>
                      </a:lnTo>
                      <a:lnTo>
                        <a:pt x="173" y="2344"/>
                      </a:lnTo>
                      <a:lnTo>
                        <a:pt x="190" y="2357"/>
                      </a:lnTo>
                      <a:lnTo>
                        <a:pt x="209" y="2370"/>
                      </a:lnTo>
                      <a:lnTo>
                        <a:pt x="228" y="2384"/>
                      </a:lnTo>
                      <a:lnTo>
                        <a:pt x="248" y="2395"/>
                      </a:lnTo>
                      <a:lnTo>
                        <a:pt x="269" y="2405"/>
                      </a:lnTo>
                      <a:lnTo>
                        <a:pt x="289" y="2414"/>
                      </a:lnTo>
                      <a:lnTo>
                        <a:pt x="310" y="2423"/>
                      </a:lnTo>
                      <a:lnTo>
                        <a:pt x="333" y="2431"/>
                      </a:lnTo>
                      <a:lnTo>
                        <a:pt x="355" y="2437"/>
                      </a:lnTo>
                      <a:lnTo>
                        <a:pt x="378" y="2443"/>
                      </a:lnTo>
                      <a:lnTo>
                        <a:pt x="401" y="2447"/>
                      </a:lnTo>
                      <a:lnTo>
                        <a:pt x="425" y="2450"/>
                      </a:lnTo>
                      <a:lnTo>
                        <a:pt x="449" y="2451"/>
                      </a:lnTo>
                      <a:lnTo>
                        <a:pt x="473" y="2452"/>
                      </a:lnTo>
                      <a:close/>
                      <a:moveTo>
                        <a:pt x="7582" y="1978"/>
                      </a:moveTo>
                      <a:lnTo>
                        <a:pt x="14452" y="1978"/>
                      </a:lnTo>
                      <a:lnTo>
                        <a:pt x="14467" y="1978"/>
                      </a:lnTo>
                      <a:lnTo>
                        <a:pt x="14482" y="1977"/>
                      </a:lnTo>
                      <a:lnTo>
                        <a:pt x="14497" y="1975"/>
                      </a:lnTo>
                      <a:lnTo>
                        <a:pt x="14511" y="1972"/>
                      </a:lnTo>
                      <a:lnTo>
                        <a:pt x="14525" y="1969"/>
                      </a:lnTo>
                      <a:lnTo>
                        <a:pt x="14539" y="1965"/>
                      </a:lnTo>
                      <a:lnTo>
                        <a:pt x="14553" y="1961"/>
                      </a:lnTo>
                      <a:lnTo>
                        <a:pt x="14566" y="1955"/>
                      </a:lnTo>
                      <a:lnTo>
                        <a:pt x="14578" y="1950"/>
                      </a:lnTo>
                      <a:lnTo>
                        <a:pt x="14592" y="1943"/>
                      </a:lnTo>
                      <a:lnTo>
                        <a:pt x="14604" y="1935"/>
                      </a:lnTo>
                      <a:lnTo>
                        <a:pt x="14616" y="1928"/>
                      </a:lnTo>
                      <a:lnTo>
                        <a:pt x="14627" y="1920"/>
                      </a:lnTo>
                      <a:lnTo>
                        <a:pt x="14638" y="1911"/>
                      </a:lnTo>
                      <a:lnTo>
                        <a:pt x="14649" y="1902"/>
                      </a:lnTo>
                      <a:lnTo>
                        <a:pt x="14659" y="1893"/>
                      </a:lnTo>
                      <a:lnTo>
                        <a:pt x="14669" y="1882"/>
                      </a:lnTo>
                      <a:lnTo>
                        <a:pt x="14678" y="1871"/>
                      </a:lnTo>
                      <a:lnTo>
                        <a:pt x="14686" y="1860"/>
                      </a:lnTo>
                      <a:lnTo>
                        <a:pt x="14694" y="1849"/>
                      </a:lnTo>
                      <a:lnTo>
                        <a:pt x="14702" y="1837"/>
                      </a:lnTo>
                      <a:lnTo>
                        <a:pt x="14710" y="1824"/>
                      </a:lnTo>
                      <a:lnTo>
                        <a:pt x="14716" y="1812"/>
                      </a:lnTo>
                      <a:lnTo>
                        <a:pt x="14722" y="1799"/>
                      </a:lnTo>
                      <a:lnTo>
                        <a:pt x="14727" y="1786"/>
                      </a:lnTo>
                      <a:lnTo>
                        <a:pt x="14732" y="1772"/>
                      </a:lnTo>
                      <a:lnTo>
                        <a:pt x="14736" y="1758"/>
                      </a:lnTo>
                      <a:lnTo>
                        <a:pt x="14739" y="1744"/>
                      </a:lnTo>
                      <a:lnTo>
                        <a:pt x="14741" y="1730"/>
                      </a:lnTo>
                      <a:lnTo>
                        <a:pt x="14743" y="1715"/>
                      </a:lnTo>
                      <a:lnTo>
                        <a:pt x="14744" y="1700"/>
                      </a:lnTo>
                      <a:lnTo>
                        <a:pt x="14745" y="1685"/>
                      </a:lnTo>
                      <a:lnTo>
                        <a:pt x="14745" y="753"/>
                      </a:lnTo>
                      <a:lnTo>
                        <a:pt x="14744" y="739"/>
                      </a:lnTo>
                      <a:lnTo>
                        <a:pt x="14743" y="724"/>
                      </a:lnTo>
                      <a:lnTo>
                        <a:pt x="14741" y="710"/>
                      </a:lnTo>
                      <a:lnTo>
                        <a:pt x="14739" y="695"/>
                      </a:lnTo>
                      <a:lnTo>
                        <a:pt x="14736" y="681"/>
                      </a:lnTo>
                      <a:lnTo>
                        <a:pt x="14732" y="667"/>
                      </a:lnTo>
                      <a:lnTo>
                        <a:pt x="14727" y="654"/>
                      </a:lnTo>
                      <a:lnTo>
                        <a:pt x="14722" y="640"/>
                      </a:lnTo>
                      <a:lnTo>
                        <a:pt x="14716" y="627"/>
                      </a:lnTo>
                      <a:lnTo>
                        <a:pt x="14710" y="614"/>
                      </a:lnTo>
                      <a:lnTo>
                        <a:pt x="14702" y="602"/>
                      </a:lnTo>
                      <a:lnTo>
                        <a:pt x="14694" y="590"/>
                      </a:lnTo>
                      <a:lnTo>
                        <a:pt x="14686" y="579"/>
                      </a:lnTo>
                      <a:lnTo>
                        <a:pt x="14678" y="568"/>
                      </a:lnTo>
                      <a:lnTo>
                        <a:pt x="14669" y="557"/>
                      </a:lnTo>
                      <a:lnTo>
                        <a:pt x="14659" y="547"/>
                      </a:lnTo>
                      <a:lnTo>
                        <a:pt x="14649" y="537"/>
                      </a:lnTo>
                      <a:lnTo>
                        <a:pt x="14638" y="528"/>
                      </a:lnTo>
                      <a:lnTo>
                        <a:pt x="14627" y="519"/>
                      </a:lnTo>
                      <a:lnTo>
                        <a:pt x="14616" y="511"/>
                      </a:lnTo>
                      <a:lnTo>
                        <a:pt x="14604" y="503"/>
                      </a:lnTo>
                      <a:lnTo>
                        <a:pt x="14592" y="496"/>
                      </a:lnTo>
                      <a:lnTo>
                        <a:pt x="14578" y="490"/>
                      </a:lnTo>
                      <a:lnTo>
                        <a:pt x="14566" y="483"/>
                      </a:lnTo>
                      <a:lnTo>
                        <a:pt x="14553" y="478"/>
                      </a:lnTo>
                      <a:lnTo>
                        <a:pt x="14539" y="474"/>
                      </a:lnTo>
                      <a:lnTo>
                        <a:pt x="14525" y="470"/>
                      </a:lnTo>
                      <a:lnTo>
                        <a:pt x="14511" y="466"/>
                      </a:lnTo>
                      <a:lnTo>
                        <a:pt x="14497" y="464"/>
                      </a:lnTo>
                      <a:lnTo>
                        <a:pt x="14482" y="462"/>
                      </a:lnTo>
                      <a:lnTo>
                        <a:pt x="14467" y="461"/>
                      </a:lnTo>
                      <a:lnTo>
                        <a:pt x="14452" y="461"/>
                      </a:lnTo>
                      <a:lnTo>
                        <a:pt x="7582" y="461"/>
                      </a:lnTo>
                      <a:lnTo>
                        <a:pt x="7567" y="461"/>
                      </a:lnTo>
                      <a:lnTo>
                        <a:pt x="7552" y="462"/>
                      </a:lnTo>
                      <a:lnTo>
                        <a:pt x="7537" y="464"/>
                      </a:lnTo>
                      <a:lnTo>
                        <a:pt x="7523" y="466"/>
                      </a:lnTo>
                      <a:lnTo>
                        <a:pt x="7509" y="470"/>
                      </a:lnTo>
                      <a:lnTo>
                        <a:pt x="7495" y="474"/>
                      </a:lnTo>
                      <a:lnTo>
                        <a:pt x="7481" y="478"/>
                      </a:lnTo>
                      <a:lnTo>
                        <a:pt x="7468" y="483"/>
                      </a:lnTo>
                      <a:lnTo>
                        <a:pt x="7455" y="490"/>
                      </a:lnTo>
                      <a:lnTo>
                        <a:pt x="7443" y="496"/>
                      </a:lnTo>
                      <a:lnTo>
                        <a:pt x="7431" y="503"/>
                      </a:lnTo>
                      <a:lnTo>
                        <a:pt x="7418" y="511"/>
                      </a:lnTo>
                      <a:lnTo>
                        <a:pt x="7407" y="519"/>
                      </a:lnTo>
                      <a:lnTo>
                        <a:pt x="7396" y="527"/>
                      </a:lnTo>
                      <a:lnTo>
                        <a:pt x="7385" y="537"/>
                      </a:lnTo>
                      <a:lnTo>
                        <a:pt x="7375" y="547"/>
                      </a:lnTo>
                      <a:lnTo>
                        <a:pt x="7365" y="557"/>
                      </a:lnTo>
                      <a:lnTo>
                        <a:pt x="7356" y="568"/>
                      </a:lnTo>
                      <a:lnTo>
                        <a:pt x="7347" y="579"/>
                      </a:lnTo>
                      <a:lnTo>
                        <a:pt x="7339" y="590"/>
                      </a:lnTo>
                      <a:lnTo>
                        <a:pt x="7332" y="602"/>
                      </a:lnTo>
                      <a:lnTo>
                        <a:pt x="7325" y="614"/>
                      </a:lnTo>
                      <a:lnTo>
                        <a:pt x="7318" y="627"/>
                      </a:lnTo>
                      <a:lnTo>
                        <a:pt x="7312" y="640"/>
                      </a:lnTo>
                      <a:lnTo>
                        <a:pt x="7306" y="654"/>
                      </a:lnTo>
                      <a:lnTo>
                        <a:pt x="7302" y="667"/>
                      </a:lnTo>
                      <a:lnTo>
                        <a:pt x="7298" y="681"/>
                      </a:lnTo>
                      <a:lnTo>
                        <a:pt x="7295" y="695"/>
                      </a:lnTo>
                      <a:lnTo>
                        <a:pt x="7292" y="710"/>
                      </a:lnTo>
                      <a:lnTo>
                        <a:pt x="7290" y="724"/>
                      </a:lnTo>
                      <a:lnTo>
                        <a:pt x="7289" y="739"/>
                      </a:lnTo>
                      <a:lnTo>
                        <a:pt x="7289" y="753"/>
                      </a:lnTo>
                      <a:lnTo>
                        <a:pt x="7289" y="1685"/>
                      </a:lnTo>
                      <a:lnTo>
                        <a:pt x="7289" y="1700"/>
                      </a:lnTo>
                      <a:lnTo>
                        <a:pt x="7290" y="1715"/>
                      </a:lnTo>
                      <a:lnTo>
                        <a:pt x="7292" y="1730"/>
                      </a:lnTo>
                      <a:lnTo>
                        <a:pt x="7295" y="1744"/>
                      </a:lnTo>
                      <a:lnTo>
                        <a:pt x="7298" y="1758"/>
                      </a:lnTo>
                      <a:lnTo>
                        <a:pt x="7302" y="1772"/>
                      </a:lnTo>
                      <a:lnTo>
                        <a:pt x="7306" y="1786"/>
                      </a:lnTo>
                      <a:lnTo>
                        <a:pt x="7312" y="1799"/>
                      </a:lnTo>
                      <a:lnTo>
                        <a:pt x="7318" y="1812"/>
                      </a:lnTo>
                      <a:lnTo>
                        <a:pt x="7325" y="1824"/>
                      </a:lnTo>
                      <a:lnTo>
                        <a:pt x="7332" y="1837"/>
                      </a:lnTo>
                      <a:lnTo>
                        <a:pt x="7339" y="1849"/>
                      </a:lnTo>
                      <a:lnTo>
                        <a:pt x="7347" y="1860"/>
                      </a:lnTo>
                      <a:lnTo>
                        <a:pt x="7356" y="1871"/>
                      </a:lnTo>
                      <a:lnTo>
                        <a:pt x="7365" y="1882"/>
                      </a:lnTo>
                      <a:lnTo>
                        <a:pt x="7375" y="1893"/>
                      </a:lnTo>
                      <a:lnTo>
                        <a:pt x="7385" y="1902"/>
                      </a:lnTo>
                      <a:lnTo>
                        <a:pt x="7396" y="1911"/>
                      </a:lnTo>
                      <a:lnTo>
                        <a:pt x="7407" y="1920"/>
                      </a:lnTo>
                      <a:lnTo>
                        <a:pt x="7418" y="1928"/>
                      </a:lnTo>
                      <a:lnTo>
                        <a:pt x="7431" y="1935"/>
                      </a:lnTo>
                      <a:lnTo>
                        <a:pt x="7443" y="1943"/>
                      </a:lnTo>
                      <a:lnTo>
                        <a:pt x="7455" y="1950"/>
                      </a:lnTo>
                      <a:lnTo>
                        <a:pt x="7468" y="1955"/>
                      </a:lnTo>
                      <a:lnTo>
                        <a:pt x="7481" y="1961"/>
                      </a:lnTo>
                      <a:lnTo>
                        <a:pt x="7495" y="1965"/>
                      </a:lnTo>
                      <a:lnTo>
                        <a:pt x="7509" y="1969"/>
                      </a:lnTo>
                      <a:lnTo>
                        <a:pt x="7523" y="1972"/>
                      </a:lnTo>
                      <a:lnTo>
                        <a:pt x="7537" y="1975"/>
                      </a:lnTo>
                      <a:lnTo>
                        <a:pt x="7552" y="1977"/>
                      </a:lnTo>
                      <a:lnTo>
                        <a:pt x="7567" y="1978"/>
                      </a:lnTo>
                      <a:lnTo>
                        <a:pt x="7582" y="1978"/>
                      </a:lnTo>
                      <a:close/>
                      <a:moveTo>
                        <a:pt x="2937" y="1794"/>
                      </a:moveTo>
                      <a:lnTo>
                        <a:pt x="2967" y="1793"/>
                      </a:lnTo>
                      <a:lnTo>
                        <a:pt x="2999" y="1791"/>
                      </a:lnTo>
                      <a:lnTo>
                        <a:pt x="3029" y="1787"/>
                      </a:lnTo>
                      <a:lnTo>
                        <a:pt x="3059" y="1782"/>
                      </a:lnTo>
                      <a:lnTo>
                        <a:pt x="3088" y="1774"/>
                      </a:lnTo>
                      <a:lnTo>
                        <a:pt x="3118" y="1766"/>
                      </a:lnTo>
                      <a:lnTo>
                        <a:pt x="3146" y="1756"/>
                      </a:lnTo>
                      <a:lnTo>
                        <a:pt x="3174" y="1746"/>
                      </a:lnTo>
                      <a:lnTo>
                        <a:pt x="3200" y="1734"/>
                      </a:lnTo>
                      <a:lnTo>
                        <a:pt x="3227" y="1719"/>
                      </a:lnTo>
                      <a:lnTo>
                        <a:pt x="3252" y="1705"/>
                      </a:lnTo>
                      <a:lnTo>
                        <a:pt x="3277" y="1689"/>
                      </a:lnTo>
                      <a:lnTo>
                        <a:pt x="3301" y="1672"/>
                      </a:lnTo>
                      <a:lnTo>
                        <a:pt x="3324" y="1654"/>
                      </a:lnTo>
                      <a:lnTo>
                        <a:pt x="3347" y="1635"/>
                      </a:lnTo>
                      <a:lnTo>
                        <a:pt x="3368" y="1614"/>
                      </a:lnTo>
                      <a:lnTo>
                        <a:pt x="3388" y="1593"/>
                      </a:lnTo>
                      <a:lnTo>
                        <a:pt x="3408" y="1571"/>
                      </a:lnTo>
                      <a:lnTo>
                        <a:pt x="3425" y="1547"/>
                      </a:lnTo>
                      <a:lnTo>
                        <a:pt x="3442" y="1524"/>
                      </a:lnTo>
                      <a:lnTo>
                        <a:pt x="3458" y="1498"/>
                      </a:lnTo>
                      <a:lnTo>
                        <a:pt x="3473" y="1473"/>
                      </a:lnTo>
                      <a:lnTo>
                        <a:pt x="3487" y="1446"/>
                      </a:lnTo>
                      <a:lnTo>
                        <a:pt x="3499" y="1420"/>
                      </a:lnTo>
                      <a:lnTo>
                        <a:pt x="3509" y="1392"/>
                      </a:lnTo>
                      <a:lnTo>
                        <a:pt x="3519" y="1364"/>
                      </a:lnTo>
                      <a:lnTo>
                        <a:pt x="3528" y="1334"/>
                      </a:lnTo>
                      <a:lnTo>
                        <a:pt x="3535" y="1305"/>
                      </a:lnTo>
                      <a:lnTo>
                        <a:pt x="3540" y="1275"/>
                      </a:lnTo>
                      <a:lnTo>
                        <a:pt x="3544" y="1245"/>
                      </a:lnTo>
                      <a:lnTo>
                        <a:pt x="3546" y="1213"/>
                      </a:lnTo>
                      <a:lnTo>
                        <a:pt x="3547" y="1181"/>
                      </a:lnTo>
                      <a:lnTo>
                        <a:pt x="3546" y="1150"/>
                      </a:lnTo>
                      <a:lnTo>
                        <a:pt x="3544" y="1119"/>
                      </a:lnTo>
                      <a:lnTo>
                        <a:pt x="3540" y="1089"/>
                      </a:lnTo>
                      <a:lnTo>
                        <a:pt x="3535" y="1059"/>
                      </a:lnTo>
                      <a:lnTo>
                        <a:pt x="3528" y="1030"/>
                      </a:lnTo>
                      <a:lnTo>
                        <a:pt x="3519" y="1000"/>
                      </a:lnTo>
                      <a:lnTo>
                        <a:pt x="3509" y="972"/>
                      </a:lnTo>
                      <a:lnTo>
                        <a:pt x="3499" y="944"/>
                      </a:lnTo>
                      <a:lnTo>
                        <a:pt x="3487" y="917"/>
                      </a:lnTo>
                      <a:lnTo>
                        <a:pt x="3473" y="890"/>
                      </a:lnTo>
                      <a:lnTo>
                        <a:pt x="3458" y="865"/>
                      </a:lnTo>
                      <a:lnTo>
                        <a:pt x="3442" y="840"/>
                      </a:lnTo>
                      <a:lnTo>
                        <a:pt x="3425" y="816"/>
                      </a:lnTo>
                      <a:lnTo>
                        <a:pt x="3408" y="793"/>
                      </a:lnTo>
                      <a:lnTo>
                        <a:pt x="3388" y="771"/>
                      </a:lnTo>
                      <a:lnTo>
                        <a:pt x="3368" y="749"/>
                      </a:lnTo>
                      <a:lnTo>
                        <a:pt x="3347" y="729"/>
                      </a:lnTo>
                      <a:lnTo>
                        <a:pt x="3324" y="710"/>
                      </a:lnTo>
                      <a:lnTo>
                        <a:pt x="3301" y="691"/>
                      </a:lnTo>
                      <a:lnTo>
                        <a:pt x="3277" y="675"/>
                      </a:lnTo>
                      <a:lnTo>
                        <a:pt x="3252" y="659"/>
                      </a:lnTo>
                      <a:lnTo>
                        <a:pt x="3227" y="643"/>
                      </a:lnTo>
                      <a:lnTo>
                        <a:pt x="3200" y="630"/>
                      </a:lnTo>
                      <a:lnTo>
                        <a:pt x="3174" y="618"/>
                      </a:lnTo>
                      <a:lnTo>
                        <a:pt x="3146" y="607"/>
                      </a:lnTo>
                      <a:lnTo>
                        <a:pt x="3118" y="598"/>
                      </a:lnTo>
                      <a:lnTo>
                        <a:pt x="3088" y="589"/>
                      </a:lnTo>
                      <a:lnTo>
                        <a:pt x="3059" y="582"/>
                      </a:lnTo>
                      <a:lnTo>
                        <a:pt x="3029" y="577"/>
                      </a:lnTo>
                      <a:lnTo>
                        <a:pt x="2999" y="573"/>
                      </a:lnTo>
                      <a:lnTo>
                        <a:pt x="2967" y="570"/>
                      </a:lnTo>
                      <a:lnTo>
                        <a:pt x="2937" y="570"/>
                      </a:lnTo>
                      <a:lnTo>
                        <a:pt x="2905" y="570"/>
                      </a:lnTo>
                      <a:lnTo>
                        <a:pt x="2874" y="573"/>
                      </a:lnTo>
                      <a:lnTo>
                        <a:pt x="2843" y="577"/>
                      </a:lnTo>
                      <a:lnTo>
                        <a:pt x="2814" y="582"/>
                      </a:lnTo>
                      <a:lnTo>
                        <a:pt x="2784" y="589"/>
                      </a:lnTo>
                      <a:lnTo>
                        <a:pt x="2755" y="598"/>
                      </a:lnTo>
                      <a:lnTo>
                        <a:pt x="2726" y="607"/>
                      </a:lnTo>
                      <a:lnTo>
                        <a:pt x="2699" y="618"/>
                      </a:lnTo>
                      <a:lnTo>
                        <a:pt x="2671" y="630"/>
                      </a:lnTo>
                      <a:lnTo>
                        <a:pt x="2646" y="643"/>
                      </a:lnTo>
                      <a:lnTo>
                        <a:pt x="2619" y="659"/>
                      </a:lnTo>
                      <a:lnTo>
                        <a:pt x="2595" y="675"/>
                      </a:lnTo>
                      <a:lnTo>
                        <a:pt x="2570" y="691"/>
                      </a:lnTo>
                      <a:lnTo>
                        <a:pt x="2548" y="710"/>
                      </a:lnTo>
                      <a:lnTo>
                        <a:pt x="2526" y="729"/>
                      </a:lnTo>
                      <a:lnTo>
                        <a:pt x="2504" y="749"/>
                      </a:lnTo>
                      <a:lnTo>
                        <a:pt x="2484" y="771"/>
                      </a:lnTo>
                      <a:lnTo>
                        <a:pt x="2465" y="793"/>
                      </a:lnTo>
                      <a:lnTo>
                        <a:pt x="2446" y="816"/>
                      </a:lnTo>
                      <a:lnTo>
                        <a:pt x="2430" y="840"/>
                      </a:lnTo>
                      <a:lnTo>
                        <a:pt x="2414" y="865"/>
                      </a:lnTo>
                      <a:lnTo>
                        <a:pt x="2399" y="890"/>
                      </a:lnTo>
                      <a:lnTo>
                        <a:pt x="2385" y="917"/>
                      </a:lnTo>
                      <a:lnTo>
                        <a:pt x="2373" y="944"/>
                      </a:lnTo>
                      <a:lnTo>
                        <a:pt x="2362" y="972"/>
                      </a:lnTo>
                      <a:lnTo>
                        <a:pt x="2353" y="1000"/>
                      </a:lnTo>
                      <a:lnTo>
                        <a:pt x="2345" y="1030"/>
                      </a:lnTo>
                      <a:lnTo>
                        <a:pt x="2337" y="1059"/>
                      </a:lnTo>
                      <a:lnTo>
                        <a:pt x="2332" y="1089"/>
                      </a:lnTo>
                      <a:lnTo>
                        <a:pt x="2328" y="1119"/>
                      </a:lnTo>
                      <a:lnTo>
                        <a:pt x="2326" y="1150"/>
                      </a:lnTo>
                      <a:lnTo>
                        <a:pt x="2325" y="1181"/>
                      </a:lnTo>
                      <a:lnTo>
                        <a:pt x="2326" y="1213"/>
                      </a:lnTo>
                      <a:lnTo>
                        <a:pt x="2328" y="1245"/>
                      </a:lnTo>
                      <a:lnTo>
                        <a:pt x="2332" y="1275"/>
                      </a:lnTo>
                      <a:lnTo>
                        <a:pt x="2337" y="1305"/>
                      </a:lnTo>
                      <a:lnTo>
                        <a:pt x="2345" y="1334"/>
                      </a:lnTo>
                      <a:lnTo>
                        <a:pt x="2353" y="1364"/>
                      </a:lnTo>
                      <a:lnTo>
                        <a:pt x="2362" y="1392"/>
                      </a:lnTo>
                      <a:lnTo>
                        <a:pt x="2373" y="1420"/>
                      </a:lnTo>
                      <a:lnTo>
                        <a:pt x="2385" y="1446"/>
                      </a:lnTo>
                      <a:lnTo>
                        <a:pt x="2399" y="1473"/>
                      </a:lnTo>
                      <a:lnTo>
                        <a:pt x="2414" y="1498"/>
                      </a:lnTo>
                      <a:lnTo>
                        <a:pt x="2430" y="1524"/>
                      </a:lnTo>
                      <a:lnTo>
                        <a:pt x="2446" y="1547"/>
                      </a:lnTo>
                      <a:lnTo>
                        <a:pt x="2465" y="1571"/>
                      </a:lnTo>
                      <a:lnTo>
                        <a:pt x="2484" y="1593"/>
                      </a:lnTo>
                      <a:lnTo>
                        <a:pt x="2504" y="1614"/>
                      </a:lnTo>
                      <a:lnTo>
                        <a:pt x="2526" y="1635"/>
                      </a:lnTo>
                      <a:lnTo>
                        <a:pt x="2548" y="1654"/>
                      </a:lnTo>
                      <a:lnTo>
                        <a:pt x="2570" y="1672"/>
                      </a:lnTo>
                      <a:lnTo>
                        <a:pt x="2595" y="1689"/>
                      </a:lnTo>
                      <a:lnTo>
                        <a:pt x="2619" y="1705"/>
                      </a:lnTo>
                      <a:lnTo>
                        <a:pt x="2646" y="1719"/>
                      </a:lnTo>
                      <a:lnTo>
                        <a:pt x="2671" y="1734"/>
                      </a:lnTo>
                      <a:lnTo>
                        <a:pt x="2699" y="1746"/>
                      </a:lnTo>
                      <a:lnTo>
                        <a:pt x="2726" y="1756"/>
                      </a:lnTo>
                      <a:lnTo>
                        <a:pt x="2755" y="1766"/>
                      </a:lnTo>
                      <a:lnTo>
                        <a:pt x="2784" y="1774"/>
                      </a:lnTo>
                      <a:lnTo>
                        <a:pt x="2814" y="1782"/>
                      </a:lnTo>
                      <a:lnTo>
                        <a:pt x="2843" y="1787"/>
                      </a:lnTo>
                      <a:lnTo>
                        <a:pt x="2874" y="1791"/>
                      </a:lnTo>
                      <a:lnTo>
                        <a:pt x="2905" y="1793"/>
                      </a:lnTo>
                      <a:lnTo>
                        <a:pt x="2937" y="179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grpSp>
        </p:grpSp>
      </p:grpSp>
      <p:grpSp>
        <p:nvGrpSpPr>
          <p:cNvPr id="16" name="组合 213"/>
          <p:cNvGrpSpPr/>
          <p:nvPr/>
        </p:nvGrpSpPr>
        <p:grpSpPr>
          <a:xfrm>
            <a:off x="12763393" y="2023350"/>
            <a:ext cx="4092732" cy="1266757"/>
            <a:chOff x="6088154" y="1025389"/>
            <a:chExt cx="2046010" cy="633183"/>
          </a:xfrm>
        </p:grpSpPr>
        <p:sp>
          <p:nvSpPr>
            <p:cNvPr id="241" name="圆角矩形 240"/>
            <p:cNvSpPr/>
            <p:nvPr/>
          </p:nvSpPr>
          <p:spPr bwMode="auto">
            <a:xfrm>
              <a:off x="6088154" y="1045081"/>
              <a:ext cx="517254" cy="507130"/>
            </a:xfrm>
            <a:prstGeom prst="roundRect">
              <a:avLst/>
            </a:prstGeom>
            <a:solidFill>
              <a:schemeClr val="bg1">
                <a:lumMod val="50000"/>
              </a:schemeClr>
            </a:solidFill>
            <a:ln w="12700">
              <a:noFill/>
            </a:ln>
            <a:effectLst/>
          </p:spPr>
          <p:txBody>
            <a:bodyPr lIns="68544" tIns="34272" rIns="68544" bIns="34272" anchor="ctr"/>
            <a:lstStyle/>
            <a:p>
              <a:pPr algn="ctr" fontAlgn="auto">
                <a:lnSpc>
                  <a:spcPct val="120000"/>
                </a:lnSpc>
                <a:spcBef>
                  <a:spcPts val="0"/>
                </a:spcBef>
                <a:spcAft>
                  <a:spcPts val="0"/>
                </a:spcAft>
              </a:pPr>
              <a:endParaRPr lang="en-US" altLang="zh-CN" b="1" kern="0" dirty="0">
                <a:solidFill>
                  <a:schemeClr val="bg1">
                    <a:lumMod val="75000"/>
                  </a:schemeClr>
                </a:solidFill>
                <a:latin typeface="Arial" pitchFamily="34" charset="0"/>
                <a:ea typeface="华文细黑" pitchFamily="2" charset="-122"/>
                <a:cs typeface="Arial" pitchFamily="34" charset="0"/>
              </a:endParaRPr>
            </a:p>
          </p:txBody>
        </p:sp>
        <p:sp>
          <p:nvSpPr>
            <p:cNvPr id="223" name="Content Placeholder 3"/>
            <p:cNvSpPr txBox="1">
              <a:spLocks/>
            </p:cNvSpPr>
            <p:nvPr/>
          </p:nvSpPr>
          <p:spPr>
            <a:xfrm>
              <a:off x="6647707" y="1025389"/>
              <a:ext cx="1486457" cy="469196"/>
            </a:xfrm>
            <a:prstGeom prst="rect">
              <a:avLst/>
            </a:prstGeom>
          </p:spPr>
          <p:txBody>
            <a:bodyPr wrap="square" lIns="68544" tIns="34272" rIns="68544" bIns="34272">
              <a:spAutoFit/>
            </a:bodyPr>
            <a:lstStyle/>
            <a:p>
              <a:pPr eaLnBrk="0" hangingPunct="0">
                <a:spcAft>
                  <a:spcPts val="300"/>
                </a:spcAft>
                <a:buClr>
                  <a:srgbClr val="777777"/>
                </a:buClr>
                <a:buSzPct val="60000"/>
                <a:defRPr/>
              </a:pPr>
              <a:r>
                <a:rPr lang="en-US" altLang="zh-CN" b="1" kern="0" dirty="0" smtClean="0">
                  <a:latin typeface="Arial" pitchFamily="34" charset="0"/>
                  <a:ea typeface="微软雅黑" pitchFamily="34" charset="-122"/>
                  <a:cs typeface="Arial" pitchFamily="34" charset="0"/>
                </a:rPr>
                <a:t>DC Switch:</a:t>
              </a:r>
            </a:p>
            <a:p>
              <a:r>
                <a:rPr lang="en-US" altLang="zh-CN" dirty="0" smtClean="0">
                  <a:latin typeface="Arial" pitchFamily="34" charset="0"/>
                  <a:cs typeface="Arial" pitchFamily="34" charset="0"/>
                </a:rPr>
                <a:t>Performance  </a:t>
              </a:r>
              <a:r>
                <a:rPr lang="en-US" altLang="zh-CN" kern="0" dirty="0" smtClean="0">
                  <a:solidFill>
                    <a:srgbClr val="FF0000"/>
                  </a:solidFill>
                  <a:latin typeface="Arial" pitchFamily="34" charset="0"/>
                  <a:ea typeface="微软雅黑" pitchFamily="34" charset="-122"/>
                  <a:cs typeface="Arial" pitchFamily="34" charset="0"/>
                </a:rPr>
                <a:t>No.1</a:t>
              </a:r>
            </a:p>
            <a:p>
              <a:r>
                <a:rPr lang="en-US" altLang="zh-CN" kern="0" dirty="0" smtClean="0">
                  <a:solidFill>
                    <a:srgbClr val="FF0000"/>
                  </a:solidFill>
                  <a:latin typeface="Arial" pitchFamily="34" charset="0"/>
                  <a:ea typeface="微软雅黑" pitchFamily="34" charset="-122"/>
                  <a:cs typeface="Arial" pitchFamily="34" charset="0"/>
                </a:rPr>
                <a:t>~3,000 </a:t>
              </a:r>
              <a:r>
                <a:rPr lang="en-US" altLang="zh-CN" kern="0" dirty="0" smtClean="0">
                  <a:latin typeface="Arial" pitchFamily="34" charset="0"/>
                  <a:ea typeface="微软雅黑" pitchFamily="34" charset="-122"/>
                  <a:cs typeface="Arial" pitchFamily="34" charset="0"/>
                </a:rPr>
                <a:t>Units shipped</a:t>
              </a:r>
            </a:p>
          </p:txBody>
        </p:sp>
        <p:grpSp>
          <p:nvGrpSpPr>
            <p:cNvPr id="17" name="组合 387"/>
            <p:cNvGrpSpPr/>
            <p:nvPr/>
          </p:nvGrpSpPr>
          <p:grpSpPr>
            <a:xfrm>
              <a:off x="6141345" y="1088501"/>
              <a:ext cx="402723" cy="420290"/>
              <a:chOff x="4622166" y="3061494"/>
              <a:chExt cx="489584" cy="615667"/>
            </a:xfrm>
            <a:solidFill>
              <a:schemeClr val="bg1"/>
            </a:solidFill>
          </p:grpSpPr>
          <p:grpSp>
            <p:nvGrpSpPr>
              <p:cNvPr id="18" name="组合 376"/>
              <p:cNvGrpSpPr/>
              <p:nvPr/>
            </p:nvGrpSpPr>
            <p:grpSpPr>
              <a:xfrm>
                <a:off x="4622166" y="3467100"/>
                <a:ext cx="489584" cy="210061"/>
                <a:chOff x="3298897" y="4095287"/>
                <a:chExt cx="1257750" cy="591162"/>
              </a:xfrm>
              <a:grpFill/>
            </p:grpSpPr>
            <p:sp>
              <p:nvSpPr>
                <p:cNvPr id="239" name="Freeform 13"/>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40" name="Freeform 13"/>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grpSp>
          <p:grpSp>
            <p:nvGrpSpPr>
              <p:cNvPr id="19" name="组合 379"/>
              <p:cNvGrpSpPr/>
              <p:nvPr/>
            </p:nvGrpSpPr>
            <p:grpSpPr>
              <a:xfrm>
                <a:off x="4622166" y="3263900"/>
                <a:ext cx="489584" cy="210061"/>
                <a:chOff x="3298897" y="4095287"/>
                <a:chExt cx="1257750" cy="591162"/>
              </a:xfrm>
              <a:grpFill/>
            </p:grpSpPr>
            <p:sp>
              <p:nvSpPr>
                <p:cNvPr id="237" name="Freeform 13"/>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38" name="Freeform 13"/>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grpSp>
          <p:grpSp>
            <p:nvGrpSpPr>
              <p:cNvPr id="20" name="组合 388"/>
              <p:cNvGrpSpPr/>
              <p:nvPr/>
            </p:nvGrpSpPr>
            <p:grpSpPr>
              <a:xfrm>
                <a:off x="4622166" y="3061494"/>
                <a:ext cx="489584" cy="210061"/>
                <a:chOff x="3298897" y="4095287"/>
                <a:chExt cx="1257750" cy="591162"/>
              </a:xfrm>
              <a:grpFill/>
            </p:grpSpPr>
            <p:sp>
              <p:nvSpPr>
                <p:cNvPr id="235" name="Freeform 13"/>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36" name="Freeform 13"/>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grpSp>
        </p:grpSp>
        <p:sp>
          <p:nvSpPr>
            <p:cNvPr id="267" name="Rectangle 266"/>
            <p:cNvSpPr/>
            <p:nvPr/>
          </p:nvSpPr>
          <p:spPr>
            <a:xfrm>
              <a:off x="6616868" y="1473975"/>
              <a:ext cx="964176" cy="184597"/>
            </a:xfrm>
            <a:prstGeom prst="rect">
              <a:avLst/>
            </a:prstGeom>
          </p:spPr>
          <p:txBody>
            <a:bodyPr wrap="none" lIns="91417" tIns="45708" rIns="91417" bIns="45708">
              <a:spAutoFit/>
            </a:bodyPr>
            <a:lstStyle/>
            <a:p>
              <a:pPr lvl="0"/>
              <a:r>
                <a:rPr lang="en-US" altLang="zh-CN" kern="0" dirty="0" smtClean="0">
                  <a:solidFill>
                    <a:srgbClr val="000000"/>
                  </a:solidFill>
                  <a:latin typeface="Arial" pitchFamily="34" charset="0"/>
                  <a:ea typeface="微软雅黑" pitchFamily="34" charset="-122"/>
                  <a:cs typeface="Arial" pitchFamily="34" charset="0"/>
                </a:rPr>
                <a:t>Source: </a:t>
              </a:r>
              <a:r>
                <a:rPr lang="en-US" altLang="zh-CN" kern="0" dirty="0" err="1" smtClean="0">
                  <a:solidFill>
                    <a:srgbClr val="000000"/>
                  </a:solidFill>
                  <a:latin typeface="Arial" pitchFamily="34" charset="0"/>
                  <a:ea typeface="微软雅黑" pitchFamily="34" charset="-122"/>
                  <a:cs typeface="Arial" pitchFamily="34" charset="0"/>
                </a:rPr>
                <a:t>Miercom</a:t>
              </a:r>
              <a:endParaRPr lang="en-US" altLang="zh-CN" kern="0" dirty="0" smtClean="0">
                <a:solidFill>
                  <a:srgbClr val="000000"/>
                </a:solidFill>
                <a:latin typeface="Arial" pitchFamily="34" charset="0"/>
                <a:ea typeface="微软雅黑" pitchFamily="34" charset="-122"/>
                <a:cs typeface="Arial" pitchFamily="34" charset="0"/>
              </a:endParaRPr>
            </a:p>
          </p:txBody>
        </p:sp>
      </p:grpSp>
      <p:grpSp>
        <p:nvGrpSpPr>
          <p:cNvPr id="21" name="组合 215"/>
          <p:cNvGrpSpPr/>
          <p:nvPr/>
        </p:nvGrpSpPr>
        <p:grpSpPr>
          <a:xfrm>
            <a:off x="4028473" y="1998926"/>
            <a:ext cx="3904762" cy="1263816"/>
            <a:chOff x="2407307" y="988520"/>
            <a:chExt cx="1791453" cy="631713"/>
          </a:xfrm>
        </p:grpSpPr>
        <p:sp>
          <p:nvSpPr>
            <p:cNvPr id="694" name="Content Placeholder 3"/>
            <p:cNvSpPr txBox="1">
              <a:spLocks/>
            </p:cNvSpPr>
            <p:nvPr/>
          </p:nvSpPr>
          <p:spPr>
            <a:xfrm>
              <a:off x="2929235" y="988520"/>
              <a:ext cx="1269525" cy="485973"/>
            </a:xfrm>
            <a:prstGeom prst="rect">
              <a:avLst/>
            </a:prstGeom>
          </p:spPr>
          <p:txBody>
            <a:bodyPr lIns="68544" tIns="34272" rIns="68544" bIns="34272"/>
            <a:lstStyle/>
            <a:p>
              <a:pPr eaLnBrk="0" hangingPunct="0">
                <a:spcAft>
                  <a:spcPts val="400"/>
                </a:spcAft>
                <a:buClr>
                  <a:srgbClr val="777777"/>
                </a:buClr>
                <a:buSzPct val="60000"/>
                <a:defRPr/>
              </a:pPr>
              <a:r>
                <a:rPr lang="en-US" altLang="zh-CN" b="1" kern="0" dirty="0" smtClean="0">
                  <a:latin typeface="Arial" pitchFamily="34" charset="0"/>
                  <a:ea typeface="微软雅黑" pitchFamily="34" charset="-122"/>
                  <a:cs typeface="Arial" pitchFamily="34" charset="0"/>
                </a:rPr>
                <a:t>Enterprise router:</a:t>
              </a:r>
            </a:p>
            <a:p>
              <a:pPr eaLnBrk="0" hangingPunct="0">
                <a:spcAft>
                  <a:spcPts val="400"/>
                </a:spcAft>
                <a:buClr>
                  <a:srgbClr val="777777"/>
                </a:buClr>
                <a:buSzPct val="60000"/>
                <a:defRPr/>
              </a:pPr>
              <a:r>
                <a:rPr lang="en-US" altLang="zh-CN" kern="0" dirty="0" smtClean="0">
                  <a:solidFill>
                    <a:srgbClr val="FF0000"/>
                  </a:solidFill>
                  <a:latin typeface="Arial" pitchFamily="34" charset="0"/>
                  <a:ea typeface="微软雅黑" pitchFamily="34" charset="-122"/>
                  <a:cs typeface="Arial" pitchFamily="34" charset="0"/>
                </a:rPr>
                <a:t>100K</a:t>
              </a:r>
              <a:r>
                <a:rPr lang="en-US" altLang="zh-CN" kern="0" dirty="0" smtClean="0">
                  <a:solidFill>
                    <a:srgbClr val="000000">
                      <a:lumMod val="75000"/>
                      <a:lumOff val="25000"/>
                    </a:srgbClr>
                  </a:solidFill>
                  <a:latin typeface="Arial" pitchFamily="34" charset="0"/>
                  <a:ea typeface="微软雅黑" pitchFamily="34" charset="-122"/>
                  <a:cs typeface="Arial" pitchFamily="34" charset="0"/>
                </a:rPr>
                <a:t> Units, </a:t>
              </a:r>
              <a:r>
                <a:rPr lang="en-US" altLang="zh-CN" kern="0" dirty="0" smtClean="0">
                  <a:solidFill>
                    <a:srgbClr val="FF0000"/>
                  </a:solidFill>
                  <a:latin typeface="Arial" pitchFamily="34" charset="0"/>
                  <a:ea typeface="微软雅黑" pitchFamily="34" charset="-122"/>
                  <a:cs typeface="Arial" pitchFamily="34" charset="0"/>
                </a:rPr>
                <a:t>109% </a:t>
              </a:r>
              <a:r>
                <a:rPr lang="en-US" altLang="zh-CN" kern="0" dirty="0" err="1" smtClean="0">
                  <a:solidFill>
                    <a:srgbClr val="000000">
                      <a:lumMod val="75000"/>
                      <a:lumOff val="25000"/>
                    </a:srgbClr>
                  </a:solidFill>
                  <a:latin typeface="Arial" pitchFamily="34" charset="0"/>
                  <a:ea typeface="微软雅黑" pitchFamily="34" charset="-122"/>
                  <a:cs typeface="Arial" pitchFamily="34" charset="0"/>
                </a:rPr>
                <a:t>YoY</a:t>
              </a: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eaLnBrk="0" hangingPunct="0">
                <a:spcAft>
                  <a:spcPts val="400"/>
                </a:spcAft>
                <a:buClr>
                  <a:srgbClr val="777777"/>
                </a:buClr>
                <a:buSzPct val="60000"/>
                <a:defRPr/>
              </a:pPr>
              <a:r>
                <a:rPr lang="en-US" altLang="zh-CN" kern="0" dirty="0" err="1" smtClean="0">
                  <a:latin typeface="Arial" pitchFamily="34" charset="0"/>
                  <a:ea typeface="微软雅黑" pitchFamily="34" charset="-122"/>
                  <a:cs typeface="Arial" pitchFamily="34" charset="0"/>
                </a:rPr>
                <a:t>Ranking.</a:t>
              </a:r>
              <a:r>
                <a:rPr lang="en-US" altLang="zh-CN" kern="0" dirty="0" err="1" smtClean="0">
                  <a:solidFill>
                    <a:srgbClr val="FF0000"/>
                  </a:solidFill>
                  <a:latin typeface="Arial" pitchFamily="34" charset="0"/>
                  <a:ea typeface="微软雅黑" pitchFamily="34" charset="-122"/>
                  <a:cs typeface="Arial" pitchFamily="34" charset="0"/>
                </a:rPr>
                <a:t>No</a:t>
              </a:r>
              <a:r>
                <a:rPr lang="en-US" altLang="zh-CN" kern="0" dirty="0" smtClean="0">
                  <a:solidFill>
                    <a:srgbClr val="FF0000"/>
                  </a:solidFill>
                  <a:latin typeface="Arial" pitchFamily="34" charset="0"/>
                  <a:ea typeface="微软雅黑" pitchFamily="34" charset="-122"/>
                  <a:cs typeface="Arial" pitchFamily="34" charset="0"/>
                </a:rPr>
                <a:t>. 2</a:t>
              </a:r>
            </a:p>
          </p:txBody>
        </p:sp>
        <p:grpSp>
          <p:nvGrpSpPr>
            <p:cNvPr id="22" name="组合 1190"/>
            <p:cNvGrpSpPr/>
            <p:nvPr/>
          </p:nvGrpSpPr>
          <p:grpSpPr>
            <a:xfrm>
              <a:off x="2407307" y="1056137"/>
              <a:ext cx="500968" cy="491035"/>
              <a:chOff x="10978016" y="2279590"/>
              <a:chExt cx="500968" cy="491035"/>
            </a:xfrm>
          </p:grpSpPr>
          <p:sp>
            <p:nvSpPr>
              <p:cNvPr id="1035" name="圆角矩形 1034"/>
              <p:cNvSpPr/>
              <p:nvPr/>
            </p:nvSpPr>
            <p:spPr bwMode="auto">
              <a:xfrm>
                <a:off x="10978016" y="2279590"/>
                <a:ext cx="500968" cy="491035"/>
              </a:xfrm>
              <a:prstGeom prst="roundRect">
                <a:avLst/>
              </a:prstGeom>
              <a:solidFill>
                <a:schemeClr val="bg1">
                  <a:lumMod val="50000"/>
                </a:schemeClr>
              </a:solidFill>
              <a:ln w="12700">
                <a:noFill/>
              </a:ln>
              <a:effectLst/>
            </p:spPr>
            <p:txBody>
              <a:bodyPr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sp>
            <p:nvSpPr>
              <p:cNvPr id="1034" name="Freeform 30"/>
              <p:cNvSpPr>
                <a:spLocks noEditPoints="1"/>
              </p:cNvSpPr>
              <p:nvPr/>
            </p:nvSpPr>
            <p:spPr bwMode="auto">
              <a:xfrm>
                <a:off x="11094323" y="2329180"/>
                <a:ext cx="263862" cy="343020"/>
              </a:xfrm>
              <a:custGeom>
                <a:avLst/>
                <a:gdLst/>
                <a:ahLst/>
                <a:cxnLst>
                  <a:cxn ang="0">
                    <a:pos x="0" y="248"/>
                  </a:cxn>
                  <a:cxn ang="0">
                    <a:pos x="22" y="404"/>
                  </a:cxn>
                  <a:cxn ang="0">
                    <a:pos x="194" y="468"/>
                  </a:cxn>
                  <a:cxn ang="0">
                    <a:pos x="440" y="474"/>
                  </a:cxn>
                  <a:cxn ang="0">
                    <a:pos x="656" y="404"/>
                  </a:cxn>
                  <a:cxn ang="0">
                    <a:pos x="680" y="248"/>
                  </a:cxn>
                  <a:cxn ang="0">
                    <a:pos x="660" y="238"/>
                  </a:cxn>
                  <a:cxn ang="0">
                    <a:pos x="438" y="312"/>
                  </a:cxn>
                  <a:cxn ang="0">
                    <a:pos x="196" y="304"/>
                  </a:cxn>
                  <a:cxn ang="0">
                    <a:pos x="20" y="238"/>
                  </a:cxn>
                  <a:cxn ang="0">
                    <a:pos x="56" y="364"/>
                  </a:cxn>
                  <a:cxn ang="0">
                    <a:pos x="70" y="316"/>
                  </a:cxn>
                  <a:cxn ang="0">
                    <a:pos x="94" y="336"/>
                  </a:cxn>
                  <a:cxn ang="0">
                    <a:pos x="80" y="384"/>
                  </a:cxn>
                  <a:cxn ang="0">
                    <a:pos x="412" y="270"/>
                  </a:cxn>
                  <a:cxn ang="0">
                    <a:pos x="584" y="230"/>
                  </a:cxn>
                  <a:cxn ang="0">
                    <a:pos x="674" y="162"/>
                  </a:cxn>
                  <a:cxn ang="0">
                    <a:pos x="666" y="100"/>
                  </a:cxn>
                  <a:cxn ang="0">
                    <a:pos x="562" y="34"/>
                  </a:cxn>
                  <a:cxn ang="0">
                    <a:pos x="376" y="0"/>
                  </a:cxn>
                  <a:cxn ang="0">
                    <a:pos x="202" y="12"/>
                  </a:cxn>
                  <a:cxn ang="0">
                    <a:pos x="54" y="64"/>
                  </a:cxn>
                  <a:cxn ang="0">
                    <a:pos x="0" y="138"/>
                  </a:cxn>
                  <a:cxn ang="0">
                    <a:pos x="38" y="198"/>
                  </a:cxn>
                  <a:cxn ang="0">
                    <a:pos x="172" y="256"/>
                  </a:cxn>
                  <a:cxn ang="0">
                    <a:pos x="340" y="274"/>
                  </a:cxn>
                  <a:cxn ang="0">
                    <a:pos x="2" y="470"/>
                  </a:cxn>
                  <a:cxn ang="0">
                    <a:pos x="24" y="608"/>
                  </a:cxn>
                  <a:cxn ang="0">
                    <a:pos x="196" y="670"/>
                  </a:cxn>
                  <a:cxn ang="0">
                    <a:pos x="440" y="678"/>
                  </a:cxn>
                  <a:cxn ang="0">
                    <a:pos x="654" y="608"/>
                  </a:cxn>
                  <a:cxn ang="0">
                    <a:pos x="676" y="470"/>
                  </a:cxn>
                  <a:cxn ang="0">
                    <a:pos x="654" y="456"/>
                  </a:cxn>
                  <a:cxn ang="0">
                    <a:pos x="432" y="518"/>
                  </a:cxn>
                  <a:cxn ang="0">
                    <a:pos x="204" y="512"/>
                  </a:cxn>
                  <a:cxn ang="0">
                    <a:pos x="24" y="456"/>
                  </a:cxn>
                  <a:cxn ang="0">
                    <a:pos x="58" y="566"/>
                  </a:cxn>
                  <a:cxn ang="0">
                    <a:pos x="72" y="518"/>
                  </a:cxn>
                  <a:cxn ang="0">
                    <a:pos x="96" y="538"/>
                  </a:cxn>
                  <a:cxn ang="0">
                    <a:pos x="82" y="586"/>
                  </a:cxn>
                  <a:cxn ang="0">
                    <a:pos x="12" y="660"/>
                  </a:cxn>
                  <a:cxn ang="0">
                    <a:pos x="12" y="792"/>
                  </a:cxn>
                  <a:cxn ang="0">
                    <a:pos x="116" y="852"/>
                  </a:cxn>
                  <a:cxn ang="0">
                    <a:pos x="340" y="884"/>
                  </a:cxn>
                  <a:cxn ang="0">
                    <a:pos x="598" y="840"/>
                  </a:cxn>
                  <a:cxn ang="0">
                    <a:pos x="672" y="780"/>
                  </a:cxn>
                  <a:cxn ang="0">
                    <a:pos x="660" y="658"/>
                  </a:cxn>
                  <a:cxn ang="0">
                    <a:pos x="516" y="708"/>
                  </a:cxn>
                  <a:cxn ang="0">
                    <a:pos x="292" y="724"/>
                  </a:cxn>
                  <a:cxn ang="0">
                    <a:pos x="56" y="674"/>
                  </a:cxn>
                  <a:cxn ang="0">
                    <a:pos x="70" y="784"/>
                  </a:cxn>
                  <a:cxn ang="0">
                    <a:pos x="64" y="728"/>
                  </a:cxn>
                  <a:cxn ang="0">
                    <a:pos x="86" y="720"/>
                  </a:cxn>
                  <a:cxn ang="0">
                    <a:pos x="94" y="776"/>
                  </a:cxn>
                </a:cxnLst>
                <a:rect l="0" t="0" r="r" b="b"/>
                <a:pathLst>
                  <a:path w="680" h="884">
                    <a:moveTo>
                      <a:pt x="20" y="238"/>
                    </a:moveTo>
                    <a:lnTo>
                      <a:pt x="20" y="238"/>
                    </a:lnTo>
                    <a:lnTo>
                      <a:pt x="14" y="234"/>
                    </a:lnTo>
                    <a:lnTo>
                      <a:pt x="6" y="236"/>
                    </a:lnTo>
                    <a:lnTo>
                      <a:pt x="2" y="242"/>
                    </a:lnTo>
                    <a:lnTo>
                      <a:pt x="0" y="248"/>
                    </a:lnTo>
                    <a:lnTo>
                      <a:pt x="2" y="362"/>
                    </a:lnTo>
                    <a:lnTo>
                      <a:pt x="2" y="362"/>
                    </a:lnTo>
                    <a:lnTo>
                      <a:pt x="2" y="374"/>
                    </a:lnTo>
                    <a:lnTo>
                      <a:pt x="6" y="386"/>
                    </a:lnTo>
                    <a:lnTo>
                      <a:pt x="14" y="396"/>
                    </a:lnTo>
                    <a:lnTo>
                      <a:pt x="22" y="404"/>
                    </a:lnTo>
                    <a:lnTo>
                      <a:pt x="22" y="404"/>
                    </a:lnTo>
                    <a:lnTo>
                      <a:pt x="48" y="420"/>
                    </a:lnTo>
                    <a:lnTo>
                      <a:pt x="80" y="434"/>
                    </a:lnTo>
                    <a:lnTo>
                      <a:pt x="114" y="448"/>
                    </a:lnTo>
                    <a:lnTo>
                      <a:pt x="152" y="458"/>
                    </a:lnTo>
                    <a:lnTo>
                      <a:pt x="194" y="468"/>
                    </a:lnTo>
                    <a:lnTo>
                      <a:pt x="240" y="474"/>
                    </a:lnTo>
                    <a:lnTo>
                      <a:pt x="288" y="478"/>
                    </a:lnTo>
                    <a:lnTo>
                      <a:pt x="340" y="480"/>
                    </a:lnTo>
                    <a:lnTo>
                      <a:pt x="340" y="480"/>
                    </a:lnTo>
                    <a:lnTo>
                      <a:pt x="392" y="478"/>
                    </a:lnTo>
                    <a:lnTo>
                      <a:pt x="440" y="474"/>
                    </a:lnTo>
                    <a:lnTo>
                      <a:pt x="486" y="468"/>
                    </a:lnTo>
                    <a:lnTo>
                      <a:pt x="528" y="458"/>
                    </a:lnTo>
                    <a:lnTo>
                      <a:pt x="566" y="448"/>
                    </a:lnTo>
                    <a:lnTo>
                      <a:pt x="600" y="434"/>
                    </a:lnTo>
                    <a:lnTo>
                      <a:pt x="630" y="420"/>
                    </a:lnTo>
                    <a:lnTo>
                      <a:pt x="656" y="404"/>
                    </a:lnTo>
                    <a:lnTo>
                      <a:pt x="656" y="404"/>
                    </a:lnTo>
                    <a:lnTo>
                      <a:pt x="666" y="396"/>
                    </a:lnTo>
                    <a:lnTo>
                      <a:pt x="672" y="386"/>
                    </a:lnTo>
                    <a:lnTo>
                      <a:pt x="676" y="374"/>
                    </a:lnTo>
                    <a:lnTo>
                      <a:pt x="678" y="362"/>
                    </a:lnTo>
                    <a:lnTo>
                      <a:pt x="680" y="248"/>
                    </a:lnTo>
                    <a:lnTo>
                      <a:pt x="680" y="248"/>
                    </a:lnTo>
                    <a:lnTo>
                      <a:pt x="678" y="242"/>
                    </a:lnTo>
                    <a:lnTo>
                      <a:pt x="672" y="236"/>
                    </a:lnTo>
                    <a:lnTo>
                      <a:pt x="666" y="234"/>
                    </a:lnTo>
                    <a:lnTo>
                      <a:pt x="660" y="238"/>
                    </a:lnTo>
                    <a:lnTo>
                      <a:pt x="660" y="238"/>
                    </a:lnTo>
                    <a:lnTo>
                      <a:pt x="632" y="254"/>
                    </a:lnTo>
                    <a:lnTo>
                      <a:pt x="600" y="270"/>
                    </a:lnTo>
                    <a:lnTo>
                      <a:pt x="564" y="284"/>
                    </a:lnTo>
                    <a:lnTo>
                      <a:pt x="526" y="296"/>
                    </a:lnTo>
                    <a:lnTo>
                      <a:pt x="482" y="304"/>
                    </a:lnTo>
                    <a:lnTo>
                      <a:pt x="438" y="312"/>
                    </a:lnTo>
                    <a:lnTo>
                      <a:pt x="390" y="316"/>
                    </a:lnTo>
                    <a:lnTo>
                      <a:pt x="340" y="318"/>
                    </a:lnTo>
                    <a:lnTo>
                      <a:pt x="340" y="318"/>
                    </a:lnTo>
                    <a:lnTo>
                      <a:pt x="290" y="316"/>
                    </a:lnTo>
                    <a:lnTo>
                      <a:pt x="242" y="312"/>
                    </a:lnTo>
                    <a:lnTo>
                      <a:pt x="196" y="304"/>
                    </a:lnTo>
                    <a:lnTo>
                      <a:pt x="154" y="296"/>
                    </a:lnTo>
                    <a:lnTo>
                      <a:pt x="116" y="284"/>
                    </a:lnTo>
                    <a:lnTo>
                      <a:pt x="80" y="270"/>
                    </a:lnTo>
                    <a:lnTo>
                      <a:pt x="48" y="254"/>
                    </a:lnTo>
                    <a:lnTo>
                      <a:pt x="20" y="238"/>
                    </a:lnTo>
                    <a:lnTo>
                      <a:pt x="20" y="238"/>
                    </a:lnTo>
                    <a:close/>
                    <a:moveTo>
                      <a:pt x="76" y="386"/>
                    </a:moveTo>
                    <a:lnTo>
                      <a:pt x="76" y="386"/>
                    </a:lnTo>
                    <a:lnTo>
                      <a:pt x="72" y="384"/>
                    </a:lnTo>
                    <a:lnTo>
                      <a:pt x="68" y="382"/>
                    </a:lnTo>
                    <a:lnTo>
                      <a:pt x="60" y="374"/>
                    </a:lnTo>
                    <a:lnTo>
                      <a:pt x="56" y="364"/>
                    </a:lnTo>
                    <a:lnTo>
                      <a:pt x="54" y="350"/>
                    </a:lnTo>
                    <a:lnTo>
                      <a:pt x="54" y="350"/>
                    </a:lnTo>
                    <a:lnTo>
                      <a:pt x="56" y="336"/>
                    </a:lnTo>
                    <a:lnTo>
                      <a:pt x="60" y="326"/>
                    </a:lnTo>
                    <a:lnTo>
                      <a:pt x="66" y="318"/>
                    </a:lnTo>
                    <a:lnTo>
                      <a:pt x="70" y="316"/>
                    </a:lnTo>
                    <a:lnTo>
                      <a:pt x="74" y="316"/>
                    </a:lnTo>
                    <a:lnTo>
                      <a:pt x="74" y="316"/>
                    </a:lnTo>
                    <a:lnTo>
                      <a:pt x="80" y="316"/>
                    </a:lnTo>
                    <a:lnTo>
                      <a:pt x="84" y="318"/>
                    </a:lnTo>
                    <a:lnTo>
                      <a:pt x="90" y="326"/>
                    </a:lnTo>
                    <a:lnTo>
                      <a:pt x="94" y="336"/>
                    </a:lnTo>
                    <a:lnTo>
                      <a:pt x="96" y="350"/>
                    </a:lnTo>
                    <a:lnTo>
                      <a:pt x="96" y="350"/>
                    </a:lnTo>
                    <a:lnTo>
                      <a:pt x="94" y="364"/>
                    </a:lnTo>
                    <a:lnTo>
                      <a:pt x="90" y="374"/>
                    </a:lnTo>
                    <a:lnTo>
                      <a:pt x="84" y="382"/>
                    </a:lnTo>
                    <a:lnTo>
                      <a:pt x="80" y="384"/>
                    </a:lnTo>
                    <a:lnTo>
                      <a:pt x="76" y="386"/>
                    </a:lnTo>
                    <a:lnTo>
                      <a:pt x="76" y="386"/>
                    </a:lnTo>
                    <a:close/>
                    <a:moveTo>
                      <a:pt x="340" y="274"/>
                    </a:moveTo>
                    <a:lnTo>
                      <a:pt x="340" y="274"/>
                    </a:lnTo>
                    <a:lnTo>
                      <a:pt x="376" y="274"/>
                    </a:lnTo>
                    <a:lnTo>
                      <a:pt x="412" y="270"/>
                    </a:lnTo>
                    <a:lnTo>
                      <a:pt x="446" y="266"/>
                    </a:lnTo>
                    <a:lnTo>
                      <a:pt x="478" y="262"/>
                    </a:lnTo>
                    <a:lnTo>
                      <a:pt x="508" y="256"/>
                    </a:lnTo>
                    <a:lnTo>
                      <a:pt x="536" y="248"/>
                    </a:lnTo>
                    <a:lnTo>
                      <a:pt x="562" y="240"/>
                    </a:lnTo>
                    <a:lnTo>
                      <a:pt x="584" y="230"/>
                    </a:lnTo>
                    <a:lnTo>
                      <a:pt x="606" y="220"/>
                    </a:lnTo>
                    <a:lnTo>
                      <a:pt x="624" y="208"/>
                    </a:lnTo>
                    <a:lnTo>
                      <a:pt x="642" y="198"/>
                    </a:lnTo>
                    <a:lnTo>
                      <a:pt x="654" y="186"/>
                    </a:lnTo>
                    <a:lnTo>
                      <a:pt x="666" y="174"/>
                    </a:lnTo>
                    <a:lnTo>
                      <a:pt x="674" y="162"/>
                    </a:lnTo>
                    <a:lnTo>
                      <a:pt x="678" y="150"/>
                    </a:lnTo>
                    <a:lnTo>
                      <a:pt x="680" y="138"/>
                    </a:lnTo>
                    <a:lnTo>
                      <a:pt x="680" y="138"/>
                    </a:lnTo>
                    <a:lnTo>
                      <a:pt x="678" y="124"/>
                    </a:lnTo>
                    <a:lnTo>
                      <a:pt x="674" y="112"/>
                    </a:lnTo>
                    <a:lnTo>
                      <a:pt x="666" y="100"/>
                    </a:lnTo>
                    <a:lnTo>
                      <a:pt x="656" y="88"/>
                    </a:lnTo>
                    <a:lnTo>
                      <a:pt x="642" y="76"/>
                    </a:lnTo>
                    <a:lnTo>
                      <a:pt x="626" y="64"/>
                    </a:lnTo>
                    <a:lnTo>
                      <a:pt x="608" y="54"/>
                    </a:lnTo>
                    <a:lnTo>
                      <a:pt x="586" y="44"/>
                    </a:lnTo>
                    <a:lnTo>
                      <a:pt x="562" y="34"/>
                    </a:lnTo>
                    <a:lnTo>
                      <a:pt x="536" y="26"/>
                    </a:lnTo>
                    <a:lnTo>
                      <a:pt x="508" y="18"/>
                    </a:lnTo>
                    <a:lnTo>
                      <a:pt x="478" y="12"/>
                    </a:lnTo>
                    <a:lnTo>
                      <a:pt x="446" y="6"/>
                    </a:lnTo>
                    <a:lnTo>
                      <a:pt x="412" y="2"/>
                    </a:lnTo>
                    <a:lnTo>
                      <a:pt x="376" y="0"/>
                    </a:lnTo>
                    <a:lnTo>
                      <a:pt x="340" y="0"/>
                    </a:lnTo>
                    <a:lnTo>
                      <a:pt x="340" y="0"/>
                    </a:lnTo>
                    <a:lnTo>
                      <a:pt x="302" y="0"/>
                    </a:lnTo>
                    <a:lnTo>
                      <a:pt x="268" y="2"/>
                    </a:lnTo>
                    <a:lnTo>
                      <a:pt x="234" y="6"/>
                    </a:lnTo>
                    <a:lnTo>
                      <a:pt x="202" y="12"/>
                    </a:lnTo>
                    <a:lnTo>
                      <a:pt x="172" y="18"/>
                    </a:lnTo>
                    <a:lnTo>
                      <a:pt x="144" y="26"/>
                    </a:lnTo>
                    <a:lnTo>
                      <a:pt x="118" y="34"/>
                    </a:lnTo>
                    <a:lnTo>
                      <a:pt x="94" y="44"/>
                    </a:lnTo>
                    <a:lnTo>
                      <a:pt x="72" y="54"/>
                    </a:lnTo>
                    <a:lnTo>
                      <a:pt x="54" y="64"/>
                    </a:lnTo>
                    <a:lnTo>
                      <a:pt x="38" y="76"/>
                    </a:lnTo>
                    <a:lnTo>
                      <a:pt x="24" y="88"/>
                    </a:lnTo>
                    <a:lnTo>
                      <a:pt x="14" y="100"/>
                    </a:lnTo>
                    <a:lnTo>
                      <a:pt x="6" y="112"/>
                    </a:lnTo>
                    <a:lnTo>
                      <a:pt x="0" y="124"/>
                    </a:lnTo>
                    <a:lnTo>
                      <a:pt x="0" y="138"/>
                    </a:lnTo>
                    <a:lnTo>
                      <a:pt x="0" y="138"/>
                    </a:lnTo>
                    <a:lnTo>
                      <a:pt x="0" y="150"/>
                    </a:lnTo>
                    <a:lnTo>
                      <a:pt x="6" y="162"/>
                    </a:lnTo>
                    <a:lnTo>
                      <a:pt x="14" y="174"/>
                    </a:lnTo>
                    <a:lnTo>
                      <a:pt x="24" y="186"/>
                    </a:lnTo>
                    <a:lnTo>
                      <a:pt x="38" y="198"/>
                    </a:lnTo>
                    <a:lnTo>
                      <a:pt x="54" y="208"/>
                    </a:lnTo>
                    <a:lnTo>
                      <a:pt x="74" y="220"/>
                    </a:lnTo>
                    <a:lnTo>
                      <a:pt x="94" y="230"/>
                    </a:lnTo>
                    <a:lnTo>
                      <a:pt x="118" y="240"/>
                    </a:lnTo>
                    <a:lnTo>
                      <a:pt x="144" y="248"/>
                    </a:lnTo>
                    <a:lnTo>
                      <a:pt x="172" y="256"/>
                    </a:lnTo>
                    <a:lnTo>
                      <a:pt x="202" y="262"/>
                    </a:lnTo>
                    <a:lnTo>
                      <a:pt x="234" y="266"/>
                    </a:lnTo>
                    <a:lnTo>
                      <a:pt x="268" y="270"/>
                    </a:lnTo>
                    <a:lnTo>
                      <a:pt x="302" y="274"/>
                    </a:lnTo>
                    <a:lnTo>
                      <a:pt x="340" y="274"/>
                    </a:lnTo>
                    <a:lnTo>
                      <a:pt x="340" y="274"/>
                    </a:lnTo>
                    <a:close/>
                    <a:moveTo>
                      <a:pt x="24" y="456"/>
                    </a:moveTo>
                    <a:lnTo>
                      <a:pt x="24" y="456"/>
                    </a:lnTo>
                    <a:lnTo>
                      <a:pt x="16" y="454"/>
                    </a:lnTo>
                    <a:lnTo>
                      <a:pt x="10" y="456"/>
                    </a:lnTo>
                    <a:lnTo>
                      <a:pt x="4" y="462"/>
                    </a:lnTo>
                    <a:lnTo>
                      <a:pt x="2" y="470"/>
                    </a:lnTo>
                    <a:lnTo>
                      <a:pt x="4" y="566"/>
                    </a:lnTo>
                    <a:lnTo>
                      <a:pt x="4" y="566"/>
                    </a:lnTo>
                    <a:lnTo>
                      <a:pt x="6" y="578"/>
                    </a:lnTo>
                    <a:lnTo>
                      <a:pt x="10" y="590"/>
                    </a:lnTo>
                    <a:lnTo>
                      <a:pt x="16" y="600"/>
                    </a:lnTo>
                    <a:lnTo>
                      <a:pt x="24" y="608"/>
                    </a:lnTo>
                    <a:lnTo>
                      <a:pt x="24" y="608"/>
                    </a:lnTo>
                    <a:lnTo>
                      <a:pt x="50" y="624"/>
                    </a:lnTo>
                    <a:lnTo>
                      <a:pt x="80" y="638"/>
                    </a:lnTo>
                    <a:lnTo>
                      <a:pt x="116" y="650"/>
                    </a:lnTo>
                    <a:lnTo>
                      <a:pt x="154" y="662"/>
                    </a:lnTo>
                    <a:lnTo>
                      <a:pt x="196" y="670"/>
                    </a:lnTo>
                    <a:lnTo>
                      <a:pt x="240" y="678"/>
                    </a:lnTo>
                    <a:lnTo>
                      <a:pt x="288" y="682"/>
                    </a:lnTo>
                    <a:lnTo>
                      <a:pt x="340" y="682"/>
                    </a:lnTo>
                    <a:lnTo>
                      <a:pt x="340" y="682"/>
                    </a:lnTo>
                    <a:lnTo>
                      <a:pt x="390" y="682"/>
                    </a:lnTo>
                    <a:lnTo>
                      <a:pt x="440" y="678"/>
                    </a:lnTo>
                    <a:lnTo>
                      <a:pt x="484" y="670"/>
                    </a:lnTo>
                    <a:lnTo>
                      <a:pt x="526" y="662"/>
                    </a:lnTo>
                    <a:lnTo>
                      <a:pt x="564" y="650"/>
                    </a:lnTo>
                    <a:lnTo>
                      <a:pt x="598" y="638"/>
                    </a:lnTo>
                    <a:lnTo>
                      <a:pt x="628" y="624"/>
                    </a:lnTo>
                    <a:lnTo>
                      <a:pt x="654" y="608"/>
                    </a:lnTo>
                    <a:lnTo>
                      <a:pt x="654" y="608"/>
                    </a:lnTo>
                    <a:lnTo>
                      <a:pt x="664" y="600"/>
                    </a:lnTo>
                    <a:lnTo>
                      <a:pt x="670" y="590"/>
                    </a:lnTo>
                    <a:lnTo>
                      <a:pt x="674" y="578"/>
                    </a:lnTo>
                    <a:lnTo>
                      <a:pt x="676" y="566"/>
                    </a:lnTo>
                    <a:lnTo>
                      <a:pt x="676" y="470"/>
                    </a:lnTo>
                    <a:lnTo>
                      <a:pt x="676" y="470"/>
                    </a:lnTo>
                    <a:lnTo>
                      <a:pt x="674" y="462"/>
                    </a:lnTo>
                    <a:lnTo>
                      <a:pt x="670" y="456"/>
                    </a:lnTo>
                    <a:lnTo>
                      <a:pt x="662" y="454"/>
                    </a:lnTo>
                    <a:lnTo>
                      <a:pt x="654" y="456"/>
                    </a:lnTo>
                    <a:lnTo>
                      <a:pt x="654" y="456"/>
                    </a:lnTo>
                    <a:lnTo>
                      <a:pt x="624" y="470"/>
                    </a:lnTo>
                    <a:lnTo>
                      <a:pt x="592" y="484"/>
                    </a:lnTo>
                    <a:lnTo>
                      <a:pt x="556" y="496"/>
                    </a:lnTo>
                    <a:lnTo>
                      <a:pt x="516" y="504"/>
                    </a:lnTo>
                    <a:lnTo>
                      <a:pt x="476" y="512"/>
                    </a:lnTo>
                    <a:lnTo>
                      <a:pt x="432" y="518"/>
                    </a:lnTo>
                    <a:lnTo>
                      <a:pt x="386" y="522"/>
                    </a:lnTo>
                    <a:lnTo>
                      <a:pt x="340" y="522"/>
                    </a:lnTo>
                    <a:lnTo>
                      <a:pt x="340" y="522"/>
                    </a:lnTo>
                    <a:lnTo>
                      <a:pt x="292" y="522"/>
                    </a:lnTo>
                    <a:lnTo>
                      <a:pt x="248" y="518"/>
                    </a:lnTo>
                    <a:lnTo>
                      <a:pt x="204" y="512"/>
                    </a:lnTo>
                    <a:lnTo>
                      <a:pt x="162" y="504"/>
                    </a:lnTo>
                    <a:lnTo>
                      <a:pt x="124" y="496"/>
                    </a:lnTo>
                    <a:lnTo>
                      <a:pt x="88" y="484"/>
                    </a:lnTo>
                    <a:lnTo>
                      <a:pt x="54" y="470"/>
                    </a:lnTo>
                    <a:lnTo>
                      <a:pt x="24" y="456"/>
                    </a:lnTo>
                    <a:lnTo>
                      <a:pt x="24" y="456"/>
                    </a:lnTo>
                    <a:close/>
                    <a:moveTo>
                      <a:pt x="78" y="586"/>
                    </a:moveTo>
                    <a:lnTo>
                      <a:pt x="78" y="586"/>
                    </a:lnTo>
                    <a:lnTo>
                      <a:pt x="72" y="586"/>
                    </a:lnTo>
                    <a:lnTo>
                      <a:pt x="68" y="584"/>
                    </a:lnTo>
                    <a:lnTo>
                      <a:pt x="62" y="576"/>
                    </a:lnTo>
                    <a:lnTo>
                      <a:pt x="58" y="566"/>
                    </a:lnTo>
                    <a:lnTo>
                      <a:pt x="56" y="552"/>
                    </a:lnTo>
                    <a:lnTo>
                      <a:pt x="56" y="552"/>
                    </a:lnTo>
                    <a:lnTo>
                      <a:pt x="58" y="538"/>
                    </a:lnTo>
                    <a:lnTo>
                      <a:pt x="62" y="528"/>
                    </a:lnTo>
                    <a:lnTo>
                      <a:pt x="68" y="520"/>
                    </a:lnTo>
                    <a:lnTo>
                      <a:pt x="72" y="518"/>
                    </a:lnTo>
                    <a:lnTo>
                      <a:pt x="76" y="518"/>
                    </a:lnTo>
                    <a:lnTo>
                      <a:pt x="76" y="518"/>
                    </a:lnTo>
                    <a:lnTo>
                      <a:pt x="80" y="518"/>
                    </a:lnTo>
                    <a:lnTo>
                      <a:pt x="84" y="520"/>
                    </a:lnTo>
                    <a:lnTo>
                      <a:pt x="92" y="528"/>
                    </a:lnTo>
                    <a:lnTo>
                      <a:pt x="96" y="538"/>
                    </a:lnTo>
                    <a:lnTo>
                      <a:pt x="98" y="552"/>
                    </a:lnTo>
                    <a:lnTo>
                      <a:pt x="98" y="552"/>
                    </a:lnTo>
                    <a:lnTo>
                      <a:pt x="96" y="566"/>
                    </a:lnTo>
                    <a:lnTo>
                      <a:pt x="92" y="576"/>
                    </a:lnTo>
                    <a:lnTo>
                      <a:pt x="86" y="584"/>
                    </a:lnTo>
                    <a:lnTo>
                      <a:pt x="82" y="586"/>
                    </a:lnTo>
                    <a:lnTo>
                      <a:pt x="78" y="586"/>
                    </a:lnTo>
                    <a:lnTo>
                      <a:pt x="78" y="586"/>
                    </a:lnTo>
                    <a:close/>
                    <a:moveTo>
                      <a:pt x="26" y="660"/>
                    </a:moveTo>
                    <a:lnTo>
                      <a:pt x="26" y="660"/>
                    </a:lnTo>
                    <a:lnTo>
                      <a:pt x="18" y="658"/>
                    </a:lnTo>
                    <a:lnTo>
                      <a:pt x="12" y="660"/>
                    </a:lnTo>
                    <a:lnTo>
                      <a:pt x="6" y="666"/>
                    </a:lnTo>
                    <a:lnTo>
                      <a:pt x="4" y="672"/>
                    </a:lnTo>
                    <a:lnTo>
                      <a:pt x="6" y="768"/>
                    </a:lnTo>
                    <a:lnTo>
                      <a:pt x="6" y="768"/>
                    </a:lnTo>
                    <a:lnTo>
                      <a:pt x="8" y="780"/>
                    </a:lnTo>
                    <a:lnTo>
                      <a:pt x="12" y="792"/>
                    </a:lnTo>
                    <a:lnTo>
                      <a:pt x="18" y="802"/>
                    </a:lnTo>
                    <a:lnTo>
                      <a:pt x="26" y="810"/>
                    </a:lnTo>
                    <a:lnTo>
                      <a:pt x="26" y="810"/>
                    </a:lnTo>
                    <a:lnTo>
                      <a:pt x="52" y="826"/>
                    </a:lnTo>
                    <a:lnTo>
                      <a:pt x="82" y="840"/>
                    </a:lnTo>
                    <a:lnTo>
                      <a:pt x="116" y="852"/>
                    </a:lnTo>
                    <a:lnTo>
                      <a:pt x="154" y="862"/>
                    </a:lnTo>
                    <a:lnTo>
                      <a:pt x="196" y="872"/>
                    </a:lnTo>
                    <a:lnTo>
                      <a:pt x="242" y="878"/>
                    </a:lnTo>
                    <a:lnTo>
                      <a:pt x="288" y="882"/>
                    </a:lnTo>
                    <a:lnTo>
                      <a:pt x="340" y="884"/>
                    </a:lnTo>
                    <a:lnTo>
                      <a:pt x="340" y="884"/>
                    </a:lnTo>
                    <a:lnTo>
                      <a:pt x="390" y="882"/>
                    </a:lnTo>
                    <a:lnTo>
                      <a:pt x="438" y="878"/>
                    </a:lnTo>
                    <a:lnTo>
                      <a:pt x="484" y="872"/>
                    </a:lnTo>
                    <a:lnTo>
                      <a:pt x="524" y="862"/>
                    </a:lnTo>
                    <a:lnTo>
                      <a:pt x="562" y="852"/>
                    </a:lnTo>
                    <a:lnTo>
                      <a:pt x="598" y="840"/>
                    </a:lnTo>
                    <a:lnTo>
                      <a:pt x="628" y="826"/>
                    </a:lnTo>
                    <a:lnTo>
                      <a:pt x="652" y="810"/>
                    </a:lnTo>
                    <a:lnTo>
                      <a:pt x="652" y="810"/>
                    </a:lnTo>
                    <a:lnTo>
                      <a:pt x="662" y="802"/>
                    </a:lnTo>
                    <a:lnTo>
                      <a:pt x="668" y="792"/>
                    </a:lnTo>
                    <a:lnTo>
                      <a:pt x="672" y="780"/>
                    </a:lnTo>
                    <a:lnTo>
                      <a:pt x="674" y="768"/>
                    </a:lnTo>
                    <a:lnTo>
                      <a:pt x="674" y="672"/>
                    </a:lnTo>
                    <a:lnTo>
                      <a:pt x="674" y="672"/>
                    </a:lnTo>
                    <a:lnTo>
                      <a:pt x="672" y="666"/>
                    </a:lnTo>
                    <a:lnTo>
                      <a:pt x="668" y="660"/>
                    </a:lnTo>
                    <a:lnTo>
                      <a:pt x="660" y="658"/>
                    </a:lnTo>
                    <a:lnTo>
                      <a:pt x="652" y="660"/>
                    </a:lnTo>
                    <a:lnTo>
                      <a:pt x="652" y="660"/>
                    </a:lnTo>
                    <a:lnTo>
                      <a:pt x="624" y="674"/>
                    </a:lnTo>
                    <a:lnTo>
                      <a:pt x="590" y="686"/>
                    </a:lnTo>
                    <a:lnTo>
                      <a:pt x="554" y="698"/>
                    </a:lnTo>
                    <a:lnTo>
                      <a:pt x="516" y="708"/>
                    </a:lnTo>
                    <a:lnTo>
                      <a:pt x="474" y="716"/>
                    </a:lnTo>
                    <a:lnTo>
                      <a:pt x="432" y="720"/>
                    </a:lnTo>
                    <a:lnTo>
                      <a:pt x="386" y="724"/>
                    </a:lnTo>
                    <a:lnTo>
                      <a:pt x="340" y="726"/>
                    </a:lnTo>
                    <a:lnTo>
                      <a:pt x="340" y="726"/>
                    </a:lnTo>
                    <a:lnTo>
                      <a:pt x="292" y="724"/>
                    </a:lnTo>
                    <a:lnTo>
                      <a:pt x="248" y="720"/>
                    </a:lnTo>
                    <a:lnTo>
                      <a:pt x="204" y="716"/>
                    </a:lnTo>
                    <a:lnTo>
                      <a:pt x="164" y="708"/>
                    </a:lnTo>
                    <a:lnTo>
                      <a:pt x="126" y="698"/>
                    </a:lnTo>
                    <a:lnTo>
                      <a:pt x="90" y="686"/>
                    </a:lnTo>
                    <a:lnTo>
                      <a:pt x="56" y="674"/>
                    </a:lnTo>
                    <a:lnTo>
                      <a:pt x="26" y="660"/>
                    </a:lnTo>
                    <a:lnTo>
                      <a:pt x="26" y="660"/>
                    </a:lnTo>
                    <a:close/>
                    <a:moveTo>
                      <a:pt x="78" y="786"/>
                    </a:moveTo>
                    <a:lnTo>
                      <a:pt x="78" y="786"/>
                    </a:lnTo>
                    <a:lnTo>
                      <a:pt x="74" y="786"/>
                    </a:lnTo>
                    <a:lnTo>
                      <a:pt x="70" y="784"/>
                    </a:lnTo>
                    <a:lnTo>
                      <a:pt x="64" y="776"/>
                    </a:lnTo>
                    <a:lnTo>
                      <a:pt x="60" y="766"/>
                    </a:lnTo>
                    <a:lnTo>
                      <a:pt x="58" y="752"/>
                    </a:lnTo>
                    <a:lnTo>
                      <a:pt x="58" y="752"/>
                    </a:lnTo>
                    <a:lnTo>
                      <a:pt x="58" y="738"/>
                    </a:lnTo>
                    <a:lnTo>
                      <a:pt x="64" y="728"/>
                    </a:lnTo>
                    <a:lnTo>
                      <a:pt x="70" y="720"/>
                    </a:lnTo>
                    <a:lnTo>
                      <a:pt x="74" y="718"/>
                    </a:lnTo>
                    <a:lnTo>
                      <a:pt x="78" y="718"/>
                    </a:lnTo>
                    <a:lnTo>
                      <a:pt x="78" y="718"/>
                    </a:lnTo>
                    <a:lnTo>
                      <a:pt x="82" y="718"/>
                    </a:lnTo>
                    <a:lnTo>
                      <a:pt x="86" y="720"/>
                    </a:lnTo>
                    <a:lnTo>
                      <a:pt x="94" y="728"/>
                    </a:lnTo>
                    <a:lnTo>
                      <a:pt x="98" y="738"/>
                    </a:lnTo>
                    <a:lnTo>
                      <a:pt x="100" y="752"/>
                    </a:lnTo>
                    <a:lnTo>
                      <a:pt x="100" y="752"/>
                    </a:lnTo>
                    <a:lnTo>
                      <a:pt x="98" y="766"/>
                    </a:lnTo>
                    <a:lnTo>
                      <a:pt x="94" y="776"/>
                    </a:lnTo>
                    <a:lnTo>
                      <a:pt x="86" y="784"/>
                    </a:lnTo>
                    <a:lnTo>
                      <a:pt x="82" y="786"/>
                    </a:lnTo>
                    <a:lnTo>
                      <a:pt x="78" y="786"/>
                    </a:lnTo>
                    <a:lnTo>
                      <a:pt x="78" y="786"/>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solidFill>
                    <a:srgbClr val="000000"/>
                  </a:solidFill>
                  <a:latin typeface="Arial" pitchFamily="34" charset="0"/>
                  <a:cs typeface="Arial" pitchFamily="34" charset="0"/>
                </a:endParaRPr>
              </a:p>
            </p:txBody>
          </p:sp>
        </p:grpSp>
        <p:sp>
          <p:nvSpPr>
            <p:cNvPr id="271" name="矩形 429"/>
            <p:cNvSpPr/>
            <p:nvPr/>
          </p:nvSpPr>
          <p:spPr>
            <a:xfrm>
              <a:off x="2917900" y="1435636"/>
              <a:ext cx="837788" cy="184597"/>
            </a:xfrm>
            <a:prstGeom prst="rect">
              <a:avLst/>
            </a:prstGeom>
          </p:spPr>
          <p:txBody>
            <a:bodyPr wrap="none" lIns="91417" tIns="45708" rIns="91417" bIns="45708">
              <a:spAutoFit/>
            </a:bodyPr>
            <a:lstStyle/>
            <a:p>
              <a:r>
                <a:rPr lang="en-US" altLang="zh-CN" kern="0" dirty="0" smtClean="0">
                  <a:latin typeface="Arial" pitchFamily="34" charset="0"/>
                  <a:ea typeface="微软雅黑" pitchFamily="34" charset="-122"/>
                  <a:cs typeface="Arial" pitchFamily="34" charset="0"/>
                </a:rPr>
                <a:t>Source: Gartner</a:t>
              </a:r>
            </a:p>
          </p:txBody>
        </p:sp>
      </p:grpSp>
      <p:grpSp>
        <p:nvGrpSpPr>
          <p:cNvPr id="23" name="组合 232"/>
          <p:cNvGrpSpPr/>
          <p:nvPr/>
        </p:nvGrpSpPr>
        <p:grpSpPr>
          <a:xfrm>
            <a:off x="4071012" y="3839222"/>
            <a:ext cx="3989833" cy="1220598"/>
            <a:chOff x="2428595" y="1887118"/>
            <a:chExt cx="1994570" cy="610111"/>
          </a:xfrm>
        </p:grpSpPr>
        <p:grpSp>
          <p:nvGrpSpPr>
            <p:cNvPr id="24" name="组合 217"/>
            <p:cNvGrpSpPr/>
            <p:nvPr/>
          </p:nvGrpSpPr>
          <p:grpSpPr>
            <a:xfrm>
              <a:off x="2428595" y="1887118"/>
              <a:ext cx="1994570" cy="534230"/>
              <a:chOff x="6585535" y="4855898"/>
              <a:chExt cx="2660119" cy="712307"/>
            </a:xfrm>
          </p:grpSpPr>
          <p:sp>
            <p:nvSpPr>
              <p:cNvPr id="224" name="圆角矩形 223"/>
              <p:cNvSpPr/>
              <p:nvPr/>
            </p:nvSpPr>
            <p:spPr bwMode="auto">
              <a:xfrm>
                <a:off x="6585535" y="4913491"/>
                <a:ext cx="668131" cy="654714"/>
              </a:xfrm>
              <a:prstGeom prst="roundRect">
                <a:avLst/>
              </a:prstGeom>
              <a:solidFill>
                <a:schemeClr val="bg1">
                  <a:lumMod val="50000"/>
                </a:schemeClr>
              </a:solidFill>
              <a:ln w="12700">
                <a:noFill/>
              </a:ln>
              <a:effectLst/>
            </p:spPr>
            <p:txBody>
              <a:bodyPr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grpSp>
            <p:nvGrpSpPr>
              <p:cNvPr id="25" name="组合 275"/>
              <p:cNvGrpSpPr/>
              <p:nvPr/>
            </p:nvGrpSpPr>
            <p:grpSpPr>
              <a:xfrm>
                <a:off x="6758862" y="5009683"/>
                <a:ext cx="321477" cy="472088"/>
                <a:chOff x="15730538" y="3268663"/>
                <a:chExt cx="765175" cy="1123950"/>
              </a:xfrm>
              <a:solidFill>
                <a:schemeClr val="bg1"/>
              </a:solidFill>
            </p:grpSpPr>
            <p:sp>
              <p:nvSpPr>
                <p:cNvPr id="227" name="Freeform 57"/>
                <p:cNvSpPr>
                  <a:spLocks/>
                </p:cNvSpPr>
                <p:nvPr/>
              </p:nvSpPr>
              <p:spPr bwMode="auto">
                <a:xfrm>
                  <a:off x="15786100" y="3268663"/>
                  <a:ext cx="252413" cy="261938"/>
                </a:xfrm>
                <a:custGeom>
                  <a:avLst/>
                  <a:gdLst/>
                  <a:ahLst/>
                  <a:cxnLst>
                    <a:cxn ang="0">
                      <a:pos x="74" y="105"/>
                    </a:cxn>
                    <a:cxn ang="0">
                      <a:pos x="42" y="152"/>
                    </a:cxn>
                    <a:cxn ang="0">
                      <a:pos x="19" y="202"/>
                    </a:cxn>
                    <a:cxn ang="0">
                      <a:pos x="4" y="256"/>
                    </a:cxn>
                    <a:cxn ang="0">
                      <a:pos x="0" y="312"/>
                    </a:cxn>
                    <a:cxn ang="0">
                      <a:pos x="2" y="319"/>
                    </a:cxn>
                    <a:cxn ang="0">
                      <a:pos x="10" y="327"/>
                    </a:cxn>
                    <a:cxn ang="0">
                      <a:pos x="57" y="327"/>
                    </a:cxn>
                    <a:cxn ang="0">
                      <a:pos x="64" y="326"/>
                    </a:cxn>
                    <a:cxn ang="0">
                      <a:pos x="69" y="322"/>
                    </a:cxn>
                    <a:cxn ang="0">
                      <a:pos x="73" y="312"/>
                    </a:cxn>
                    <a:cxn ang="0">
                      <a:pos x="74" y="290"/>
                    </a:cxn>
                    <a:cxn ang="0">
                      <a:pos x="81" y="248"/>
                    </a:cxn>
                    <a:cxn ang="0">
                      <a:pos x="95" y="208"/>
                    </a:cxn>
                    <a:cxn ang="0">
                      <a:pos x="117" y="170"/>
                    </a:cxn>
                    <a:cxn ang="0">
                      <a:pos x="130" y="154"/>
                    </a:cxn>
                    <a:cxn ang="0">
                      <a:pos x="140" y="143"/>
                    </a:cxn>
                    <a:cxn ang="0">
                      <a:pos x="174" y="113"/>
                    </a:cxn>
                    <a:cxn ang="0">
                      <a:pos x="214" y="91"/>
                    </a:cxn>
                    <a:cxn ang="0">
                      <a:pos x="258" y="78"/>
                    </a:cxn>
                    <a:cxn ang="0">
                      <a:pos x="304" y="73"/>
                    </a:cxn>
                    <a:cxn ang="0">
                      <a:pos x="311" y="73"/>
                    </a:cxn>
                    <a:cxn ang="0">
                      <a:pos x="316" y="68"/>
                    </a:cxn>
                    <a:cxn ang="0">
                      <a:pos x="319" y="57"/>
                    </a:cxn>
                    <a:cxn ang="0">
                      <a:pos x="319" y="17"/>
                    </a:cxn>
                    <a:cxn ang="0">
                      <a:pos x="314" y="5"/>
                    </a:cxn>
                    <a:cxn ang="0">
                      <a:pos x="309" y="2"/>
                    </a:cxn>
                    <a:cxn ang="0">
                      <a:pos x="304" y="0"/>
                    </a:cxn>
                    <a:cxn ang="0">
                      <a:pos x="243" y="7"/>
                    </a:cxn>
                    <a:cxn ang="0">
                      <a:pos x="186" y="25"/>
                    </a:cxn>
                    <a:cxn ang="0">
                      <a:pos x="133" y="54"/>
                    </a:cxn>
                    <a:cxn ang="0">
                      <a:pos x="88" y="91"/>
                    </a:cxn>
                    <a:cxn ang="0">
                      <a:pos x="74" y="105"/>
                    </a:cxn>
                  </a:cxnLst>
                  <a:rect l="0" t="0" r="r" b="b"/>
                  <a:pathLst>
                    <a:path w="319" h="329">
                      <a:moveTo>
                        <a:pt x="74" y="105"/>
                      </a:moveTo>
                      <a:lnTo>
                        <a:pt x="74" y="105"/>
                      </a:lnTo>
                      <a:lnTo>
                        <a:pt x="57" y="128"/>
                      </a:lnTo>
                      <a:lnTo>
                        <a:pt x="42" y="152"/>
                      </a:lnTo>
                      <a:lnTo>
                        <a:pt x="29" y="175"/>
                      </a:lnTo>
                      <a:lnTo>
                        <a:pt x="19" y="202"/>
                      </a:lnTo>
                      <a:lnTo>
                        <a:pt x="10" y="229"/>
                      </a:lnTo>
                      <a:lnTo>
                        <a:pt x="4" y="256"/>
                      </a:lnTo>
                      <a:lnTo>
                        <a:pt x="2" y="285"/>
                      </a:lnTo>
                      <a:lnTo>
                        <a:pt x="0" y="312"/>
                      </a:lnTo>
                      <a:lnTo>
                        <a:pt x="0" y="312"/>
                      </a:lnTo>
                      <a:lnTo>
                        <a:pt x="2" y="319"/>
                      </a:lnTo>
                      <a:lnTo>
                        <a:pt x="5" y="324"/>
                      </a:lnTo>
                      <a:lnTo>
                        <a:pt x="10" y="327"/>
                      </a:lnTo>
                      <a:lnTo>
                        <a:pt x="17" y="329"/>
                      </a:lnTo>
                      <a:lnTo>
                        <a:pt x="57" y="327"/>
                      </a:lnTo>
                      <a:lnTo>
                        <a:pt x="57" y="327"/>
                      </a:lnTo>
                      <a:lnTo>
                        <a:pt x="64" y="326"/>
                      </a:lnTo>
                      <a:lnTo>
                        <a:pt x="69" y="322"/>
                      </a:lnTo>
                      <a:lnTo>
                        <a:pt x="69" y="322"/>
                      </a:lnTo>
                      <a:lnTo>
                        <a:pt x="73" y="317"/>
                      </a:lnTo>
                      <a:lnTo>
                        <a:pt x="73" y="312"/>
                      </a:lnTo>
                      <a:lnTo>
                        <a:pt x="73" y="312"/>
                      </a:lnTo>
                      <a:lnTo>
                        <a:pt x="74" y="290"/>
                      </a:lnTo>
                      <a:lnTo>
                        <a:pt x="76" y="268"/>
                      </a:lnTo>
                      <a:lnTo>
                        <a:pt x="81" y="248"/>
                      </a:lnTo>
                      <a:lnTo>
                        <a:pt x="86" y="226"/>
                      </a:lnTo>
                      <a:lnTo>
                        <a:pt x="95" y="208"/>
                      </a:lnTo>
                      <a:lnTo>
                        <a:pt x="105" y="189"/>
                      </a:lnTo>
                      <a:lnTo>
                        <a:pt x="117" y="170"/>
                      </a:lnTo>
                      <a:lnTo>
                        <a:pt x="130" y="154"/>
                      </a:lnTo>
                      <a:lnTo>
                        <a:pt x="130" y="154"/>
                      </a:lnTo>
                      <a:lnTo>
                        <a:pt x="140" y="143"/>
                      </a:lnTo>
                      <a:lnTo>
                        <a:pt x="140" y="143"/>
                      </a:lnTo>
                      <a:lnTo>
                        <a:pt x="157" y="127"/>
                      </a:lnTo>
                      <a:lnTo>
                        <a:pt x="174" y="113"/>
                      </a:lnTo>
                      <a:lnTo>
                        <a:pt x="194" y="101"/>
                      </a:lnTo>
                      <a:lnTo>
                        <a:pt x="214" y="91"/>
                      </a:lnTo>
                      <a:lnTo>
                        <a:pt x="236" y="84"/>
                      </a:lnTo>
                      <a:lnTo>
                        <a:pt x="258" y="78"/>
                      </a:lnTo>
                      <a:lnTo>
                        <a:pt x="280" y="74"/>
                      </a:lnTo>
                      <a:lnTo>
                        <a:pt x="304" y="73"/>
                      </a:lnTo>
                      <a:lnTo>
                        <a:pt x="304" y="73"/>
                      </a:lnTo>
                      <a:lnTo>
                        <a:pt x="311" y="73"/>
                      </a:lnTo>
                      <a:lnTo>
                        <a:pt x="316" y="68"/>
                      </a:lnTo>
                      <a:lnTo>
                        <a:pt x="316" y="68"/>
                      </a:lnTo>
                      <a:lnTo>
                        <a:pt x="317" y="62"/>
                      </a:lnTo>
                      <a:lnTo>
                        <a:pt x="319" y="57"/>
                      </a:lnTo>
                      <a:lnTo>
                        <a:pt x="319" y="17"/>
                      </a:lnTo>
                      <a:lnTo>
                        <a:pt x="319" y="17"/>
                      </a:lnTo>
                      <a:lnTo>
                        <a:pt x="317" y="10"/>
                      </a:lnTo>
                      <a:lnTo>
                        <a:pt x="314" y="5"/>
                      </a:lnTo>
                      <a:lnTo>
                        <a:pt x="314" y="5"/>
                      </a:lnTo>
                      <a:lnTo>
                        <a:pt x="309" y="2"/>
                      </a:lnTo>
                      <a:lnTo>
                        <a:pt x="304" y="0"/>
                      </a:lnTo>
                      <a:lnTo>
                        <a:pt x="304" y="0"/>
                      </a:lnTo>
                      <a:lnTo>
                        <a:pt x="273" y="2"/>
                      </a:lnTo>
                      <a:lnTo>
                        <a:pt x="243" y="7"/>
                      </a:lnTo>
                      <a:lnTo>
                        <a:pt x="214" y="15"/>
                      </a:lnTo>
                      <a:lnTo>
                        <a:pt x="186" y="25"/>
                      </a:lnTo>
                      <a:lnTo>
                        <a:pt x="159" y="37"/>
                      </a:lnTo>
                      <a:lnTo>
                        <a:pt x="133" y="54"/>
                      </a:lnTo>
                      <a:lnTo>
                        <a:pt x="110" y="71"/>
                      </a:lnTo>
                      <a:lnTo>
                        <a:pt x="88" y="91"/>
                      </a:lnTo>
                      <a:lnTo>
                        <a:pt x="88" y="91"/>
                      </a:lnTo>
                      <a:lnTo>
                        <a:pt x="74" y="105"/>
                      </a:lnTo>
                      <a:lnTo>
                        <a:pt x="74" y="10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434" fontAlgn="auto">
                    <a:spcBef>
                      <a:spcPts val="0"/>
                    </a:spcBef>
                    <a:spcAft>
                      <a:spcPts val="0"/>
                    </a:spcAft>
                    <a:defRPr/>
                  </a:pPr>
                  <a:endParaRPr lang="zh-CN" altLang="en-US" kern="0" dirty="0">
                    <a:solidFill>
                      <a:sysClr val="windowText" lastClr="000000"/>
                    </a:solidFill>
                    <a:latin typeface="Arial" pitchFamily="34" charset="0"/>
                    <a:cs typeface="Arial" pitchFamily="34" charset="0"/>
                  </a:endParaRPr>
                </a:p>
              </p:txBody>
            </p:sp>
            <p:sp>
              <p:nvSpPr>
                <p:cNvPr id="228" name="Freeform 58"/>
                <p:cNvSpPr>
                  <a:spLocks/>
                </p:cNvSpPr>
                <p:nvPr/>
              </p:nvSpPr>
              <p:spPr bwMode="auto">
                <a:xfrm>
                  <a:off x="15886113" y="3368675"/>
                  <a:ext cx="144463" cy="150813"/>
                </a:xfrm>
                <a:custGeom>
                  <a:avLst/>
                  <a:gdLst/>
                  <a:ahLst/>
                  <a:cxnLst>
                    <a:cxn ang="0">
                      <a:pos x="47" y="50"/>
                    </a:cxn>
                    <a:cxn ang="0">
                      <a:pos x="47" y="50"/>
                    </a:cxn>
                    <a:cxn ang="0">
                      <a:pos x="40" y="57"/>
                    </a:cxn>
                    <a:cxn ang="0">
                      <a:pos x="40" y="57"/>
                    </a:cxn>
                    <a:cxn ang="0">
                      <a:pos x="30" y="69"/>
                    </a:cxn>
                    <a:cxn ang="0">
                      <a:pos x="22" y="82"/>
                    </a:cxn>
                    <a:cxn ang="0">
                      <a:pos x="15" y="96"/>
                    </a:cxn>
                    <a:cxn ang="0">
                      <a:pos x="8" y="111"/>
                    </a:cxn>
                    <a:cxn ang="0">
                      <a:pos x="5" y="126"/>
                    </a:cxn>
                    <a:cxn ang="0">
                      <a:pos x="1" y="141"/>
                    </a:cxn>
                    <a:cxn ang="0">
                      <a:pos x="0" y="156"/>
                    </a:cxn>
                    <a:cxn ang="0">
                      <a:pos x="0" y="173"/>
                    </a:cxn>
                    <a:cxn ang="0">
                      <a:pos x="0" y="173"/>
                    </a:cxn>
                    <a:cxn ang="0">
                      <a:pos x="0" y="178"/>
                    </a:cxn>
                    <a:cxn ang="0">
                      <a:pos x="3" y="183"/>
                    </a:cxn>
                    <a:cxn ang="0">
                      <a:pos x="8" y="187"/>
                    </a:cxn>
                    <a:cxn ang="0">
                      <a:pos x="15" y="189"/>
                    </a:cxn>
                    <a:cxn ang="0">
                      <a:pos x="57" y="187"/>
                    </a:cxn>
                    <a:cxn ang="0">
                      <a:pos x="57" y="187"/>
                    </a:cxn>
                    <a:cxn ang="0">
                      <a:pos x="62" y="185"/>
                    </a:cxn>
                    <a:cxn ang="0">
                      <a:pos x="67" y="182"/>
                    </a:cxn>
                    <a:cxn ang="0">
                      <a:pos x="67" y="182"/>
                    </a:cxn>
                    <a:cxn ang="0">
                      <a:pos x="71" y="177"/>
                    </a:cxn>
                    <a:cxn ang="0">
                      <a:pos x="72" y="170"/>
                    </a:cxn>
                    <a:cxn ang="0">
                      <a:pos x="72" y="170"/>
                    </a:cxn>
                    <a:cxn ang="0">
                      <a:pos x="72" y="153"/>
                    </a:cxn>
                    <a:cxn ang="0">
                      <a:pos x="77" y="136"/>
                    </a:cxn>
                    <a:cxn ang="0">
                      <a:pos x="86" y="119"/>
                    </a:cxn>
                    <a:cxn ang="0">
                      <a:pos x="96" y="104"/>
                    </a:cxn>
                    <a:cxn ang="0">
                      <a:pos x="96" y="104"/>
                    </a:cxn>
                    <a:cxn ang="0">
                      <a:pos x="99" y="101"/>
                    </a:cxn>
                    <a:cxn ang="0">
                      <a:pos x="99" y="101"/>
                    </a:cxn>
                    <a:cxn ang="0">
                      <a:pos x="113" y="89"/>
                    </a:cxn>
                    <a:cxn ang="0">
                      <a:pos x="130" y="81"/>
                    </a:cxn>
                    <a:cxn ang="0">
                      <a:pos x="146" y="74"/>
                    </a:cxn>
                    <a:cxn ang="0">
                      <a:pos x="165" y="72"/>
                    </a:cxn>
                    <a:cxn ang="0">
                      <a:pos x="165" y="72"/>
                    </a:cxn>
                    <a:cxn ang="0">
                      <a:pos x="172" y="70"/>
                    </a:cxn>
                    <a:cxn ang="0">
                      <a:pos x="177" y="67"/>
                    </a:cxn>
                    <a:cxn ang="0">
                      <a:pos x="177" y="67"/>
                    </a:cxn>
                    <a:cxn ang="0">
                      <a:pos x="180" y="62"/>
                    </a:cxn>
                    <a:cxn ang="0">
                      <a:pos x="182" y="55"/>
                    </a:cxn>
                    <a:cxn ang="0">
                      <a:pos x="182" y="15"/>
                    </a:cxn>
                    <a:cxn ang="0">
                      <a:pos x="182" y="15"/>
                    </a:cxn>
                    <a:cxn ang="0">
                      <a:pos x="180" y="8"/>
                    </a:cxn>
                    <a:cxn ang="0">
                      <a:pos x="177" y="3"/>
                    </a:cxn>
                    <a:cxn ang="0">
                      <a:pos x="177" y="3"/>
                    </a:cxn>
                    <a:cxn ang="0">
                      <a:pos x="172" y="0"/>
                    </a:cxn>
                    <a:cxn ang="0">
                      <a:pos x="165" y="0"/>
                    </a:cxn>
                    <a:cxn ang="0">
                      <a:pos x="165" y="0"/>
                    </a:cxn>
                    <a:cxn ang="0">
                      <a:pos x="148" y="0"/>
                    </a:cxn>
                    <a:cxn ang="0">
                      <a:pos x="133" y="3"/>
                    </a:cxn>
                    <a:cxn ang="0">
                      <a:pos x="116" y="6"/>
                    </a:cxn>
                    <a:cxn ang="0">
                      <a:pos x="101" y="13"/>
                    </a:cxn>
                    <a:cxn ang="0">
                      <a:pos x="87" y="20"/>
                    </a:cxn>
                    <a:cxn ang="0">
                      <a:pos x="72" y="28"/>
                    </a:cxn>
                    <a:cxn ang="0">
                      <a:pos x="59" y="38"/>
                    </a:cxn>
                    <a:cxn ang="0">
                      <a:pos x="47" y="50"/>
                    </a:cxn>
                    <a:cxn ang="0">
                      <a:pos x="47" y="50"/>
                    </a:cxn>
                  </a:cxnLst>
                  <a:rect l="0" t="0" r="r" b="b"/>
                  <a:pathLst>
                    <a:path w="182" h="189">
                      <a:moveTo>
                        <a:pt x="47" y="50"/>
                      </a:moveTo>
                      <a:lnTo>
                        <a:pt x="47" y="50"/>
                      </a:lnTo>
                      <a:lnTo>
                        <a:pt x="40" y="57"/>
                      </a:lnTo>
                      <a:lnTo>
                        <a:pt x="40" y="57"/>
                      </a:lnTo>
                      <a:lnTo>
                        <a:pt x="30" y="69"/>
                      </a:lnTo>
                      <a:lnTo>
                        <a:pt x="22" y="82"/>
                      </a:lnTo>
                      <a:lnTo>
                        <a:pt x="15" y="96"/>
                      </a:lnTo>
                      <a:lnTo>
                        <a:pt x="8" y="111"/>
                      </a:lnTo>
                      <a:lnTo>
                        <a:pt x="5" y="126"/>
                      </a:lnTo>
                      <a:lnTo>
                        <a:pt x="1" y="141"/>
                      </a:lnTo>
                      <a:lnTo>
                        <a:pt x="0" y="156"/>
                      </a:lnTo>
                      <a:lnTo>
                        <a:pt x="0" y="173"/>
                      </a:lnTo>
                      <a:lnTo>
                        <a:pt x="0" y="173"/>
                      </a:lnTo>
                      <a:lnTo>
                        <a:pt x="0" y="178"/>
                      </a:lnTo>
                      <a:lnTo>
                        <a:pt x="3" y="183"/>
                      </a:lnTo>
                      <a:lnTo>
                        <a:pt x="8" y="187"/>
                      </a:lnTo>
                      <a:lnTo>
                        <a:pt x="15" y="189"/>
                      </a:lnTo>
                      <a:lnTo>
                        <a:pt x="57" y="187"/>
                      </a:lnTo>
                      <a:lnTo>
                        <a:pt x="57" y="187"/>
                      </a:lnTo>
                      <a:lnTo>
                        <a:pt x="62" y="185"/>
                      </a:lnTo>
                      <a:lnTo>
                        <a:pt x="67" y="182"/>
                      </a:lnTo>
                      <a:lnTo>
                        <a:pt x="67" y="182"/>
                      </a:lnTo>
                      <a:lnTo>
                        <a:pt x="71" y="177"/>
                      </a:lnTo>
                      <a:lnTo>
                        <a:pt x="72" y="170"/>
                      </a:lnTo>
                      <a:lnTo>
                        <a:pt x="72" y="170"/>
                      </a:lnTo>
                      <a:lnTo>
                        <a:pt x="72" y="153"/>
                      </a:lnTo>
                      <a:lnTo>
                        <a:pt x="77" y="136"/>
                      </a:lnTo>
                      <a:lnTo>
                        <a:pt x="86" y="119"/>
                      </a:lnTo>
                      <a:lnTo>
                        <a:pt x="96" y="104"/>
                      </a:lnTo>
                      <a:lnTo>
                        <a:pt x="96" y="104"/>
                      </a:lnTo>
                      <a:lnTo>
                        <a:pt x="99" y="101"/>
                      </a:lnTo>
                      <a:lnTo>
                        <a:pt x="99" y="101"/>
                      </a:lnTo>
                      <a:lnTo>
                        <a:pt x="113" y="89"/>
                      </a:lnTo>
                      <a:lnTo>
                        <a:pt x="130" y="81"/>
                      </a:lnTo>
                      <a:lnTo>
                        <a:pt x="146" y="74"/>
                      </a:lnTo>
                      <a:lnTo>
                        <a:pt x="165" y="72"/>
                      </a:lnTo>
                      <a:lnTo>
                        <a:pt x="165" y="72"/>
                      </a:lnTo>
                      <a:lnTo>
                        <a:pt x="172" y="70"/>
                      </a:lnTo>
                      <a:lnTo>
                        <a:pt x="177" y="67"/>
                      </a:lnTo>
                      <a:lnTo>
                        <a:pt x="177" y="67"/>
                      </a:lnTo>
                      <a:lnTo>
                        <a:pt x="180" y="62"/>
                      </a:lnTo>
                      <a:lnTo>
                        <a:pt x="182" y="55"/>
                      </a:lnTo>
                      <a:lnTo>
                        <a:pt x="182" y="15"/>
                      </a:lnTo>
                      <a:lnTo>
                        <a:pt x="182" y="15"/>
                      </a:lnTo>
                      <a:lnTo>
                        <a:pt x="180" y="8"/>
                      </a:lnTo>
                      <a:lnTo>
                        <a:pt x="177" y="3"/>
                      </a:lnTo>
                      <a:lnTo>
                        <a:pt x="177" y="3"/>
                      </a:lnTo>
                      <a:lnTo>
                        <a:pt x="172" y="0"/>
                      </a:lnTo>
                      <a:lnTo>
                        <a:pt x="165" y="0"/>
                      </a:lnTo>
                      <a:lnTo>
                        <a:pt x="165" y="0"/>
                      </a:lnTo>
                      <a:lnTo>
                        <a:pt x="148" y="0"/>
                      </a:lnTo>
                      <a:lnTo>
                        <a:pt x="133" y="3"/>
                      </a:lnTo>
                      <a:lnTo>
                        <a:pt x="116" y="6"/>
                      </a:lnTo>
                      <a:lnTo>
                        <a:pt x="101" y="13"/>
                      </a:lnTo>
                      <a:lnTo>
                        <a:pt x="87" y="20"/>
                      </a:lnTo>
                      <a:lnTo>
                        <a:pt x="72" y="28"/>
                      </a:lnTo>
                      <a:lnTo>
                        <a:pt x="59" y="38"/>
                      </a:lnTo>
                      <a:lnTo>
                        <a:pt x="47" y="50"/>
                      </a:lnTo>
                      <a:lnTo>
                        <a:pt x="47" y="5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434" fontAlgn="auto">
                    <a:spcBef>
                      <a:spcPts val="0"/>
                    </a:spcBef>
                    <a:spcAft>
                      <a:spcPts val="0"/>
                    </a:spcAft>
                    <a:defRPr/>
                  </a:pPr>
                  <a:endParaRPr lang="zh-CN" altLang="en-US" kern="0" dirty="0">
                    <a:solidFill>
                      <a:sysClr val="windowText" lastClr="000000"/>
                    </a:solidFill>
                    <a:latin typeface="Arial" pitchFamily="34" charset="0"/>
                    <a:cs typeface="Arial" pitchFamily="34" charset="0"/>
                  </a:endParaRPr>
                </a:p>
              </p:txBody>
            </p:sp>
            <p:sp>
              <p:nvSpPr>
                <p:cNvPr id="229" name="Freeform 59"/>
                <p:cNvSpPr>
                  <a:spLocks/>
                </p:cNvSpPr>
                <p:nvPr/>
              </p:nvSpPr>
              <p:spPr bwMode="auto">
                <a:xfrm>
                  <a:off x="16213138" y="3268663"/>
                  <a:ext cx="252413" cy="261938"/>
                </a:xfrm>
                <a:custGeom>
                  <a:avLst/>
                  <a:gdLst/>
                  <a:ahLst/>
                  <a:cxnLst>
                    <a:cxn ang="0">
                      <a:pos x="302" y="329"/>
                    </a:cxn>
                    <a:cxn ang="0">
                      <a:pos x="309" y="327"/>
                    </a:cxn>
                    <a:cxn ang="0">
                      <a:pos x="317" y="319"/>
                    </a:cxn>
                    <a:cxn ang="0">
                      <a:pos x="319" y="312"/>
                    </a:cxn>
                    <a:cxn ang="0">
                      <a:pos x="314" y="256"/>
                    </a:cxn>
                    <a:cxn ang="0">
                      <a:pos x="300" y="202"/>
                    </a:cxn>
                    <a:cxn ang="0">
                      <a:pos x="277" y="152"/>
                    </a:cxn>
                    <a:cxn ang="0">
                      <a:pos x="243" y="105"/>
                    </a:cxn>
                    <a:cxn ang="0">
                      <a:pos x="231" y="91"/>
                    </a:cxn>
                    <a:cxn ang="0">
                      <a:pos x="209" y="71"/>
                    </a:cxn>
                    <a:cxn ang="0">
                      <a:pos x="159" y="37"/>
                    </a:cxn>
                    <a:cxn ang="0">
                      <a:pos x="105" y="15"/>
                    </a:cxn>
                    <a:cxn ang="0">
                      <a:pos x="46" y="2"/>
                    </a:cxn>
                    <a:cxn ang="0">
                      <a:pos x="15" y="0"/>
                    </a:cxn>
                    <a:cxn ang="0">
                      <a:pos x="4" y="5"/>
                    </a:cxn>
                    <a:cxn ang="0">
                      <a:pos x="0" y="10"/>
                    </a:cxn>
                    <a:cxn ang="0">
                      <a:pos x="0" y="57"/>
                    </a:cxn>
                    <a:cxn ang="0">
                      <a:pos x="0" y="62"/>
                    </a:cxn>
                    <a:cxn ang="0">
                      <a:pos x="4" y="68"/>
                    </a:cxn>
                    <a:cxn ang="0">
                      <a:pos x="15" y="73"/>
                    </a:cxn>
                    <a:cxn ang="0">
                      <a:pos x="39" y="74"/>
                    </a:cxn>
                    <a:cxn ang="0">
                      <a:pos x="83" y="84"/>
                    </a:cxn>
                    <a:cxn ang="0">
                      <a:pos x="125" y="101"/>
                    </a:cxn>
                    <a:cxn ang="0">
                      <a:pos x="162" y="127"/>
                    </a:cxn>
                    <a:cxn ang="0">
                      <a:pos x="179" y="143"/>
                    </a:cxn>
                    <a:cxn ang="0">
                      <a:pos x="189" y="154"/>
                    </a:cxn>
                    <a:cxn ang="0">
                      <a:pos x="214" y="189"/>
                    </a:cxn>
                    <a:cxn ang="0">
                      <a:pos x="231" y="226"/>
                    </a:cxn>
                    <a:cxn ang="0">
                      <a:pos x="243" y="268"/>
                    </a:cxn>
                    <a:cxn ang="0">
                      <a:pos x="245" y="312"/>
                    </a:cxn>
                    <a:cxn ang="0">
                      <a:pos x="247" y="317"/>
                    </a:cxn>
                    <a:cxn ang="0">
                      <a:pos x="250" y="322"/>
                    </a:cxn>
                    <a:cxn ang="0">
                      <a:pos x="262" y="327"/>
                    </a:cxn>
                  </a:cxnLst>
                  <a:rect l="0" t="0" r="r" b="b"/>
                  <a:pathLst>
                    <a:path w="319" h="329">
                      <a:moveTo>
                        <a:pt x="262" y="327"/>
                      </a:moveTo>
                      <a:lnTo>
                        <a:pt x="302" y="329"/>
                      </a:lnTo>
                      <a:lnTo>
                        <a:pt x="302" y="329"/>
                      </a:lnTo>
                      <a:lnTo>
                        <a:pt x="309" y="327"/>
                      </a:lnTo>
                      <a:lnTo>
                        <a:pt x="314" y="324"/>
                      </a:lnTo>
                      <a:lnTo>
                        <a:pt x="317" y="319"/>
                      </a:lnTo>
                      <a:lnTo>
                        <a:pt x="319" y="312"/>
                      </a:lnTo>
                      <a:lnTo>
                        <a:pt x="319" y="312"/>
                      </a:lnTo>
                      <a:lnTo>
                        <a:pt x="317" y="285"/>
                      </a:lnTo>
                      <a:lnTo>
                        <a:pt x="314" y="256"/>
                      </a:lnTo>
                      <a:lnTo>
                        <a:pt x="309" y="229"/>
                      </a:lnTo>
                      <a:lnTo>
                        <a:pt x="300" y="202"/>
                      </a:lnTo>
                      <a:lnTo>
                        <a:pt x="290" y="175"/>
                      </a:lnTo>
                      <a:lnTo>
                        <a:pt x="277" y="152"/>
                      </a:lnTo>
                      <a:lnTo>
                        <a:pt x="262" y="128"/>
                      </a:lnTo>
                      <a:lnTo>
                        <a:pt x="243" y="105"/>
                      </a:lnTo>
                      <a:lnTo>
                        <a:pt x="243" y="105"/>
                      </a:lnTo>
                      <a:lnTo>
                        <a:pt x="231" y="91"/>
                      </a:lnTo>
                      <a:lnTo>
                        <a:pt x="231" y="91"/>
                      </a:lnTo>
                      <a:lnTo>
                        <a:pt x="209" y="71"/>
                      </a:lnTo>
                      <a:lnTo>
                        <a:pt x="186" y="54"/>
                      </a:lnTo>
                      <a:lnTo>
                        <a:pt x="159" y="37"/>
                      </a:lnTo>
                      <a:lnTo>
                        <a:pt x="133" y="25"/>
                      </a:lnTo>
                      <a:lnTo>
                        <a:pt x="105" y="15"/>
                      </a:lnTo>
                      <a:lnTo>
                        <a:pt x="76" y="7"/>
                      </a:lnTo>
                      <a:lnTo>
                        <a:pt x="46" y="2"/>
                      </a:lnTo>
                      <a:lnTo>
                        <a:pt x="15" y="0"/>
                      </a:lnTo>
                      <a:lnTo>
                        <a:pt x="15" y="0"/>
                      </a:lnTo>
                      <a:lnTo>
                        <a:pt x="10" y="2"/>
                      </a:lnTo>
                      <a:lnTo>
                        <a:pt x="4" y="5"/>
                      </a:lnTo>
                      <a:lnTo>
                        <a:pt x="4" y="5"/>
                      </a:lnTo>
                      <a:lnTo>
                        <a:pt x="0" y="10"/>
                      </a:lnTo>
                      <a:lnTo>
                        <a:pt x="0" y="17"/>
                      </a:lnTo>
                      <a:lnTo>
                        <a:pt x="0" y="57"/>
                      </a:lnTo>
                      <a:lnTo>
                        <a:pt x="0" y="57"/>
                      </a:lnTo>
                      <a:lnTo>
                        <a:pt x="0" y="62"/>
                      </a:lnTo>
                      <a:lnTo>
                        <a:pt x="4" y="68"/>
                      </a:lnTo>
                      <a:lnTo>
                        <a:pt x="4" y="68"/>
                      </a:lnTo>
                      <a:lnTo>
                        <a:pt x="9" y="73"/>
                      </a:lnTo>
                      <a:lnTo>
                        <a:pt x="15" y="73"/>
                      </a:lnTo>
                      <a:lnTo>
                        <a:pt x="15" y="73"/>
                      </a:lnTo>
                      <a:lnTo>
                        <a:pt x="39" y="74"/>
                      </a:lnTo>
                      <a:lnTo>
                        <a:pt x="61" y="78"/>
                      </a:lnTo>
                      <a:lnTo>
                        <a:pt x="83" y="84"/>
                      </a:lnTo>
                      <a:lnTo>
                        <a:pt x="105" y="91"/>
                      </a:lnTo>
                      <a:lnTo>
                        <a:pt x="125" y="101"/>
                      </a:lnTo>
                      <a:lnTo>
                        <a:pt x="144" y="113"/>
                      </a:lnTo>
                      <a:lnTo>
                        <a:pt x="162" y="127"/>
                      </a:lnTo>
                      <a:lnTo>
                        <a:pt x="179" y="143"/>
                      </a:lnTo>
                      <a:lnTo>
                        <a:pt x="179" y="143"/>
                      </a:lnTo>
                      <a:lnTo>
                        <a:pt x="189" y="154"/>
                      </a:lnTo>
                      <a:lnTo>
                        <a:pt x="189" y="154"/>
                      </a:lnTo>
                      <a:lnTo>
                        <a:pt x="203" y="170"/>
                      </a:lnTo>
                      <a:lnTo>
                        <a:pt x="214" y="189"/>
                      </a:lnTo>
                      <a:lnTo>
                        <a:pt x="225" y="208"/>
                      </a:lnTo>
                      <a:lnTo>
                        <a:pt x="231" y="226"/>
                      </a:lnTo>
                      <a:lnTo>
                        <a:pt x="238" y="248"/>
                      </a:lnTo>
                      <a:lnTo>
                        <a:pt x="243" y="268"/>
                      </a:lnTo>
                      <a:lnTo>
                        <a:pt x="245" y="290"/>
                      </a:lnTo>
                      <a:lnTo>
                        <a:pt x="245" y="312"/>
                      </a:lnTo>
                      <a:lnTo>
                        <a:pt x="245" y="312"/>
                      </a:lnTo>
                      <a:lnTo>
                        <a:pt x="247" y="317"/>
                      </a:lnTo>
                      <a:lnTo>
                        <a:pt x="250" y="322"/>
                      </a:lnTo>
                      <a:lnTo>
                        <a:pt x="250" y="322"/>
                      </a:lnTo>
                      <a:lnTo>
                        <a:pt x="255" y="326"/>
                      </a:lnTo>
                      <a:lnTo>
                        <a:pt x="262" y="327"/>
                      </a:lnTo>
                      <a:lnTo>
                        <a:pt x="262" y="327"/>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434" fontAlgn="auto">
                    <a:spcBef>
                      <a:spcPts val="0"/>
                    </a:spcBef>
                    <a:spcAft>
                      <a:spcPts val="0"/>
                    </a:spcAft>
                    <a:defRPr/>
                  </a:pPr>
                  <a:endParaRPr lang="zh-CN" altLang="en-US" kern="0" dirty="0">
                    <a:solidFill>
                      <a:sysClr val="windowText" lastClr="000000"/>
                    </a:solidFill>
                    <a:latin typeface="Arial" pitchFamily="34" charset="0"/>
                    <a:cs typeface="Arial" pitchFamily="34" charset="0"/>
                  </a:endParaRPr>
                </a:p>
              </p:txBody>
            </p:sp>
            <p:sp>
              <p:nvSpPr>
                <p:cNvPr id="230" name="Freeform 60"/>
                <p:cNvSpPr>
                  <a:spLocks/>
                </p:cNvSpPr>
                <p:nvPr/>
              </p:nvSpPr>
              <p:spPr bwMode="auto">
                <a:xfrm>
                  <a:off x="16221075" y="3368675"/>
                  <a:ext cx="144463" cy="150813"/>
                </a:xfrm>
                <a:custGeom>
                  <a:avLst/>
                  <a:gdLst/>
                  <a:ahLst/>
                  <a:cxnLst>
                    <a:cxn ang="0">
                      <a:pos x="135" y="50"/>
                    </a:cxn>
                    <a:cxn ang="0">
                      <a:pos x="135" y="50"/>
                    </a:cxn>
                    <a:cxn ang="0">
                      <a:pos x="122" y="38"/>
                    </a:cxn>
                    <a:cxn ang="0">
                      <a:pos x="110" y="28"/>
                    </a:cxn>
                    <a:cxn ang="0">
                      <a:pos x="95" y="20"/>
                    </a:cxn>
                    <a:cxn ang="0">
                      <a:pos x="81" y="13"/>
                    </a:cxn>
                    <a:cxn ang="0">
                      <a:pos x="64" y="6"/>
                    </a:cxn>
                    <a:cxn ang="0">
                      <a:pos x="49" y="3"/>
                    </a:cxn>
                    <a:cxn ang="0">
                      <a:pos x="32" y="0"/>
                    </a:cxn>
                    <a:cxn ang="0">
                      <a:pos x="16" y="0"/>
                    </a:cxn>
                    <a:cxn ang="0">
                      <a:pos x="16" y="0"/>
                    </a:cxn>
                    <a:cxn ang="0">
                      <a:pos x="10" y="0"/>
                    </a:cxn>
                    <a:cxn ang="0">
                      <a:pos x="5" y="3"/>
                    </a:cxn>
                    <a:cxn ang="0">
                      <a:pos x="5" y="3"/>
                    </a:cxn>
                    <a:cxn ang="0">
                      <a:pos x="2" y="8"/>
                    </a:cxn>
                    <a:cxn ang="0">
                      <a:pos x="0" y="15"/>
                    </a:cxn>
                    <a:cxn ang="0">
                      <a:pos x="0" y="55"/>
                    </a:cxn>
                    <a:cxn ang="0">
                      <a:pos x="0" y="55"/>
                    </a:cxn>
                    <a:cxn ang="0">
                      <a:pos x="2" y="62"/>
                    </a:cxn>
                    <a:cxn ang="0">
                      <a:pos x="5" y="67"/>
                    </a:cxn>
                    <a:cxn ang="0">
                      <a:pos x="5" y="67"/>
                    </a:cxn>
                    <a:cxn ang="0">
                      <a:pos x="10" y="70"/>
                    </a:cxn>
                    <a:cxn ang="0">
                      <a:pos x="16" y="72"/>
                    </a:cxn>
                    <a:cxn ang="0">
                      <a:pos x="16" y="72"/>
                    </a:cxn>
                    <a:cxn ang="0">
                      <a:pos x="34" y="74"/>
                    </a:cxn>
                    <a:cxn ang="0">
                      <a:pos x="53" y="81"/>
                    </a:cxn>
                    <a:cxn ang="0">
                      <a:pos x="68" y="89"/>
                    </a:cxn>
                    <a:cxn ang="0">
                      <a:pos x="83" y="101"/>
                    </a:cxn>
                    <a:cxn ang="0">
                      <a:pos x="83" y="101"/>
                    </a:cxn>
                    <a:cxn ang="0">
                      <a:pos x="86" y="104"/>
                    </a:cxn>
                    <a:cxn ang="0">
                      <a:pos x="86" y="104"/>
                    </a:cxn>
                    <a:cxn ang="0">
                      <a:pos x="97" y="119"/>
                    </a:cxn>
                    <a:cxn ang="0">
                      <a:pos x="105" y="136"/>
                    </a:cxn>
                    <a:cxn ang="0">
                      <a:pos x="108" y="153"/>
                    </a:cxn>
                    <a:cxn ang="0">
                      <a:pos x="110" y="170"/>
                    </a:cxn>
                    <a:cxn ang="0">
                      <a:pos x="110" y="170"/>
                    </a:cxn>
                    <a:cxn ang="0">
                      <a:pos x="112" y="177"/>
                    </a:cxn>
                    <a:cxn ang="0">
                      <a:pos x="113" y="182"/>
                    </a:cxn>
                    <a:cxn ang="0">
                      <a:pos x="113" y="182"/>
                    </a:cxn>
                    <a:cxn ang="0">
                      <a:pos x="118" y="185"/>
                    </a:cxn>
                    <a:cxn ang="0">
                      <a:pos x="125" y="187"/>
                    </a:cxn>
                    <a:cxn ang="0">
                      <a:pos x="167" y="189"/>
                    </a:cxn>
                    <a:cxn ang="0">
                      <a:pos x="167" y="189"/>
                    </a:cxn>
                    <a:cxn ang="0">
                      <a:pos x="172" y="187"/>
                    </a:cxn>
                    <a:cxn ang="0">
                      <a:pos x="177" y="183"/>
                    </a:cxn>
                    <a:cxn ang="0">
                      <a:pos x="181" y="178"/>
                    </a:cxn>
                    <a:cxn ang="0">
                      <a:pos x="183" y="173"/>
                    </a:cxn>
                    <a:cxn ang="0">
                      <a:pos x="183" y="173"/>
                    </a:cxn>
                    <a:cxn ang="0">
                      <a:pos x="183" y="156"/>
                    </a:cxn>
                    <a:cxn ang="0">
                      <a:pos x="181" y="141"/>
                    </a:cxn>
                    <a:cxn ang="0">
                      <a:pos x="177" y="126"/>
                    </a:cxn>
                    <a:cxn ang="0">
                      <a:pos x="172" y="111"/>
                    </a:cxn>
                    <a:cxn ang="0">
                      <a:pos x="167" y="96"/>
                    </a:cxn>
                    <a:cxn ang="0">
                      <a:pos x="161" y="82"/>
                    </a:cxn>
                    <a:cxn ang="0">
                      <a:pos x="152" y="69"/>
                    </a:cxn>
                    <a:cxn ang="0">
                      <a:pos x="142" y="57"/>
                    </a:cxn>
                    <a:cxn ang="0">
                      <a:pos x="142" y="57"/>
                    </a:cxn>
                    <a:cxn ang="0">
                      <a:pos x="135" y="50"/>
                    </a:cxn>
                    <a:cxn ang="0">
                      <a:pos x="135" y="50"/>
                    </a:cxn>
                  </a:cxnLst>
                  <a:rect l="0" t="0" r="r" b="b"/>
                  <a:pathLst>
                    <a:path w="183" h="189">
                      <a:moveTo>
                        <a:pt x="135" y="50"/>
                      </a:moveTo>
                      <a:lnTo>
                        <a:pt x="135" y="50"/>
                      </a:lnTo>
                      <a:lnTo>
                        <a:pt x="122" y="38"/>
                      </a:lnTo>
                      <a:lnTo>
                        <a:pt x="110" y="28"/>
                      </a:lnTo>
                      <a:lnTo>
                        <a:pt x="95" y="20"/>
                      </a:lnTo>
                      <a:lnTo>
                        <a:pt x="81" y="13"/>
                      </a:lnTo>
                      <a:lnTo>
                        <a:pt x="64" y="6"/>
                      </a:lnTo>
                      <a:lnTo>
                        <a:pt x="49" y="3"/>
                      </a:lnTo>
                      <a:lnTo>
                        <a:pt x="32" y="0"/>
                      </a:lnTo>
                      <a:lnTo>
                        <a:pt x="16" y="0"/>
                      </a:lnTo>
                      <a:lnTo>
                        <a:pt x="16" y="0"/>
                      </a:lnTo>
                      <a:lnTo>
                        <a:pt x="10" y="0"/>
                      </a:lnTo>
                      <a:lnTo>
                        <a:pt x="5" y="3"/>
                      </a:lnTo>
                      <a:lnTo>
                        <a:pt x="5" y="3"/>
                      </a:lnTo>
                      <a:lnTo>
                        <a:pt x="2" y="8"/>
                      </a:lnTo>
                      <a:lnTo>
                        <a:pt x="0" y="15"/>
                      </a:lnTo>
                      <a:lnTo>
                        <a:pt x="0" y="55"/>
                      </a:lnTo>
                      <a:lnTo>
                        <a:pt x="0" y="55"/>
                      </a:lnTo>
                      <a:lnTo>
                        <a:pt x="2" y="62"/>
                      </a:lnTo>
                      <a:lnTo>
                        <a:pt x="5" y="67"/>
                      </a:lnTo>
                      <a:lnTo>
                        <a:pt x="5" y="67"/>
                      </a:lnTo>
                      <a:lnTo>
                        <a:pt x="10" y="70"/>
                      </a:lnTo>
                      <a:lnTo>
                        <a:pt x="16" y="72"/>
                      </a:lnTo>
                      <a:lnTo>
                        <a:pt x="16" y="72"/>
                      </a:lnTo>
                      <a:lnTo>
                        <a:pt x="34" y="74"/>
                      </a:lnTo>
                      <a:lnTo>
                        <a:pt x="53" y="81"/>
                      </a:lnTo>
                      <a:lnTo>
                        <a:pt x="68" y="89"/>
                      </a:lnTo>
                      <a:lnTo>
                        <a:pt x="83" y="101"/>
                      </a:lnTo>
                      <a:lnTo>
                        <a:pt x="83" y="101"/>
                      </a:lnTo>
                      <a:lnTo>
                        <a:pt x="86" y="104"/>
                      </a:lnTo>
                      <a:lnTo>
                        <a:pt x="86" y="104"/>
                      </a:lnTo>
                      <a:lnTo>
                        <a:pt x="97" y="119"/>
                      </a:lnTo>
                      <a:lnTo>
                        <a:pt x="105" y="136"/>
                      </a:lnTo>
                      <a:lnTo>
                        <a:pt x="108" y="153"/>
                      </a:lnTo>
                      <a:lnTo>
                        <a:pt x="110" y="170"/>
                      </a:lnTo>
                      <a:lnTo>
                        <a:pt x="110" y="170"/>
                      </a:lnTo>
                      <a:lnTo>
                        <a:pt x="112" y="177"/>
                      </a:lnTo>
                      <a:lnTo>
                        <a:pt x="113" y="182"/>
                      </a:lnTo>
                      <a:lnTo>
                        <a:pt x="113" y="182"/>
                      </a:lnTo>
                      <a:lnTo>
                        <a:pt x="118" y="185"/>
                      </a:lnTo>
                      <a:lnTo>
                        <a:pt x="125" y="187"/>
                      </a:lnTo>
                      <a:lnTo>
                        <a:pt x="167" y="189"/>
                      </a:lnTo>
                      <a:lnTo>
                        <a:pt x="167" y="189"/>
                      </a:lnTo>
                      <a:lnTo>
                        <a:pt x="172" y="187"/>
                      </a:lnTo>
                      <a:lnTo>
                        <a:pt x="177" y="183"/>
                      </a:lnTo>
                      <a:lnTo>
                        <a:pt x="181" y="178"/>
                      </a:lnTo>
                      <a:lnTo>
                        <a:pt x="183" y="173"/>
                      </a:lnTo>
                      <a:lnTo>
                        <a:pt x="183" y="173"/>
                      </a:lnTo>
                      <a:lnTo>
                        <a:pt x="183" y="156"/>
                      </a:lnTo>
                      <a:lnTo>
                        <a:pt x="181" y="141"/>
                      </a:lnTo>
                      <a:lnTo>
                        <a:pt x="177" y="126"/>
                      </a:lnTo>
                      <a:lnTo>
                        <a:pt x="172" y="111"/>
                      </a:lnTo>
                      <a:lnTo>
                        <a:pt x="167" y="96"/>
                      </a:lnTo>
                      <a:lnTo>
                        <a:pt x="161" y="82"/>
                      </a:lnTo>
                      <a:lnTo>
                        <a:pt x="152" y="69"/>
                      </a:lnTo>
                      <a:lnTo>
                        <a:pt x="142" y="57"/>
                      </a:lnTo>
                      <a:lnTo>
                        <a:pt x="142" y="57"/>
                      </a:lnTo>
                      <a:lnTo>
                        <a:pt x="135" y="50"/>
                      </a:lnTo>
                      <a:lnTo>
                        <a:pt x="135" y="5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434" fontAlgn="auto">
                    <a:spcBef>
                      <a:spcPts val="0"/>
                    </a:spcBef>
                    <a:spcAft>
                      <a:spcPts val="0"/>
                    </a:spcAft>
                    <a:defRPr/>
                  </a:pPr>
                  <a:endParaRPr lang="zh-CN" altLang="en-US" kern="0" dirty="0">
                    <a:solidFill>
                      <a:sysClr val="windowText" lastClr="000000"/>
                    </a:solidFill>
                    <a:latin typeface="Arial" pitchFamily="34" charset="0"/>
                    <a:cs typeface="Arial" pitchFamily="34" charset="0"/>
                  </a:endParaRPr>
                </a:p>
              </p:txBody>
            </p:sp>
            <p:sp>
              <p:nvSpPr>
                <p:cNvPr id="231" name="Freeform 61"/>
                <p:cNvSpPr>
                  <a:spLocks noEditPoints="1"/>
                </p:cNvSpPr>
                <p:nvPr/>
              </p:nvSpPr>
              <p:spPr bwMode="auto">
                <a:xfrm>
                  <a:off x="15730538" y="3460750"/>
                  <a:ext cx="765175" cy="931863"/>
                </a:xfrm>
                <a:custGeom>
                  <a:avLst/>
                  <a:gdLst/>
                  <a:ahLst/>
                  <a:cxnLst>
                    <a:cxn ang="0">
                      <a:pos x="157" y="1174"/>
                    </a:cxn>
                    <a:cxn ang="0">
                      <a:pos x="963" y="1174"/>
                    </a:cxn>
                    <a:cxn ang="0">
                      <a:pos x="842" y="1026"/>
                    </a:cxn>
                    <a:cxn ang="0">
                      <a:pos x="579" y="248"/>
                    </a:cxn>
                    <a:cxn ang="0">
                      <a:pos x="590" y="238"/>
                    </a:cxn>
                    <a:cxn ang="0">
                      <a:pos x="611" y="215"/>
                    </a:cxn>
                    <a:cxn ang="0">
                      <a:pos x="626" y="186"/>
                    </a:cxn>
                    <a:cxn ang="0">
                      <a:pos x="634" y="154"/>
                    </a:cxn>
                    <a:cxn ang="0">
                      <a:pos x="634" y="137"/>
                    </a:cxn>
                    <a:cxn ang="0">
                      <a:pos x="633" y="110"/>
                    </a:cxn>
                    <a:cxn ang="0">
                      <a:pos x="624" y="85"/>
                    </a:cxn>
                    <a:cxn ang="0">
                      <a:pos x="611" y="61"/>
                    </a:cxn>
                    <a:cxn ang="0">
                      <a:pos x="594" y="41"/>
                    </a:cxn>
                    <a:cxn ang="0">
                      <a:pos x="573" y="24"/>
                    </a:cxn>
                    <a:cxn ang="0">
                      <a:pos x="552" y="10"/>
                    </a:cxn>
                    <a:cxn ang="0">
                      <a:pos x="525" y="4"/>
                    </a:cxn>
                    <a:cxn ang="0">
                      <a:pos x="498" y="0"/>
                    </a:cxn>
                    <a:cxn ang="0">
                      <a:pos x="484" y="0"/>
                    </a:cxn>
                    <a:cxn ang="0">
                      <a:pos x="457" y="7"/>
                    </a:cxn>
                    <a:cxn ang="0">
                      <a:pos x="432" y="17"/>
                    </a:cxn>
                    <a:cxn ang="0">
                      <a:pos x="410" y="31"/>
                    </a:cxn>
                    <a:cxn ang="0">
                      <a:pos x="391" y="49"/>
                    </a:cxn>
                    <a:cxn ang="0">
                      <a:pos x="376" y="71"/>
                    </a:cxn>
                    <a:cxn ang="0">
                      <a:pos x="366" y="96"/>
                    </a:cxn>
                    <a:cxn ang="0">
                      <a:pos x="361" y="123"/>
                    </a:cxn>
                    <a:cxn ang="0">
                      <a:pos x="359" y="137"/>
                    </a:cxn>
                    <a:cxn ang="0">
                      <a:pos x="364" y="169"/>
                    </a:cxn>
                    <a:cxn ang="0">
                      <a:pos x="374" y="198"/>
                    </a:cxn>
                    <a:cxn ang="0">
                      <a:pos x="391" y="223"/>
                    </a:cxn>
                    <a:cxn ang="0">
                      <a:pos x="412" y="245"/>
                    </a:cxn>
                    <a:cxn ang="0">
                      <a:pos x="121" y="1026"/>
                    </a:cxn>
                    <a:cxn ang="0">
                      <a:pos x="0" y="1174"/>
                    </a:cxn>
                    <a:cxn ang="0">
                      <a:pos x="415" y="977"/>
                    </a:cxn>
                    <a:cxn ang="0">
                      <a:pos x="698" y="1026"/>
                    </a:cxn>
                    <a:cxn ang="0">
                      <a:pos x="442" y="478"/>
                    </a:cxn>
                    <a:cxn ang="0">
                      <a:pos x="410" y="597"/>
                    </a:cxn>
                    <a:cxn ang="0">
                      <a:pos x="467" y="387"/>
                    </a:cxn>
                    <a:cxn ang="0">
                      <a:pos x="533" y="429"/>
                    </a:cxn>
                    <a:cxn ang="0">
                      <a:pos x="582" y="604"/>
                    </a:cxn>
                    <a:cxn ang="0">
                      <a:pos x="450" y="678"/>
                    </a:cxn>
                    <a:cxn ang="0">
                      <a:pos x="369" y="743"/>
                    </a:cxn>
                    <a:cxn ang="0">
                      <a:pos x="324" y="910"/>
                    </a:cxn>
                  </a:cxnLst>
                  <a:rect l="0" t="0" r="r" b="b"/>
                  <a:pathLst>
                    <a:path w="963" h="1174">
                      <a:moveTo>
                        <a:pt x="0" y="1174"/>
                      </a:moveTo>
                      <a:lnTo>
                        <a:pt x="157" y="1174"/>
                      </a:lnTo>
                      <a:lnTo>
                        <a:pt x="833" y="1174"/>
                      </a:lnTo>
                      <a:lnTo>
                        <a:pt x="963" y="1174"/>
                      </a:lnTo>
                      <a:lnTo>
                        <a:pt x="918" y="1120"/>
                      </a:lnTo>
                      <a:lnTo>
                        <a:pt x="842" y="1026"/>
                      </a:lnTo>
                      <a:lnTo>
                        <a:pt x="793" y="1026"/>
                      </a:lnTo>
                      <a:lnTo>
                        <a:pt x="579" y="248"/>
                      </a:lnTo>
                      <a:lnTo>
                        <a:pt x="579" y="248"/>
                      </a:lnTo>
                      <a:lnTo>
                        <a:pt x="590" y="238"/>
                      </a:lnTo>
                      <a:lnTo>
                        <a:pt x="602" y="226"/>
                      </a:lnTo>
                      <a:lnTo>
                        <a:pt x="611" y="215"/>
                      </a:lnTo>
                      <a:lnTo>
                        <a:pt x="619" y="201"/>
                      </a:lnTo>
                      <a:lnTo>
                        <a:pt x="626" y="186"/>
                      </a:lnTo>
                      <a:lnTo>
                        <a:pt x="631" y="171"/>
                      </a:lnTo>
                      <a:lnTo>
                        <a:pt x="634" y="154"/>
                      </a:lnTo>
                      <a:lnTo>
                        <a:pt x="634" y="137"/>
                      </a:lnTo>
                      <a:lnTo>
                        <a:pt x="634" y="137"/>
                      </a:lnTo>
                      <a:lnTo>
                        <a:pt x="634" y="123"/>
                      </a:lnTo>
                      <a:lnTo>
                        <a:pt x="633" y="110"/>
                      </a:lnTo>
                      <a:lnTo>
                        <a:pt x="629" y="96"/>
                      </a:lnTo>
                      <a:lnTo>
                        <a:pt x="624" y="85"/>
                      </a:lnTo>
                      <a:lnTo>
                        <a:pt x="617" y="71"/>
                      </a:lnTo>
                      <a:lnTo>
                        <a:pt x="611" y="61"/>
                      </a:lnTo>
                      <a:lnTo>
                        <a:pt x="604" y="49"/>
                      </a:lnTo>
                      <a:lnTo>
                        <a:pt x="594" y="41"/>
                      </a:lnTo>
                      <a:lnTo>
                        <a:pt x="585" y="31"/>
                      </a:lnTo>
                      <a:lnTo>
                        <a:pt x="573" y="24"/>
                      </a:lnTo>
                      <a:lnTo>
                        <a:pt x="563" y="17"/>
                      </a:lnTo>
                      <a:lnTo>
                        <a:pt x="552" y="10"/>
                      </a:lnTo>
                      <a:lnTo>
                        <a:pt x="538" y="7"/>
                      </a:lnTo>
                      <a:lnTo>
                        <a:pt x="525" y="4"/>
                      </a:lnTo>
                      <a:lnTo>
                        <a:pt x="511" y="0"/>
                      </a:lnTo>
                      <a:lnTo>
                        <a:pt x="498" y="0"/>
                      </a:lnTo>
                      <a:lnTo>
                        <a:pt x="498" y="0"/>
                      </a:lnTo>
                      <a:lnTo>
                        <a:pt x="484" y="0"/>
                      </a:lnTo>
                      <a:lnTo>
                        <a:pt x="469" y="4"/>
                      </a:lnTo>
                      <a:lnTo>
                        <a:pt x="457" y="7"/>
                      </a:lnTo>
                      <a:lnTo>
                        <a:pt x="444" y="10"/>
                      </a:lnTo>
                      <a:lnTo>
                        <a:pt x="432" y="17"/>
                      </a:lnTo>
                      <a:lnTo>
                        <a:pt x="420" y="24"/>
                      </a:lnTo>
                      <a:lnTo>
                        <a:pt x="410" y="31"/>
                      </a:lnTo>
                      <a:lnTo>
                        <a:pt x="400" y="41"/>
                      </a:lnTo>
                      <a:lnTo>
                        <a:pt x="391" y="49"/>
                      </a:lnTo>
                      <a:lnTo>
                        <a:pt x="383" y="61"/>
                      </a:lnTo>
                      <a:lnTo>
                        <a:pt x="376" y="71"/>
                      </a:lnTo>
                      <a:lnTo>
                        <a:pt x="371" y="85"/>
                      </a:lnTo>
                      <a:lnTo>
                        <a:pt x="366" y="96"/>
                      </a:lnTo>
                      <a:lnTo>
                        <a:pt x="363" y="110"/>
                      </a:lnTo>
                      <a:lnTo>
                        <a:pt x="361" y="123"/>
                      </a:lnTo>
                      <a:lnTo>
                        <a:pt x="359" y="137"/>
                      </a:lnTo>
                      <a:lnTo>
                        <a:pt x="359" y="137"/>
                      </a:lnTo>
                      <a:lnTo>
                        <a:pt x="361" y="154"/>
                      </a:lnTo>
                      <a:lnTo>
                        <a:pt x="364" y="169"/>
                      </a:lnTo>
                      <a:lnTo>
                        <a:pt x="368" y="184"/>
                      </a:lnTo>
                      <a:lnTo>
                        <a:pt x="374" y="198"/>
                      </a:lnTo>
                      <a:lnTo>
                        <a:pt x="381" y="211"/>
                      </a:lnTo>
                      <a:lnTo>
                        <a:pt x="391" y="223"/>
                      </a:lnTo>
                      <a:lnTo>
                        <a:pt x="400" y="235"/>
                      </a:lnTo>
                      <a:lnTo>
                        <a:pt x="412" y="245"/>
                      </a:lnTo>
                      <a:lnTo>
                        <a:pt x="197" y="1026"/>
                      </a:lnTo>
                      <a:lnTo>
                        <a:pt x="121" y="1026"/>
                      </a:lnTo>
                      <a:lnTo>
                        <a:pt x="46" y="1120"/>
                      </a:lnTo>
                      <a:lnTo>
                        <a:pt x="0" y="1174"/>
                      </a:lnTo>
                      <a:close/>
                      <a:moveTo>
                        <a:pt x="577" y="1026"/>
                      </a:moveTo>
                      <a:lnTo>
                        <a:pt x="415" y="977"/>
                      </a:lnTo>
                      <a:lnTo>
                        <a:pt x="663" y="898"/>
                      </a:lnTo>
                      <a:lnTo>
                        <a:pt x="698" y="1026"/>
                      </a:lnTo>
                      <a:lnTo>
                        <a:pt x="577" y="1026"/>
                      </a:lnTo>
                      <a:close/>
                      <a:moveTo>
                        <a:pt x="442" y="478"/>
                      </a:moveTo>
                      <a:lnTo>
                        <a:pt x="526" y="532"/>
                      </a:lnTo>
                      <a:lnTo>
                        <a:pt x="410" y="597"/>
                      </a:lnTo>
                      <a:lnTo>
                        <a:pt x="442" y="478"/>
                      </a:lnTo>
                      <a:close/>
                      <a:moveTo>
                        <a:pt x="467" y="387"/>
                      </a:moveTo>
                      <a:lnTo>
                        <a:pt x="494" y="287"/>
                      </a:lnTo>
                      <a:lnTo>
                        <a:pt x="533" y="429"/>
                      </a:lnTo>
                      <a:lnTo>
                        <a:pt x="467" y="387"/>
                      </a:lnTo>
                      <a:close/>
                      <a:moveTo>
                        <a:pt x="582" y="604"/>
                      </a:moveTo>
                      <a:lnTo>
                        <a:pt x="622" y="753"/>
                      </a:lnTo>
                      <a:lnTo>
                        <a:pt x="450" y="678"/>
                      </a:lnTo>
                      <a:lnTo>
                        <a:pt x="582" y="604"/>
                      </a:lnTo>
                      <a:close/>
                      <a:moveTo>
                        <a:pt x="369" y="743"/>
                      </a:moveTo>
                      <a:lnTo>
                        <a:pt x="573" y="830"/>
                      </a:lnTo>
                      <a:lnTo>
                        <a:pt x="324" y="910"/>
                      </a:lnTo>
                      <a:lnTo>
                        <a:pt x="369" y="74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defTabSz="1828434" fontAlgn="auto">
                    <a:spcBef>
                      <a:spcPts val="0"/>
                    </a:spcBef>
                    <a:spcAft>
                      <a:spcPts val="0"/>
                    </a:spcAft>
                    <a:defRPr/>
                  </a:pPr>
                  <a:endParaRPr lang="zh-CN" altLang="en-US" kern="0" dirty="0">
                    <a:solidFill>
                      <a:sysClr val="windowText" lastClr="000000"/>
                    </a:solidFill>
                    <a:latin typeface="Arial" pitchFamily="34" charset="0"/>
                    <a:cs typeface="Arial" pitchFamily="34" charset="0"/>
                  </a:endParaRPr>
                </a:p>
              </p:txBody>
            </p:sp>
          </p:grpSp>
          <p:sp>
            <p:nvSpPr>
              <p:cNvPr id="232" name="TextBox 231"/>
              <p:cNvSpPr txBox="1"/>
              <p:nvPr/>
            </p:nvSpPr>
            <p:spPr>
              <a:xfrm>
                <a:off x="7281611" y="4855898"/>
                <a:ext cx="1964043" cy="615364"/>
              </a:xfrm>
              <a:prstGeom prst="rect">
                <a:avLst/>
              </a:prstGeom>
              <a:noFill/>
            </p:spPr>
            <p:txBody>
              <a:bodyPr wrap="square" rtlCol="0">
                <a:spAutoFit/>
              </a:bodyPr>
              <a:lstStyle/>
              <a:p>
                <a:pPr marL="723755" indent="-723755"/>
                <a:r>
                  <a:rPr lang="en-US" altLang="zh-CN" b="1" kern="0" dirty="0" smtClean="0">
                    <a:latin typeface="Arial" pitchFamily="34" charset="0"/>
                    <a:ea typeface="微软雅黑" pitchFamily="34" charset="-122"/>
                    <a:cs typeface="Arial" pitchFamily="34" charset="0"/>
                  </a:rPr>
                  <a:t>LTE:</a:t>
                </a:r>
              </a:p>
              <a:p>
                <a:pPr marL="723755" indent="-723755"/>
                <a:r>
                  <a:rPr lang="en-US" altLang="zh-CN" kern="0" dirty="0" smtClean="0">
                    <a:solidFill>
                      <a:srgbClr val="FF0000"/>
                    </a:solidFill>
                    <a:latin typeface="Arial" pitchFamily="34" charset="0"/>
                    <a:ea typeface="微软雅黑" pitchFamily="34" charset="-122"/>
                    <a:cs typeface="Arial" pitchFamily="34" charset="0"/>
                    <a:sym typeface="Wingdings" pitchFamily="2" charset="2"/>
                  </a:rPr>
                  <a:t>35</a:t>
                </a:r>
                <a:r>
                  <a:rPr lang="en-US" altLang="zh-CN" kern="0" dirty="0" smtClean="0">
                    <a:solidFill>
                      <a:srgbClr val="000000">
                        <a:lumMod val="75000"/>
                        <a:lumOff val="25000"/>
                      </a:srgbClr>
                    </a:solidFill>
                    <a:latin typeface="Arial" pitchFamily="34" charset="0"/>
                    <a:ea typeface="微软雅黑" pitchFamily="34" charset="-122"/>
                    <a:cs typeface="Arial" pitchFamily="34" charset="0"/>
                    <a:sym typeface="Wingdings" pitchFamily="2" charset="2"/>
                  </a:rPr>
                  <a:t> new </a:t>
                </a:r>
                <a:r>
                  <a:rPr lang="en-US" altLang="zh-CN" kern="0" dirty="0" err="1" smtClean="0">
                    <a:solidFill>
                      <a:srgbClr val="000000">
                        <a:lumMod val="75000"/>
                        <a:lumOff val="25000"/>
                      </a:srgbClr>
                    </a:solidFill>
                    <a:latin typeface="Arial" pitchFamily="34" charset="0"/>
                    <a:ea typeface="微软雅黑" pitchFamily="34" charset="-122"/>
                    <a:cs typeface="Arial" pitchFamily="34" charset="0"/>
                    <a:sym typeface="Wingdings" pitchFamily="2" charset="2"/>
                  </a:rPr>
                  <a:t>eLTE</a:t>
                </a:r>
                <a:r>
                  <a:rPr lang="en-US" altLang="zh-CN" kern="0" dirty="0" smtClean="0">
                    <a:solidFill>
                      <a:srgbClr val="000000">
                        <a:lumMod val="75000"/>
                        <a:lumOff val="25000"/>
                      </a:srgbClr>
                    </a:solidFill>
                    <a:latin typeface="Arial" pitchFamily="34" charset="0"/>
                    <a:ea typeface="微软雅黑" pitchFamily="34" charset="-122"/>
                    <a:cs typeface="Arial" pitchFamily="34" charset="0"/>
                    <a:sym typeface="Wingdings" pitchFamily="2" charset="2"/>
                  </a:rPr>
                  <a:t> contracts</a:t>
                </a:r>
              </a:p>
              <a:p>
                <a:pPr marL="723755" indent="-723755"/>
                <a:r>
                  <a:rPr lang="en-US" altLang="zh-CN" kern="0" dirty="0" smtClean="0">
                    <a:solidFill>
                      <a:srgbClr val="FF0000"/>
                    </a:solidFill>
                    <a:latin typeface="Arial" pitchFamily="34" charset="0"/>
                    <a:ea typeface="微软雅黑" pitchFamily="34" charset="-122"/>
                    <a:cs typeface="Arial" pitchFamily="34" charset="0"/>
                    <a:sym typeface="Wingdings" pitchFamily="2" charset="2"/>
                  </a:rPr>
                  <a:t>53</a:t>
                </a:r>
                <a:r>
                  <a:rPr lang="en-US" altLang="zh-CN" b="1" kern="0" dirty="0" smtClean="0">
                    <a:solidFill>
                      <a:srgbClr val="000000">
                        <a:lumMod val="75000"/>
                        <a:lumOff val="25000"/>
                      </a:srgbClr>
                    </a:solidFill>
                    <a:latin typeface="Arial" pitchFamily="34" charset="0"/>
                    <a:ea typeface="微软雅黑" pitchFamily="34" charset="-122"/>
                    <a:cs typeface="Arial" pitchFamily="34" charset="0"/>
                    <a:sym typeface="Wingdings" pitchFamily="2" charset="2"/>
                  </a:rPr>
                  <a:t> in total</a:t>
                </a:r>
                <a:endParaRPr lang="zh-CN" altLang="en-US" b="1" kern="0" dirty="0" smtClean="0">
                  <a:solidFill>
                    <a:srgbClr val="C00000"/>
                  </a:solidFill>
                  <a:latin typeface="Arial" pitchFamily="34" charset="0"/>
                  <a:ea typeface="微软雅黑" pitchFamily="34" charset="-122"/>
                  <a:cs typeface="Arial" pitchFamily="34" charset="0"/>
                  <a:sym typeface="Wingdings" pitchFamily="2" charset="2"/>
                </a:endParaRPr>
              </a:p>
            </p:txBody>
          </p:sp>
        </p:grpSp>
        <p:sp>
          <p:nvSpPr>
            <p:cNvPr id="272" name="矩形 227"/>
            <p:cNvSpPr/>
            <p:nvPr/>
          </p:nvSpPr>
          <p:spPr>
            <a:xfrm>
              <a:off x="2957651" y="2312632"/>
              <a:ext cx="765438" cy="184597"/>
            </a:xfrm>
            <a:prstGeom prst="rect">
              <a:avLst/>
            </a:prstGeom>
          </p:spPr>
          <p:txBody>
            <a:bodyPr wrap="none" lIns="91417" tIns="45708" rIns="91417" bIns="45708">
              <a:spAutoFit/>
            </a:bodyPr>
            <a:lstStyle/>
            <a:p>
              <a:r>
                <a:rPr lang="en-US" altLang="zh-CN" kern="0" dirty="0" smtClean="0">
                  <a:latin typeface="Arial" pitchFamily="34" charset="0"/>
                  <a:ea typeface="微软雅黑" pitchFamily="34" charset="-122"/>
                  <a:cs typeface="Arial" pitchFamily="34" charset="0"/>
                </a:rPr>
                <a:t>Source: GSA</a:t>
              </a:r>
            </a:p>
          </p:txBody>
        </p:sp>
      </p:grpSp>
      <p:grpSp>
        <p:nvGrpSpPr>
          <p:cNvPr id="26" name="组合 233"/>
          <p:cNvGrpSpPr/>
          <p:nvPr/>
        </p:nvGrpSpPr>
        <p:grpSpPr>
          <a:xfrm>
            <a:off x="4071015" y="5745752"/>
            <a:ext cx="4934363" cy="1666688"/>
            <a:chOff x="2803465" y="3010217"/>
            <a:chExt cx="2466753" cy="833087"/>
          </a:xfrm>
        </p:grpSpPr>
        <p:sp>
          <p:nvSpPr>
            <p:cNvPr id="1013" name="圆角矩形 1012"/>
            <p:cNvSpPr/>
            <p:nvPr/>
          </p:nvSpPr>
          <p:spPr bwMode="auto">
            <a:xfrm>
              <a:off x="2803465" y="3067189"/>
              <a:ext cx="500968" cy="491035"/>
            </a:xfrm>
            <a:prstGeom prst="roundRect">
              <a:avLst/>
            </a:prstGeom>
            <a:solidFill>
              <a:schemeClr val="bg1">
                <a:lumMod val="50000"/>
              </a:schemeClr>
            </a:solidFill>
            <a:ln w="12700">
              <a:noFill/>
            </a:ln>
            <a:effectLst/>
          </p:spPr>
          <p:txBody>
            <a:bodyPr lIns="34407" tIns="17203" rIns="34407" bIns="17203"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sp>
          <p:nvSpPr>
            <p:cNvPr id="692" name="Content Placeholder 3"/>
            <p:cNvSpPr txBox="1">
              <a:spLocks/>
            </p:cNvSpPr>
            <p:nvPr/>
          </p:nvSpPr>
          <p:spPr>
            <a:xfrm>
              <a:off x="3337687" y="3010217"/>
              <a:ext cx="1932531" cy="833087"/>
            </a:xfrm>
            <a:prstGeom prst="rect">
              <a:avLst/>
            </a:prstGeom>
          </p:spPr>
          <p:txBody>
            <a:bodyPr lIns="68544" tIns="34272" rIns="68544" bIns="34272"/>
            <a:lstStyle/>
            <a:p>
              <a:pPr eaLnBrk="0" hangingPunct="0">
                <a:spcAft>
                  <a:spcPts val="400"/>
                </a:spcAft>
                <a:buClr>
                  <a:srgbClr val="777777"/>
                </a:buClr>
                <a:buSzPct val="60000"/>
                <a:defRPr/>
              </a:pPr>
              <a:r>
                <a:rPr lang="en-US" altLang="zh-CN" b="1" kern="0" dirty="0" smtClean="0">
                  <a:latin typeface="Arial" pitchFamily="34" charset="0"/>
                  <a:ea typeface="微软雅黑" pitchFamily="34" charset="-122"/>
                  <a:cs typeface="Arial" pitchFamily="34" charset="0"/>
                </a:rPr>
                <a:t>Server:</a:t>
              </a:r>
            </a:p>
            <a:p>
              <a:pPr eaLnBrk="0" hangingPunct="0">
                <a:buClr>
                  <a:srgbClr val="777777"/>
                </a:buClr>
                <a:buSzPct val="60000"/>
                <a:defRPr/>
              </a:pPr>
              <a:r>
                <a:rPr lang="en-US" altLang="zh-CN" kern="0" dirty="0" smtClean="0">
                  <a:solidFill>
                    <a:srgbClr val="C00000"/>
                  </a:solidFill>
                  <a:latin typeface="Arial" pitchFamily="34" charset="0"/>
                  <a:ea typeface="微软雅黑" pitchFamily="34" charset="-122"/>
                  <a:cs typeface="Arial" pitchFamily="34" charset="0"/>
                </a:rPr>
                <a:t>278K</a:t>
              </a:r>
              <a:r>
                <a:rPr lang="en-US" altLang="zh-CN" kern="0" dirty="0" smtClean="0">
                  <a:latin typeface="Arial" pitchFamily="34" charset="0"/>
                  <a:ea typeface="微软雅黑" pitchFamily="34" charset="-122"/>
                  <a:cs typeface="Arial" pitchFamily="34" charset="0"/>
                </a:rPr>
                <a:t> units,  </a:t>
              </a:r>
              <a:r>
                <a:rPr lang="en-US" altLang="zh-CN" kern="0" dirty="0" smtClean="0">
                  <a:solidFill>
                    <a:srgbClr val="C00000"/>
                  </a:solidFill>
                  <a:latin typeface="Arial" pitchFamily="34" charset="0"/>
                  <a:ea typeface="微软雅黑" pitchFamily="34" charset="-122"/>
                  <a:cs typeface="Arial" pitchFamily="34" charset="0"/>
                  <a:sym typeface="Wingdings" pitchFamily="2" charset="2"/>
                </a:rPr>
                <a:t>260%</a:t>
              </a:r>
              <a:r>
                <a:rPr lang="en-US" altLang="zh-CN" kern="0" dirty="0" smtClean="0">
                  <a:solidFill>
                    <a:srgbClr val="FF0000"/>
                  </a:solidFill>
                  <a:latin typeface="Arial" pitchFamily="34" charset="0"/>
                  <a:ea typeface="微软雅黑" pitchFamily="34" charset="-122"/>
                  <a:cs typeface="Arial" pitchFamily="34" charset="0"/>
                </a:rPr>
                <a:t> </a:t>
              </a:r>
              <a:r>
                <a:rPr lang="en-US" altLang="zh-CN" kern="0" dirty="0" err="1" smtClean="0">
                  <a:latin typeface="Arial" pitchFamily="34" charset="0"/>
                  <a:ea typeface="微软雅黑" pitchFamily="34" charset="-122"/>
                  <a:cs typeface="Arial" pitchFamily="34" charset="0"/>
                </a:rPr>
                <a:t>YoY</a:t>
              </a:r>
              <a:endParaRPr lang="en-US" altLang="zh-CN" b="1" kern="0" dirty="0" smtClean="0">
                <a:solidFill>
                  <a:srgbClr val="C00000"/>
                </a:solidFill>
                <a:latin typeface="Arial" pitchFamily="34" charset="0"/>
                <a:ea typeface="微软雅黑" pitchFamily="34" charset="-122"/>
                <a:cs typeface="Arial" pitchFamily="34" charset="0"/>
                <a:sym typeface="Wingdings" pitchFamily="2" charset="2"/>
              </a:endParaRPr>
            </a:p>
            <a:p>
              <a:pPr eaLnBrk="0" hangingPunct="0">
                <a:spcAft>
                  <a:spcPts val="400"/>
                </a:spcAft>
                <a:buClr>
                  <a:srgbClr val="777777"/>
                </a:buClr>
                <a:buSzPct val="60000"/>
                <a:defRPr/>
              </a:pPr>
              <a:r>
                <a:rPr lang="en-US" altLang="zh-CN" kern="0" dirty="0" smtClean="0">
                  <a:solidFill>
                    <a:srgbClr val="C00000"/>
                  </a:solidFill>
                  <a:latin typeface="Arial" pitchFamily="34" charset="0"/>
                  <a:ea typeface="微软雅黑" pitchFamily="34" charset="-122"/>
                  <a:cs typeface="Arial" pitchFamily="34" charset="0"/>
                </a:rPr>
                <a:t>No. 2 </a:t>
              </a:r>
              <a:r>
                <a:rPr lang="en-US" altLang="zh-CN" kern="0" dirty="0" smtClean="0">
                  <a:solidFill>
                    <a:srgbClr val="000000">
                      <a:lumMod val="75000"/>
                      <a:lumOff val="25000"/>
                    </a:srgbClr>
                  </a:solidFill>
                  <a:latin typeface="Arial" pitchFamily="34" charset="0"/>
                  <a:ea typeface="微软雅黑" pitchFamily="34" charset="-122"/>
                  <a:cs typeface="Arial" pitchFamily="34" charset="0"/>
                </a:rPr>
                <a:t>in China, </a:t>
              </a:r>
              <a:r>
                <a:rPr lang="en-US" altLang="zh-CN" kern="0" dirty="0" smtClean="0">
                  <a:solidFill>
                    <a:srgbClr val="C00000"/>
                  </a:solidFill>
                  <a:latin typeface="Arial" pitchFamily="34" charset="0"/>
                  <a:ea typeface="微软雅黑" pitchFamily="34" charset="-122"/>
                  <a:cs typeface="Arial" pitchFamily="34" charset="0"/>
                </a:rPr>
                <a:t>No. 4 </a:t>
              </a:r>
              <a:r>
                <a:rPr lang="en-US" altLang="zh-CN" kern="0" dirty="0" smtClean="0">
                  <a:solidFill>
                    <a:srgbClr val="000000">
                      <a:lumMod val="75000"/>
                      <a:lumOff val="25000"/>
                    </a:srgbClr>
                  </a:solidFill>
                  <a:latin typeface="Arial" pitchFamily="34" charset="0"/>
                  <a:ea typeface="微软雅黑" pitchFamily="34" charset="-122"/>
                  <a:cs typeface="Arial" pitchFamily="34" charset="0"/>
                </a:rPr>
                <a:t>Globally</a:t>
              </a:r>
            </a:p>
            <a:p>
              <a:pPr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defTabSz="1828434"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p:txBody>
        </p:sp>
        <p:sp>
          <p:nvSpPr>
            <p:cNvPr id="268" name="矩形 553"/>
            <p:cNvSpPr/>
            <p:nvPr/>
          </p:nvSpPr>
          <p:spPr>
            <a:xfrm>
              <a:off x="3314346" y="3452024"/>
              <a:ext cx="944943" cy="184597"/>
            </a:xfrm>
            <a:prstGeom prst="rect">
              <a:avLst/>
            </a:prstGeom>
          </p:spPr>
          <p:txBody>
            <a:bodyPr wrap="none" lIns="91417" tIns="45708" rIns="91417" bIns="45708">
              <a:spAutoFit/>
            </a:bodyPr>
            <a:lstStyle/>
            <a:p>
              <a:r>
                <a:rPr lang="en-US" altLang="zh-CN" kern="0" dirty="0" smtClean="0">
                  <a:latin typeface="Arial" pitchFamily="34" charset="0"/>
                  <a:ea typeface="微软雅黑" pitchFamily="34" charset="-122"/>
                  <a:cs typeface="Arial" pitchFamily="34" charset="0"/>
                </a:rPr>
                <a:t>Source : Gartner</a:t>
              </a:r>
              <a:endParaRPr lang="zh-CN" altLang="en-US" dirty="0">
                <a:latin typeface="Arial" pitchFamily="34" charset="0"/>
                <a:cs typeface="Arial" pitchFamily="34" charset="0"/>
              </a:endParaRPr>
            </a:p>
          </p:txBody>
        </p:sp>
        <p:sp>
          <p:nvSpPr>
            <p:cNvPr id="242" name="Freeform 81"/>
            <p:cNvSpPr>
              <a:spLocks noChangeAspect="1" noEditPoints="1"/>
            </p:cNvSpPr>
            <p:nvPr/>
          </p:nvSpPr>
          <p:spPr bwMode="auto">
            <a:xfrm>
              <a:off x="2910376" y="3133452"/>
              <a:ext cx="128325" cy="307521"/>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solidFill>
              <a:schemeClr val="bg1">
                <a:lumMod val="50000"/>
              </a:schemeClr>
            </a:solidFill>
            <a:ln w="9525">
              <a:solidFill>
                <a:schemeClr val="bg1"/>
              </a:solidFill>
              <a:miter lim="800000"/>
              <a:headEnd/>
              <a:tailEnd/>
            </a:ln>
          </p:spPr>
          <p:txBody>
            <a:bodyPr wrap="none" lIns="91424" tIns="45711" rIns="91424" bIns="45711" anchor="ctr"/>
            <a:lstStyle/>
            <a:p>
              <a:pPr defTabSz="1828834" fontAlgn="auto">
                <a:spcBef>
                  <a:spcPts val="0"/>
                </a:spcBef>
                <a:spcAft>
                  <a:spcPts val="0"/>
                </a:spcAft>
              </a:pPr>
              <a:endParaRPr lang="zh-CN" altLang="en-US" dirty="0">
                <a:solidFill>
                  <a:srgbClr val="C00000"/>
                </a:solidFill>
                <a:latin typeface="Arial" pitchFamily="34" charset="0"/>
                <a:cs typeface="Arial" pitchFamily="34" charset="0"/>
              </a:endParaRPr>
            </a:p>
          </p:txBody>
        </p:sp>
        <p:sp>
          <p:nvSpPr>
            <p:cNvPr id="243" name="Freeform 81"/>
            <p:cNvSpPr>
              <a:spLocks noChangeAspect="1" noEditPoints="1"/>
            </p:cNvSpPr>
            <p:nvPr/>
          </p:nvSpPr>
          <p:spPr bwMode="auto">
            <a:xfrm>
              <a:off x="3070210" y="3133452"/>
              <a:ext cx="128325" cy="307521"/>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solidFill>
              <a:schemeClr val="bg1">
                <a:lumMod val="50000"/>
              </a:schemeClr>
            </a:solidFill>
            <a:ln w="9525">
              <a:solidFill>
                <a:schemeClr val="bg1"/>
              </a:solidFill>
              <a:miter lim="800000"/>
              <a:headEnd/>
              <a:tailEnd/>
            </a:ln>
          </p:spPr>
          <p:txBody>
            <a:bodyPr wrap="none" lIns="91424" tIns="45711" rIns="91424" bIns="45711" anchor="ctr"/>
            <a:lstStyle/>
            <a:p>
              <a:pPr defTabSz="1828834" fontAlgn="auto">
                <a:spcBef>
                  <a:spcPts val="0"/>
                </a:spcBef>
                <a:spcAft>
                  <a:spcPts val="0"/>
                </a:spcAft>
              </a:pPr>
              <a:endParaRPr lang="zh-CN" altLang="en-US" dirty="0">
                <a:solidFill>
                  <a:srgbClr val="C00000"/>
                </a:solidFill>
                <a:latin typeface="Arial" pitchFamily="34" charset="0"/>
                <a:cs typeface="Arial" pitchFamily="34" charset="0"/>
              </a:endParaRPr>
            </a:p>
          </p:txBody>
        </p:sp>
      </p:grpSp>
      <p:grpSp>
        <p:nvGrpSpPr>
          <p:cNvPr id="27" name="组合 286"/>
          <p:cNvGrpSpPr/>
          <p:nvPr/>
        </p:nvGrpSpPr>
        <p:grpSpPr>
          <a:xfrm>
            <a:off x="8592128" y="3879558"/>
            <a:ext cx="3840293" cy="1371825"/>
            <a:chOff x="4623414" y="1972440"/>
            <a:chExt cx="1919813" cy="685701"/>
          </a:xfrm>
        </p:grpSpPr>
        <p:sp>
          <p:nvSpPr>
            <p:cNvPr id="197" name="圆角矩形 196"/>
            <p:cNvSpPr/>
            <p:nvPr/>
          </p:nvSpPr>
          <p:spPr bwMode="auto">
            <a:xfrm>
              <a:off x="4624044" y="1997513"/>
              <a:ext cx="500968" cy="491035"/>
            </a:xfrm>
            <a:prstGeom prst="roundRect">
              <a:avLst/>
            </a:prstGeom>
            <a:solidFill>
              <a:schemeClr val="bg1">
                <a:lumMod val="50000"/>
              </a:schemeClr>
            </a:solidFill>
            <a:ln w="12700">
              <a:noFill/>
            </a:ln>
            <a:effectLst/>
          </p:spPr>
          <p:txBody>
            <a:bodyPr lIns="34405" tIns="17202" rIns="34405" bIns="17202"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sp>
          <p:nvSpPr>
            <p:cNvPr id="198" name="Content Placeholder 3"/>
            <p:cNvSpPr txBox="1">
              <a:spLocks/>
            </p:cNvSpPr>
            <p:nvPr/>
          </p:nvSpPr>
          <p:spPr>
            <a:xfrm>
              <a:off x="5158266" y="1972440"/>
              <a:ext cx="1384961" cy="685701"/>
            </a:xfrm>
            <a:prstGeom prst="rect">
              <a:avLst/>
            </a:prstGeom>
          </p:spPr>
          <p:txBody>
            <a:bodyPr lIns="68540" tIns="34270" rIns="68540" bIns="34270"/>
            <a:lstStyle/>
            <a:p>
              <a:r>
                <a:rPr lang="en-US" altLang="zh-CN" b="1" kern="0" dirty="0" smtClean="0">
                  <a:latin typeface="Arial" pitchFamily="34" charset="0"/>
                  <a:ea typeface="微软雅黑" pitchFamily="34" charset="-122"/>
                  <a:cs typeface="Arial" pitchFamily="34" charset="0"/>
                </a:rPr>
                <a:t>GSM-R: </a:t>
              </a:r>
            </a:p>
            <a:p>
              <a:r>
                <a:rPr lang="en-US" altLang="zh-CN" kern="0" dirty="0" smtClean="0">
                  <a:solidFill>
                    <a:srgbClr val="FF0000"/>
                  </a:solidFill>
                  <a:latin typeface="Arial" pitchFamily="34" charset="0"/>
                  <a:ea typeface="微软雅黑" pitchFamily="34" charset="-122"/>
                  <a:cs typeface="Arial" pitchFamily="34" charset="0"/>
                </a:rPr>
                <a:t>13K km </a:t>
              </a:r>
              <a:r>
                <a:rPr lang="en-US" altLang="zh-CN" kern="0" dirty="0" smtClean="0">
                  <a:solidFill>
                    <a:schemeClr val="tx1">
                      <a:lumMod val="75000"/>
                      <a:lumOff val="25000"/>
                    </a:schemeClr>
                  </a:solidFill>
                  <a:latin typeface="Arial" pitchFamily="34" charset="0"/>
                  <a:ea typeface="微软雅黑" pitchFamily="34" charset="-122"/>
                  <a:cs typeface="Arial" pitchFamily="34" charset="0"/>
                </a:rPr>
                <a:t>Coverage</a:t>
              </a:r>
            </a:p>
            <a:p>
              <a:pPr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defTabSz="1828328"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p:txBody>
        </p:sp>
        <p:sp>
          <p:nvSpPr>
            <p:cNvPr id="246" name="Freeform 30"/>
            <p:cNvSpPr>
              <a:spLocks noChangeAspect="1" noEditPoints="1"/>
            </p:cNvSpPr>
            <p:nvPr/>
          </p:nvSpPr>
          <p:spPr bwMode="auto">
            <a:xfrm>
              <a:off x="4623414" y="1997675"/>
              <a:ext cx="484166" cy="398644"/>
            </a:xfrm>
            <a:custGeom>
              <a:avLst/>
              <a:gdLst>
                <a:gd name="T0" fmla="*/ 597 w 1403"/>
                <a:gd name="T1" fmla="*/ 1018 h 1152"/>
                <a:gd name="T2" fmla="*/ 430 w 1403"/>
                <a:gd name="T3" fmla="*/ 1007 h 1152"/>
                <a:gd name="T4" fmla="*/ 0 w 1403"/>
                <a:gd name="T5" fmla="*/ 1048 h 1152"/>
                <a:gd name="T6" fmla="*/ 296 w 1403"/>
                <a:gd name="T7" fmla="*/ 863 h 1152"/>
                <a:gd name="T8" fmla="*/ 293 w 1403"/>
                <a:gd name="T9" fmla="*/ 744 h 1152"/>
                <a:gd name="T10" fmla="*/ 306 w 1403"/>
                <a:gd name="T11" fmla="*/ 654 h 1152"/>
                <a:gd name="T12" fmla="*/ 344 w 1403"/>
                <a:gd name="T13" fmla="*/ 582 h 1152"/>
                <a:gd name="T14" fmla="*/ 437 w 1403"/>
                <a:gd name="T15" fmla="*/ 424 h 1152"/>
                <a:gd name="T16" fmla="*/ 482 w 1403"/>
                <a:gd name="T17" fmla="*/ 389 h 1152"/>
                <a:gd name="T18" fmla="*/ 581 w 1403"/>
                <a:gd name="T19" fmla="*/ 366 h 1152"/>
                <a:gd name="T20" fmla="*/ 725 w 1403"/>
                <a:gd name="T21" fmla="*/ 357 h 1152"/>
                <a:gd name="T22" fmla="*/ 867 w 1403"/>
                <a:gd name="T23" fmla="*/ 366 h 1152"/>
                <a:gd name="T24" fmla="*/ 772 w 1403"/>
                <a:gd name="T25" fmla="*/ 326 h 1152"/>
                <a:gd name="T26" fmla="*/ 372 w 1403"/>
                <a:gd name="T27" fmla="*/ 151 h 1152"/>
                <a:gd name="T28" fmla="*/ 67 w 1403"/>
                <a:gd name="T29" fmla="*/ 0 h 1152"/>
                <a:gd name="T30" fmla="*/ 373 w 1403"/>
                <a:gd name="T31" fmla="*/ 151 h 1152"/>
                <a:gd name="T32" fmla="*/ 776 w 1403"/>
                <a:gd name="T33" fmla="*/ 328 h 1152"/>
                <a:gd name="T34" fmla="*/ 966 w 1403"/>
                <a:gd name="T35" fmla="*/ 386 h 1152"/>
                <a:gd name="T36" fmla="*/ 1144 w 1403"/>
                <a:gd name="T37" fmla="*/ 443 h 1152"/>
                <a:gd name="T38" fmla="*/ 1237 w 1403"/>
                <a:gd name="T39" fmla="*/ 507 h 1152"/>
                <a:gd name="T40" fmla="*/ 1394 w 1403"/>
                <a:gd name="T41" fmla="*/ 570 h 1152"/>
                <a:gd name="T42" fmla="*/ 1377 w 1403"/>
                <a:gd name="T43" fmla="*/ 800 h 1152"/>
                <a:gd name="T44" fmla="*/ 1036 w 1403"/>
                <a:gd name="T45" fmla="*/ 575 h 1152"/>
                <a:gd name="T46" fmla="*/ 434 w 1403"/>
                <a:gd name="T47" fmla="*/ 691 h 1152"/>
                <a:gd name="T48" fmla="*/ 673 w 1403"/>
                <a:gd name="T49" fmla="*/ 746 h 1152"/>
                <a:gd name="T50" fmla="*/ 673 w 1403"/>
                <a:gd name="T51" fmla="*/ 746 h 1152"/>
                <a:gd name="T52" fmla="*/ 1060 w 1403"/>
                <a:gd name="T53" fmla="*/ 579 h 1152"/>
                <a:gd name="T54" fmla="*/ 1194 w 1403"/>
                <a:gd name="T55" fmla="*/ 593 h 1152"/>
                <a:gd name="T56" fmla="*/ 1246 w 1403"/>
                <a:gd name="T57" fmla="*/ 720 h 1152"/>
                <a:gd name="T58" fmla="*/ 1262 w 1403"/>
                <a:gd name="T59" fmla="*/ 719 h 1152"/>
                <a:gd name="T60" fmla="*/ 1262 w 1403"/>
                <a:gd name="T61" fmla="*/ 719 h 1152"/>
                <a:gd name="T62" fmla="*/ 1302 w 1403"/>
                <a:gd name="T63" fmla="*/ 606 h 1152"/>
                <a:gd name="T64" fmla="*/ 1349 w 1403"/>
                <a:gd name="T65" fmla="*/ 611 h 1152"/>
                <a:gd name="T66" fmla="*/ 1374 w 1403"/>
                <a:gd name="T67" fmla="*/ 708 h 1152"/>
                <a:gd name="T68" fmla="*/ 1361 w 1403"/>
                <a:gd name="T69" fmla="*/ 709 h 1152"/>
                <a:gd name="T70" fmla="*/ 402 w 1403"/>
                <a:gd name="T71" fmla="*/ 547 h 1152"/>
                <a:gd name="T72" fmla="*/ 611 w 1403"/>
                <a:gd name="T73" fmla="*/ 455 h 1152"/>
                <a:gd name="T74" fmla="*/ 442 w 1403"/>
                <a:gd name="T75" fmla="*/ 0 h 1152"/>
                <a:gd name="T76" fmla="*/ 600 w 1403"/>
                <a:gd name="T77" fmla="*/ 112 h 1152"/>
                <a:gd name="T78" fmla="*/ 816 w 1403"/>
                <a:gd name="T79" fmla="*/ 246 h 1152"/>
                <a:gd name="T80" fmla="*/ 1039 w 1403"/>
                <a:gd name="T81" fmla="*/ 366 h 1152"/>
                <a:gd name="T82" fmla="*/ 1266 w 1403"/>
                <a:gd name="T83" fmla="*/ 469 h 1152"/>
                <a:gd name="T84" fmla="*/ 1265 w 1403"/>
                <a:gd name="T85" fmla="*/ 470 h 1152"/>
                <a:gd name="T86" fmla="*/ 1037 w 1403"/>
                <a:gd name="T87" fmla="*/ 367 h 1152"/>
                <a:gd name="T88" fmla="*/ 816 w 1403"/>
                <a:gd name="T89" fmla="*/ 248 h 1152"/>
                <a:gd name="T90" fmla="*/ 600 w 1403"/>
                <a:gd name="T91" fmla="*/ 112 h 1152"/>
                <a:gd name="T92" fmla="*/ 440 w 1403"/>
                <a:gd name="T93" fmla="*/ 1 h 1152"/>
                <a:gd name="T94" fmla="*/ 548 w 1403"/>
                <a:gd name="T95" fmla="*/ 427 h 11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1403" h="1152">
                  <a:moveTo>
                    <a:pt x="327" y="1152"/>
                  </a:moveTo>
                  <a:lnTo>
                    <a:pt x="264" y="1136"/>
                  </a:lnTo>
                  <a:lnTo>
                    <a:pt x="597" y="1018"/>
                  </a:lnTo>
                  <a:lnTo>
                    <a:pt x="597" y="1018"/>
                  </a:lnTo>
                  <a:lnTo>
                    <a:pt x="545" y="1016"/>
                  </a:lnTo>
                  <a:lnTo>
                    <a:pt x="485" y="1013"/>
                  </a:lnTo>
                  <a:lnTo>
                    <a:pt x="456" y="1010"/>
                  </a:lnTo>
                  <a:lnTo>
                    <a:pt x="430" y="1007"/>
                  </a:lnTo>
                  <a:lnTo>
                    <a:pt x="407" y="1004"/>
                  </a:lnTo>
                  <a:lnTo>
                    <a:pt x="391" y="1000"/>
                  </a:lnTo>
                  <a:lnTo>
                    <a:pt x="52" y="1076"/>
                  </a:lnTo>
                  <a:lnTo>
                    <a:pt x="0" y="1048"/>
                  </a:lnTo>
                  <a:lnTo>
                    <a:pt x="372" y="955"/>
                  </a:lnTo>
                  <a:lnTo>
                    <a:pt x="299" y="885"/>
                  </a:lnTo>
                  <a:lnTo>
                    <a:pt x="299" y="885"/>
                  </a:lnTo>
                  <a:lnTo>
                    <a:pt x="296" y="863"/>
                  </a:lnTo>
                  <a:lnTo>
                    <a:pt x="293" y="840"/>
                  </a:lnTo>
                  <a:lnTo>
                    <a:pt x="292" y="817"/>
                  </a:lnTo>
                  <a:lnTo>
                    <a:pt x="292" y="793"/>
                  </a:lnTo>
                  <a:lnTo>
                    <a:pt x="293" y="744"/>
                  </a:lnTo>
                  <a:lnTo>
                    <a:pt x="297" y="697"/>
                  </a:lnTo>
                  <a:lnTo>
                    <a:pt x="297" y="697"/>
                  </a:lnTo>
                  <a:lnTo>
                    <a:pt x="301" y="676"/>
                  </a:lnTo>
                  <a:lnTo>
                    <a:pt x="306" y="654"/>
                  </a:lnTo>
                  <a:lnTo>
                    <a:pt x="312" y="634"/>
                  </a:lnTo>
                  <a:lnTo>
                    <a:pt x="321" y="616"/>
                  </a:lnTo>
                  <a:lnTo>
                    <a:pt x="332" y="598"/>
                  </a:lnTo>
                  <a:lnTo>
                    <a:pt x="344" y="582"/>
                  </a:lnTo>
                  <a:lnTo>
                    <a:pt x="358" y="569"/>
                  </a:lnTo>
                  <a:lnTo>
                    <a:pt x="373" y="558"/>
                  </a:lnTo>
                  <a:lnTo>
                    <a:pt x="437" y="424"/>
                  </a:lnTo>
                  <a:lnTo>
                    <a:pt x="437" y="424"/>
                  </a:lnTo>
                  <a:lnTo>
                    <a:pt x="444" y="414"/>
                  </a:lnTo>
                  <a:lnTo>
                    <a:pt x="453" y="405"/>
                  </a:lnTo>
                  <a:lnTo>
                    <a:pt x="466" y="396"/>
                  </a:lnTo>
                  <a:lnTo>
                    <a:pt x="482" y="389"/>
                  </a:lnTo>
                  <a:lnTo>
                    <a:pt x="501" y="381"/>
                  </a:lnTo>
                  <a:lnTo>
                    <a:pt x="524" y="375"/>
                  </a:lnTo>
                  <a:lnTo>
                    <a:pt x="551" y="370"/>
                  </a:lnTo>
                  <a:lnTo>
                    <a:pt x="581" y="366"/>
                  </a:lnTo>
                  <a:lnTo>
                    <a:pt x="581" y="366"/>
                  </a:lnTo>
                  <a:lnTo>
                    <a:pt x="653" y="359"/>
                  </a:lnTo>
                  <a:lnTo>
                    <a:pt x="689" y="357"/>
                  </a:lnTo>
                  <a:lnTo>
                    <a:pt x="725" y="357"/>
                  </a:lnTo>
                  <a:lnTo>
                    <a:pt x="760" y="357"/>
                  </a:lnTo>
                  <a:lnTo>
                    <a:pt x="796" y="358"/>
                  </a:lnTo>
                  <a:lnTo>
                    <a:pt x="832" y="361"/>
                  </a:lnTo>
                  <a:lnTo>
                    <a:pt x="867" y="366"/>
                  </a:lnTo>
                  <a:lnTo>
                    <a:pt x="867" y="366"/>
                  </a:lnTo>
                  <a:lnTo>
                    <a:pt x="871" y="366"/>
                  </a:lnTo>
                  <a:lnTo>
                    <a:pt x="871" y="366"/>
                  </a:lnTo>
                  <a:lnTo>
                    <a:pt x="772" y="326"/>
                  </a:lnTo>
                  <a:lnTo>
                    <a:pt x="673" y="286"/>
                  </a:lnTo>
                  <a:lnTo>
                    <a:pt x="572" y="243"/>
                  </a:lnTo>
                  <a:lnTo>
                    <a:pt x="472" y="198"/>
                  </a:lnTo>
                  <a:lnTo>
                    <a:pt x="372" y="151"/>
                  </a:lnTo>
                  <a:lnTo>
                    <a:pt x="270" y="103"/>
                  </a:lnTo>
                  <a:lnTo>
                    <a:pt x="169" y="53"/>
                  </a:lnTo>
                  <a:lnTo>
                    <a:pt x="67" y="1"/>
                  </a:lnTo>
                  <a:lnTo>
                    <a:pt x="67" y="0"/>
                  </a:lnTo>
                  <a:lnTo>
                    <a:pt x="67" y="0"/>
                  </a:lnTo>
                  <a:lnTo>
                    <a:pt x="170" y="52"/>
                  </a:lnTo>
                  <a:lnTo>
                    <a:pt x="271" y="103"/>
                  </a:lnTo>
                  <a:lnTo>
                    <a:pt x="373" y="151"/>
                  </a:lnTo>
                  <a:lnTo>
                    <a:pt x="475" y="198"/>
                  </a:lnTo>
                  <a:lnTo>
                    <a:pt x="575" y="243"/>
                  </a:lnTo>
                  <a:lnTo>
                    <a:pt x="675" y="286"/>
                  </a:lnTo>
                  <a:lnTo>
                    <a:pt x="776" y="328"/>
                  </a:lnTo>
                  <a:lnTo>
                    <a:pt x="875" y="366"/>
                  </a:lnTo>
                  <a:lnTo>
                    <a:pt x="875" y="366"/>
                  </a:lnTo>
                  <a:lnTo>
                    <a:pt x="921" y="375"/>
                  </a:lnTo>
                  <a:lnTo>
                    <a:pt x="966" y="386"/>
                  </a:lnTo>
                  <a:lnTo>
                    <a:pt x="1011" y="399"/>
                  </a:lnTo>
                  <a:lnTo>
                    <a:pt x="1056" y="413"/>
                  </a:lnTo>
                  <a:lnTo>
                    <a:pt x="1101" y="428"/>
                  </a:lnTo>
                  <a:lnTo>
                    <a:pt x="1144" y="443"/>
                  </a:lnTo>
                  <a:lnTo>
                    <a:pt x="1228" y="475"/>
                  </a:lnTo>
                  <a:lnTo>
                    <a:pt x="1228" y="475"/>
                  </a:lnTo>
                  <a:lnTo>
                    <a:pt x="1233" y="490"/>
                  </a:lnTo>
                  <a:lnTo>
                    <a:pt x="1237" y="507"/>
                  </a:lnTo>
                  <a:lnTo>
                    <a:pt x="1239" y="522"/>
                  </a:lnTo>
                  <a:lnTo>
                    <a:pt x="1242" y="539"/>
                  </a:lnTo>
                  <a:lnTo>
                    <a:pt x="1394" y="570"/>
                  </a:lnTo>
                  <a:lnTo>
                    <a:pt x="1394" y="570"/>
                  </a:lnTo>
                  <a:lnTo>
                    <a:pt x="1399" y="593"/>
                  </a:lnTo>
                  <a:lnTo>
                    <a:pt x="1402" y="615"/>
                  </a:lnTo>
                  <a:lnTo>
                    <a:pt x="1403" y="705"/>
                  </a:lnTo>
                  <a:lnTo>
                    <a:pt x="1377" y="800"/>
                  </a:lnTo>
                  <a:lnTo>
                    <a:pt x="327" y="1152"/>
                  </a:lnTo>
                  <a:close/>
                  <a:moveTo>
                    <a:pt x="842" y="760"/>
                  </a:moveTo>
                  <a:lnTo>
                    <a:pt x="1036" y="741"/>
                  </a:lnTo>
                  <a:lnTo>
                    <a:pt x="1036" y="575"/>
                  </a:lnTo>
                  <a:lnTo>
                    <a:pt x="931" y="564"/>
                  </a:lnTo>
                  <a:lnTo>
                    <a:pt x="842" y="760"/>
                  </a:lnTo>
                  <a:close/>
                  <a:moveTo>
                    <a:pt x="414" y="746"/>
                  </a:moveTo>
                  <a:lnTo>
                    <a:pt x="434" y="691"/>
                  </a:lnTo>
                  <a:lnTo>
                    <a:pt x="334" y="691"/>
                  </a:lnTo>
                  <a:lnTo>
                    <a:pt x="306" y="746"/>
                  </a:lnTo>
                  <a:lnTo>
                    <a:pt x="414" y="746"/>
                  </a:lnTo>
                  <a:close/>
                  <a:moveTo>
                    <a:pt x="673" y="746"/>
                  </a:moveTo>
                  <a:lnTo>
                    <a:pt x="701" y="691"/>
                  </a:lnTo>
                  <a:lnTo>
                    <a:pt x="583" y="691"/>
                  </a:lnTo>
                  <a:lnTo>
                    <a:pt x="562" y="746"/>
                  </a:lnTo>
                  <a:lnTo>
                    <a:pt x="673" y="746"/>
                  </a:lnTo>
                  <a:close/>
                  <a:moveTo>
                    <a:pt x="1060" y="738"/>
                  </a:moveTo>
                  <a:lnTo>
                    <a:pt x="1126" y="732"/>
                  </a:lnTo>
                  <a:lnTo>
                    <a:pt x="1126" y="586"/>
                  </a:lnTo>
                  <a:lnTo>
                    <a:pt x="1060" y="579"/>
                  </a:lnTo>
                  <a:lnTo>
                    <a:pt x="1060" y="738"/>
                  </a:lnTo>
                  <a:close/>
                  <a:moveTo>
                    <a:pt x="1147" y="729"/>
                  </a:moveTo>
                  <a:lnTo>
                    <a:pt x="1194" y="725"/>
                  </a:lnTo>
                  <a:lnTo>
                    <a:pt x="1194" y="593"/>
                  </a:lnTo>
                  <a:lnTo>
                    <a:pt x="1147" y="588"/>
                  </a:lnTo>
                  <a:lnTo>
                    <a:pt x="1147" y="729"/>
                  </a:lnTo>
                  <a:close/>
                  <a:moveTo>
                    <a:pt x="1211" y="724"/>
                  </a:moveTo>
                  <a:lnTo>
                    <a:pt x="1246" y="720"/>
                  </a:lnTo>
                  <a:lnTo>
                    <a:pt x="1246" y="600"/>
                  </a:lnTo>
                  <a:lnTo>
                    <a:pt x="1211" y="596"/>
                  </a:lnTo>
                  <a:lnTo>
                    <a:pt x="1211" y="724"/>
                  </a:lnTo>
                  <a:close/>
                  <a:moveTo>
                    <a:pt x="1262" y="719"/>
                  </a:moveTo>
                  <a:lnTo>
                    <a:pt x="1286" y="716"/>
                  </a:lnTo>
                  <a:lnTo>
                    <a:pt x="1286" y="603"/>
                  </a:lnTo>
                  <a:lnTo>
                    <a:pt x="1262" y="601"/>
                  </a:lnTo>
                  <a:lnTo>
                    <a:pt x="1262" y="719"/>
                  </a:lnTo>
                  <a:close/>
                  <a:moveTo>
                    <a:pt x="1302" y="715"/>
                  </a:moveTo>
                  <a:lnTo>
                    <a:pt x="1321" y="713"/>
                  </a:lnTo>
                  <a:lnTo>
                    <a:pt x="1321" y="607"/>
                  </a:lnTo>
                  <a:lnTo>
                    <a:pt x="1302" y="606"/>
                  </a:lnTo>
                  <a:lnTo>
                    <a:pt x="1302" y="715"/>
                  </a:lnTo>
                  <a:close/>
                  <a:moveTo>
                    <a:pt x="1335" y="711"/>
                  </a:moveTo>
                  <a:lnTo>
                    <a:pt x="1349" y="710"/>
                  </a:lnTo>
                  <a:lnTo>
                    <a:pt x="1349" y="611"/>
                  </a:lnTo>
                  <a:lnTo>
                    <a:pt x="1335" y="608"/>
                  </a:lnTo>
                  <a:lnTo>
                    <a:pt x="1335" y="711"/>
                  </a:lnTo>
                  <a:close/>
                  <a:moveTo>
                    <a:pt x="1361" y="709"/>
                  </a:moveTo>
                  <a:lnTo>
                    <a:pt x="1374" y="708"/>
                  </a:lnTo>
                  <a:lnTo>
                    <a:pt x="1374" y="615"/>
                  </a:lnTo>
                  <a:lnTo>
                    <a:pt x="1392" y="615"/>
                  </a:lnTo>
                  <a:lnTo>
                    <a:pt x="1361" y="612"/>
                  </a:lnTo>
                  <a:lnTo>
                    <a:pt x="1361" y="709"/>
                  </a:lnTo>
                  <a:close/>
                  <a:moveTo>
                    <a:pt x="553" y="547"/>
                  </a:moveTo>
                  <a:lnTo>
                    <a:pt x="592" y="455"/>
                  </a:lnTo>
                  <a:lnTo>
                    <a:pt x="440" y="455"/>
                  </a:lnTo>
                  <a:lnTo>
                    <a:pt x="402" y="547"/>
                  </a:lnTo>
                  <a:lnTo>
                    <a:pt x="553" y="547"/>
                  </a:lnTo>
                  <a:close/>
                  <a:moveTo>
                    <a:pt x="730" y="547"/>
                  </a:moveTo>
                  <a:lnTo>
                    <a:pt x="767" y="455"/>
                  </a:lnTo>
                  <a:lnTo>
                    <a:pt x="611" y="455"/>
                  </a:lnTo>
                  <a:lnTo>
                    <a:pt x="572" y="547"/>
                  </a:lnTo>
                  <a:lnTo>
                    <a:pt x="730" y="547"/>
                  </a:lnTo>
                  <a:close/>
                  <a:moveTo>
                    <a:pt x="440" y="1"/>
                  </a:moveTo>
                  <a:lnTo>
                    <a:pt x="442" y="0"/>
                  </a:lnTo>
                  <a:lnTo>
                    <a:pt x="442" y="0"/>
                  </a:lnTo>
                  <a:lnTo>
                    <a:pt x="494" y="38"/>
                  </a:lnTo>
                  <a:lnTo>
                    <a:pt x="547" y="75"/>
                  </a:lnTo>
                  <a:lnTo>
                    <a:pt x="600" y="112"/>
                  </a:lnTo>
                  <a:lnTo>
                    <a:pt x="654" y="147"/>
                  </a:lnTo>
                  <a:lnTo>
                    <a:pt x="708" y="182"/>
                  </a:lnTo>
                  <a:lnTo>
                    <a:pt x="762" y="215"/>
                  </a:lnTo>
                  <a:lnTo>
                    <a:pt x="816" y="246"/>
                  </a:lnTo>
                  <a:lnTo>
                    <a:pt x="872" y="278"/>
                  </a:lnTo>
                  <a:lnTo>
                    <a:pt x="927" y="309"/>
                  </a:lnTo>
                  <a:lnTo>
                    <a:pt x="983" y="338"/>
                  </a:lnTo>
                  <a:lnTo>
                    <a:pt x="1039" y="366"/>
                  </a:lnTo>
                  <a:lnTo>
                    <a:pt x="1095" y="394"/>
                  </a:lnTo>
                  <a:lnTo>
                    <a:pt x="1152" y="419"/>
                  </a:lnTo>
                  <a:lnTo>
                    <a:pt x="1208" y="445"/>
                  </a:lnTo>
                  <a:lnTo>
                    <a:pt x="1266" y="469"/>
                  </a:lnTo>
                  <a:lnTo>
                    <a:pt x="1323" y="492"/>
                  </a:lnTo>
                  <a:lnTo>
                    <a:pt x="1323" y="493"/>
                  </a:lnTo>
                  <a:lnTo>
                    <a:pt x="1323" y="493"/>
                  </a:lnTo>
                  <a:lnTo>
                    <a:pt x="1265" y="470"/>
                  </a:lnTo>
                  <a:lnTo>
                    <a:pt x="1208" y="446"/>
                  </a:lnTo>
                  <a:lnTo>
                    <a:pt x="1150" y="420"/>
                  </a:lnTo>
                  <a:lnTo>
                    <a:pt x="1095" y="394"/>
                  </a:lnTo>
                  <a:lnTo>
                    <a:pt x="1037" y="367"/>
                  </a:lnTo>
                  <a:lnTo>
                    <a:pt x="982" y="339"/>
                  </a:lnTo>
                  <a:lnTo>
                    <a:pt x="927" y="310"/>
                  </a:lnTo>
                  <a:lnTo>
                    <a:pt x="871" y="279"/>
                  </a:lnTo>
                  <a:lnTo>
                    <a:pt x="816" y="248"/>
                  </a:lnTo>
                  <a:lnTo>
                    <a:pt x="762" y="215"/>
                  </a:lnTo>
                  <a:lnTo>
                    <a:pt x="707" y="182"/>
                  </a:lnTo>
                  <a:lnTo>
                    <a:pt x="654" y="147"/>
                  </a:lnTo>
                  <a:lnTo>
                    <a:pt x="600" y="112"/>
                  </a:lnTo>
                  <a:lnTo>
                    <a:pt x="547" y="76"/>
                  </a:lnTo>
                  <a:lnTo>
                    <a:pt x="494" y="39"/>
                  </a:lnTo>
                  <a:lnTo>
                    <a:pt x="440" y="1"/>
                  </a:lnTo>
                  <a:lnTo>
                    <a:pt x="440" y="1"/>
                  </a:lnTo>
                  <a:close/>
                  <a:moveTo>
                    <a:pt x="684" y="427"/>
                  </a:moveTo>
                  <a:lnTo>
                    <a:pt x="703" y="396"/>
                  </a:lnTo>
                  <a:lnTo>
                    <a:pt x="567" y="396"/>
                  </a:lnTo>
                  <a:lnTo>
                    <a:pt x="548" y="427"/>
                  </a:lnTo>
                  <a:lnTo>
                    <a:pt x="684" y="427"/>
                  </a:lnTo>
                  <a:close/>
                </a:path>
              </a:pathLst>
            </a:custGeom>
            <a:solidFill>
              <a:srgbClr val="F9F9F9"/>
            </a:solidFill>
            <a:ln/>
            <a:effectLst/>
            <a:scene3d>
              <a:camera prst="orthographicFront" fov="600000">
                <a:rot lat="0" lon="0" rev="0"/>
              </a:camera>
              <a:lightRig rig="threePt" dir="t">
                <a:rot lat="0" lon="0" rev="1200000"/>
              </a:lightRig>
            </a:scene3d>
            <a:sp3d/>
          </p:spPr>
          <p:style>
            <a:lnRef idx="0">
              <a:schemeClr val="accent2"/>
            </a:lnRef>
            <a:fillRef idx="3">
              <a:schemeClr val="accent2"/>
            </a:fillRef>
            <a:effectRef idx="3">
              <a:schemeClr val="accent2"/>
            </a:effectRef>
            <a:fontRef idx="minor">
              <a:schemeClr val="lt1"/>
            </a:fontRef>
          </p:style>
          <p:txBody>
            <a:bodyPr lIns="68552" tIns="34276" rIns="68552" bIns="34276" anchor="ctr"/>
            <a:lstStyle/>
            <a:p>
              <a:pPr algn="ctr" defTabSz="1371314">
                <a:defRPr/>
              </a:pPr>
              <a:endParaRPr lang="zh-CN" altLang="en-US" kern="0" dirty="0">
                <a:solidFill>
                  <a:srgbClr val="000000"/>
                </a:solidFill>
                <a:latin typeface="Arial" pitchFamily="34" charset="0"/>
                <a:cs typeface="Arial" pitchFamily="34" charset="0"/>
              </a:endParaRPr>
            </a:p>
          </p:txBody>
        </p:sp>
      </p:grpSp>
      <p:grpSp>
        <p:nvGrpSpPr>
          <p:cNvPr id="28" name="组合 287"/>
          <p:cNvGrpSpPr/>
          <p:nvPr/>
        </p:nvGrpSpPr>
        <p:grpSpPr>
          <a:xfrm>
            <a:off x="12763395" y="3893915"/>
            <a:ext cx="3902335" cy="1666688"/>
            <a:chOff x="6650672" y="1982316"/>
            <a:chExt cx="1950829" cy="833087"/>
          </a:xfrm>
        </p:grpSpPr>
        <p:sp>
          <p:nvSpPr>
            <p:cNvPr id="195" name="圆角矩形 194"/>
            <p:cNvSpPr/>
            <p:nvPr/>
          </p:nvSpPr>
          <p:spPr bwMode="auto">
            <a:xfrm>
              <a:off x="6650672" y="1985772"/>
              <a:ext cx="500968" cy="491035"/>
            </a:xfrm>
            <a:prstGeom prst="roundRect">
              <a:avLst/>
            </a:prstGeom>
            <a:solidFill>
              <a:schemeClr val="bg1">
                <a:lumMod val="50000"/>
              </a:schemeClr>
            </a:solidFill>
            <a:ln w="12700">
              <a:noFill/>
            </a:ln>
            <a:effectLst/>
          </p:spPr>
          <p:txBody>
            <a:bodyPr lIns="34405" tIns="17202" rIns="34405" bIns="17202"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sp>
          <p:nvSpPr>
            <p:cNvPr id="196" name="Content Placeholder 3"/>
            <p:cNvSpPr txBox="1">
              <a:spLocks/>
            </p:cNvSpPr>
            <p:nvPr/>
          </p:nvSpPr>
          <p:spPr>
            <a:xfrm>
              <a:off x="7216540" y="1982316"/>
              <a:ext cx="1384961" cy="833087"/>
            </a:xfrm>
            <a:prstGeom prst="rect">
              <a:avLst/>
            </a:prstGeom>
          </p:spPr>
          <p:txBody>
            <a:bodyPr lIns="68540" tIns="34270" rIns="68540" bIns="34270"/>
            <a:lstStyle/>
            <a:p>
              <a:pPr eaLnBrk="0" hangingPunct="0">
                <a:spcAft>
                  <a:spcPts val="400"/>
                </a:spcAft>
                <a:buClr>
                  <a:srgbClr val="777777"/>
                </a:buClr>
                <a:buSzPct val="60000"/>
                <a:defRPr/>
              </a:pPr>
              <a:r>
                <a:rPr lang="en-US" altLang="zh-CN" b="1" kern="0" dirty="0" smtClean="0">
                  <a:latin typeface="Arial" pitchFamily="34" charset="0"/>
                  <a:ea typeface="微软雅黑" pitchFamily="34" charset="-122"/>
                  <a:cs typeface="Arial" pitchFamily="34" charset="0"/>
                </a:rPr>
                <a:t>WLAN:</a:t>
              </a:r>
            </a:p>
            <a:p>
              <a:pPr>
                <a:buNone/>
              </a:pPr>
              <a:r>
                <a:rPr lang="en-US" altLang="zh-CN" kern="0" dirty="0" smtClean="0">
                  <a:solidFill>
                    <a:srgbClr val="C00000"/>
                  </a:solidFill>
                  <a:latin typeface="Arial" pitchFamily="34" charset="0"/>
                  <a:ea typeface="微软雅黑" pitchFamily="34" charset="-122"/>
                  <a:cs typeface="Arial" pitchFamily="34" charset="0"/>
                </a:rPr>
                <a:t>100+% </a:t>
              </a:r>
              <a:r>
                <a:rPr lang="en-US" altLang="zh-CN" kern="0" dirty="0" err="1" smtClean="0">
                  <a:latin typeface="Arial" pitchFamily="34" charset="0"/>
                  <a:ea typeface="微软雅黑" pitchFamily="34" charset="-122"/>
                  <a:cs typeface="Arial" pitchFamily="34" charset="0"/>
                </a:rPr>
                <a:t>YoY</a:t>
              </a:r>
              <a:endParaRPr lang="en-US" altLang="zh-CN" kern="0" dirty="0" smtClean="0">
                <a:latin typeface="Arial" pitchFamily="34" charset="0"/>
                <a:ea typeface="微软雅黑" pitchFamily="34" charset="-122"/>
                <a:cs typeface="Arial" pitchFamily="34" charset="0"/>
              </a:endParaRPr>
            </a:p>
            <a:p>
              <a:pPr>
                <a:buNone/>
              </a:pPr>
              <a:r>
                <a:rPr lang="en-US" altLang="zh-CN" kern="0" dirty="0" smtClean="0">
                  <a:latin typeface="Arial" pitchFamily="34" charset="0"/>
                  <a:ea typeface="微软雅黑" pitchFamily="34" charset="-122"/>
                  <a:cs typeface="Arial" pitchFamily="34" charset="0"/>
                </a:rPr>
                <a:t>Placed in the </a:t>
              </a:r>
            </a:p>
            <a:p>
              <a:pPr>
                <a:buNone/>
              </a:pPr>
              <a:r>
                <a:rPr lang="en-US" altLang="zh-CN" kern="0" dirty="0" smtClean="0">
                  <a:solidFill>
                    <a:srgbClr val="FF0000"/>
                  </a:solidFill>
                  <a:latin typeface="Arial" pitchFamily="34" charset="0"/>
                  <a:ea typeface="微软雅黑" pitchFamily="34" charset="-122"/>
                  <a:cs typeface="Arial" pitchFamily="34" charset="0"/>
                  <a:sym typeface="Wingdings" pitchFamily="2" charset="2"/>
                </a:rPr>
                <a:t>challengers </a:t>
              </a:r>
              <a:r>
                <a:rPr lang="en-US" altLang="zh-CN" kern="0" dirty="0" smtClean="0">
                  <a:latin typeface="Arial" pitchFamily="34" charset="0"/>
                  <a:ea typeface="微软雅黑" pitchFamily="34" charset="-122"/>
                  <a:cs typeface="Arial" pitchFamily="34" charset="0"/>
                  <a:sym typeface="Wingdings" pitchFamily="2" charset="2"/>
                </a:rPr>
                <a:t>quadrant</a:t>
              </a:r>
              <a:endParaRPr lang="zh-CN" altLang="en-US" kern="0" dirty="0" smtClean="0">
                <a:latin typeface="Arial" pitchFamily="34" charset="0"/>
                <a:ea typeface="微软雅黑" pitchFamily="34" charset="-122"/>
                <a:cs typeface="Arial" pitchFamily="34" charset="0"/>
              </a:endParaRPr>
            </a:p>
            <a:p>
              <a:pPr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defTabSz="1828328"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p:txBody>
        </p:sp>
        <p:grpSp>
          <p:nvGrpSpPr>
            <p:cNvPr id="29" name="组合 363"/>
            <p:cNvGrpSpPr>
              <a:grpSpLocks noChangeAspect="1"/>
            </p:cNvGrpSpPr>
            <p:nvPr/>
          </p:nvGrpSpPr>
          <p:grpSpPr>
            <a:xfrm>
              <a:off x="6708832" y="2029870"/>
              <a:ext cx="385995" cy="382698"/>
              <a:chOff x="12163425" y="615950"/>
              <a:chExt cx="371475" cy="368300"/>
            </a:xfrm>
            <a:solidFill>
              <a:srgbClr val="F9F9F9"/>
            </a:solidFill>
          </p:grpSpPr>
          <p:sp>
            <p:nvSpPr>
              <p:cNvPr id="250" name="Freeform 553"/>
              <p:cNvSpPr>
                <a:spLocks noEditPoints="1"/>
              </p:cNvSpPr>
              <p:nvPr/>
            </p:nvSpPr>
            <p:spPr bwMode="auto">
              <a:xfrm>
                <a:off x="12382500" y="838200"/>
                <a:ext cx="152400" cy="146050"/>
              </a:xfrm>
              <a:custGeom>
                <a:avLst/>
                <a:gdLst/>
                <a:ahLst/>
                <a:cxnLst>
                  <a:cxn ang="0">
                    <a:pos x="0" y="24"/>
                  </a:cxn>
                  <a:cxn ang="0">
                    <a:pos x="0" y="52"/>
                  </a:cxn>
                  <a:cxn ang="0">
                    <a:pos x="0" y="52"/>
                  </a:cxn>
                  <a:cxn ang="0">
                    <a:pos x="2" y="62"/>
                  </a:cxn>
                  <a:cxn ang="0">
                    <a:pos x="8" y="70"/>
                  </a:cxn>
                  <a:cxn ang="0">
                    <a:pos x="16" y="76"/>
                  </a:cxn>
                  <a:cxn ang="0">
                    <a:pos x="26" y="78"/>
                  </a:cxn>
                  <a:cxn ang="0">
                    <a:pos x="10" y="92"/>
                  </a:cxn>
                  <a:cxn ang="0">
                    <a:pos x="86" y="92"/>
                  </a:cxn>
                  <a:cxn ang="0">
                    <a:pos x="72" y="78"/>
                  </a:cxn>
                  <a:cxn ang="0">
                    <a:pos x="72" y="78"/>
                  </a:cxn>
                  <a:cxn ang="0">
                    <a:pos x="82" y="76"/>
                  </a:cxn>
                  <a:cxn ang="0">
                    <a:pos x="88" y="70"/>
                  </a:cxn>
                  <a:cxn ang="0">
                    <a:pos x="94" y="62"/>
                  </a:cxn>
                  <a:cxn ang="0">
                    <a:pos x="96" y="52"/>
                  </a:cxn>
                  <a:cxn ang="0">
                    <a:pos x="96" y="24"/>
                  </a:cxn>
                  <a:cxn ang="0">
                    <a:pos x="96" y="24"/>
                  </a:cxn>
                  <a:cxn ang="0">
                    <a:pos x="94" y="14"/>
                  </a:cxn>
                  <a:cxn ang="0">
                    <a:pos x="88" y="6"/>
                  </a:cxn>
                  <a:cxn ang="0">
                    <a:pos x="80" y="2"/>
                  </a:cxn>
                  <a:cxn ang="0">
                    <a:pos x="72" y="0"/>
                  </a:cxn>
                  <a:cxn ang="0">
                    <a:pos x="26" y="0"/>
                  </a:cxn>
                  <a:cxn ang="0">
                    <a:pos x="26" y="0"/>
                  </a:cxn>
                  <a:cxn ang="0">
                    <a:pos x="16" y="2"/>
                  </a:cxn>
                  <a:cxn ang="0">
                    <a:pos x="8" y="6"/>
                  </a:cxn>
                  <a:cxn ang="0">
                    <a:pos x="2" y="14"/>
                  </a:cxn>
                  <a:cxn ang="0">
                    <a:pos x="0" y="24"/>
                  </a:cxn>
                  <a:cxn ang="0">
                    <a:pos x="0" y="24"/>
                  </a:cxn>
                  <a:cxn ang="0">
                    <a:pos x="76" y="24"/>
                  </a:cxn>
                  <a:cxn ang="0">
                    <a:pos x="76" y="52"/>
                  </a:cxn>
                  <a:cxn ang="0">
                    <a:pos x="76" y="52"/>
                  </a:cxn>
                  <a:cxn ang="0">
                    <a:pos x="74" y="56"/>
                  </a:cxn>
                  <a:cxn ang="0">
                    <a:pos x="72" y="56"/>
                  </a:cxn>
                  <a:cxn ang="0">
                    <a:pos x="26" y="56"/>
                  </a:cxn>
                  <a:cxn ang="0">
                    <a:pos x="26" y="56"/>
                  </a:cxn>
                  <a:cxn ang="0">
                    <a:pos x="22" y="56"/>
                  </a:cxn>
                  <a:cxn ang="0">
                    <a:pos x="22" y="52"/>
                  </a:cxn>
                  <a:cxn ang="0">
                    <a:pos x="22" y="24"/>
                  </a:cxn>
                  <a:cxn ang="0">
                    <a:pos x="22" y="24"/>
                  </a:cxn>
                  <a:cxn ang="0">
                    <a:pos x="22" y="22"/>
                  </a:cxn>
                  <a:cxn ang="0">
                    <a:pos x="26" y="20"/>
                  </a:cxn>
                  <a:cxn ang="0">
                    <a:pos x="72" y="20"/>
                  </a:cxn>
                  <a:cxn ang="0">
                    <a:pos x="72" y="20"/>
                  </a:cxn>
                  <a:cxn ang="0">
                    <a:pos x="74" y="22"/>
                  </a:cxn>
                  <a:cxn ang="0">
                    <a:pos x="76" y="24"/>
                  </a:cxn>
                  <a:cxn ang="0">
                    <a:pos x="76" y="24"/>
                  </a:cxn>
                </a:cxnLst>
                <a:rect l="0" t="0" r="r" b="b"/>
                <a:pathLst>
                  <a:path w="96" h="92">
                    <a:moveTo>
                      <a:pt x="0" y="24"/>
                    </a:moveTo>
                    <a:lnTo>
                      <a:pt x="0" y="52"/>
                    </a:lnTo>
                    <a:lnTo>
                      <a:pt x="0" y="52"/>
                    </a:lnTo>
                    <a:lnTo>
                      <a:pt x="2" y="62"/>
                    </a:lnTo>
                    <a:lnTo>
                      <a:pt x="8" y="70"/>
                    </a:lnTo>
                    <a:lnTo>
                      <a:pt x="16" y="76"/>
                    </a:lnTo>
                    <a:lnTo>
                      <a:pt x="26" y="78"/>
                    </a:lnTo>
                    <a:lnTo>
                      <a:pt x="10" y="92"/>
                    </a:lnTo>
                    <a:lnTo>
                      <a:pt x="86" y="92"/>
                    </a:lnTo>
                    <a:lnTo>
                      <a:pt x="72" y="78"/>
                    </a:lnTo>
                    <a:lnTo>
                      <a:pt x="72" y="78"/>
                    </a:lnTo>
                    <a:lnTo>
                      <a:pt x="82" y="76"/>
                    </a:lnTo>
                    <a:lnTo>
                      <a:pt x="88" y="70"/>
                    </a:lnTo>
                    <a:lnTo>
                      <a:pt x="94" y="62"/>
                    </a:lnTo>
                    <a:lnTo>
                      <a:pt x="96" y="52"/>
                    </a:lnTo>
                    <a:lnTo>
                      <a:pt x="96" y="24"/>
                    </a:lnTo>
                    <a:lnTo>
                      <a:pt x="96" y="24"/>
                    </a:lnTo>
                    <a:lnTo>
                      <a:pt x="94" y="14"/>
                    </a:lnTo>
                    <a:lnTo>
                      <a:pt x="88" y="6"/>
                    </a:lnTo>
                    <a:lnTo>
                      <a:pt x="80" y="2"/>
                    </a:lnTo>
                    <a:lnTo>
                      <a:pt x="72" y="0"/>
                    </a:lnTo>
                    <a:lnTo>
                      <a:pt x="26" y="0"/>
                    </a:lnTo>
                    <a:lnTo>
                      <a:pt x="26" y="0"/>
                    </a:lnTo>
                    <a:lnTo>
                      <a:pt x="16" y="2"/>
                    </a:lnTo>
                    <a:lnTo>
                      <a:pt x="8" y="6"/>
                    </a:lnTo>
                    <a:lnTo>
                      <a:pt x="2" y="14"/>
                    </a:lnTo>
                    <a:lnTo>
                      <a:pt x="0" y="24"/>
                    </a:lnTo>
                    <a:lnTo>
                      <a:pt x="0" y="24"/>
                    </a:lnTo>
                    <a:close/>
                    <a:moveTo>
                      <a:pt x="76" y="24"/>
                    </a:moveTo>
                    <a:lnTo>
                      <a:pt x="76" y="52"/>
                    </a:lnTo>
                    <a:lnTo>
                      <a:pt x="76" y="52"/>
                    </a:lnTo>
                    <a:lnTo>
                      <a:pt x="74" y="56"/>
                    </a:lnTo>
                    <a:lnTo>
                      <a:pt x="72" y="56"/>
                    </a:lnTo>
                    <a:lnTo>
                      <a:pt x="26" y="56"/>
                    </a:lnTo>
                    <a:lnTo>
                      <a:pt x="26" y="56"/>
                    </a:lnTo>
                    <a:lnTo>
                      <a:pt x="22" y="56"/>
                    </a:lnTo>
                    <a:lnTo>
                      <a:pt x="22" y="52"/>
                    </a:lnTo>
                    <a:lnTo>
                      <a:pt x="22" y="24"/>
                    </a:lnTo>
                    <a:lnTo>
                      <a:pt x="22" y="24"/>
                    </a:lnTo>
                    <a:lnTo>
                      <a:pt x="22" y="22"/>
                    </a:lnTo>
                    <a:lnTo>
                      <a:pt x="26" y="20"/>
                    </a:lnTo>
                    <a:lnTo>
                      <a:pt x="72" y="20"/>
                    </a:lnTo>
                    <a:lnTo>
                      <a:pt x="72" y="20"/>
                    </a:lnTo>
                    <a:lnTo>
                      <a:pt x="74" y="22"/>
                    </a:lnTo>
                    <a:lnTo>
                      <a:pt x="76" y="24"/>
                    </a:lnTo>
                    <a:lnTo>
                      <a:pt x="76" y="2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51" name="Freeform 554"/>
              <p:cNvSpPr>
                <a:spLocks noEditPoints="1"/>
              </p:cNvSpPr>
              <p:nvPr/>
            </p:nvSpPr>
            <p:spPr bwMode="auto">
              <a:xfrm>
                <a:off x="12163425" y="838200"/>
                <a:ext cx="152400" cy="146050"/>
              </a:xfrm>
              <a:custGeom>
                <a:avLst/>
                <a:gdLst/>
                <a:ahLst/>
                <a:cxnLst>
                  <a:cxn ang="0">
                    <a:pos x="26" y="78"/>
                  </a:cxn>
                  <a:cxn ang="0">
                    <a:pos x="10" y="92"/>
                  </a:cxn>
                  <a:cxn ang="0">
                    <a:pos x="86" y="92"/>
                  </a:cxn>
                  <a:cxn ang="0">
                    <a:pos x="72" y="78"/>
                  </a:cxn>
                  <a:cxn ang="0">
                    <a:pos x="72" y="78"/>
                  </a:cxn>
                  <a:cxn ang="0">
                    <a:pos x="82" y="76"/>
                  </a:cxn>
                  <a:cxn ang="0">
                    <a:pos x="90" y="70"/>
                  </a:cxn>
                  <a:cxn ang="0">
                    <a:pos x="94" y="62"/>
                  </a:cxn>
                  <a:cxn ang="0">
                    <a:pos x="96" y="52"/>
                  </a:cxn>
                  <a:cxn ang="0">
                    <a:pos x="96" y="24"/>
                  </a:cxn>
                  <a:cxn ang="0">
                    <a:pos x="96" y="24"/>
                  </a:cxn>
                  <a:cxn ang="0">
                    <a:pos x="94" y="14"/>
                  </a:cxn>
                  <a:cxn ang="0">
                    <a:pos x="88" y="6"/>
                  </a:cxn>
                  <a:cxn ang="0">
                    <a:pos x="80" y="2"/>
                  </a:cxn>
                  <a:cxn ang="0">
                    <a:pos x="72" y="0"/>
                  </a:cxn>
                  <a:cxn ang="0">
                    <a:pos x="26" y="0"/>
                  </a:cxn>
                  <a:cxn ang="0">
                    <a:pos x="26" y="0"/>
                  </a:cxn>
                  <a:cxn ang="0">
                    <a:pos x="16" y="2"/>
                  </a:cxn>
                  <a:cxn ang="0">
                    <a:pos x="8" y="6"/>
                  </a:cxn>
                  <a:cxn ang="0">
                    <a:pos x="2" y="14"/>
                  </a:cxn>
                  <a:cxn ang="0">
                    <a:pos x="0" y="24"/>
                  </a:cxn>
                  <a:cxn ang="0">
                    <a:pos x="0" y="52"/>
                  </a:cxn>
                  <a:cxn ang="0">
                    <a:pos x="0" y="52"/>
                  </a:cxn>
                  <a:cxn ang="0">
                    <a:pos x="2" y="62"/>
                  </a:cxn>
                  <a:cxn ang="0">
                    <a:pos x="8" y="70"/>
                  </a:cxn>
                  <a:cxn ang="0">
                    <a:pos x="16" y="76"/>
                  </a:cxn>
                  <a:cxn ang="0">
                    <a:pos x="26" y="78"/>
                  </a:cxn>
                  <a:cxn ang="0">
                    <a:pos x="26" y="78"/>
                  </a:cxn>
                  <a:cxn ang="0">
                    <a:pos x="22" y="24"/>
                  </a:cxn>
                  <a:cxn ang="0">
                    <a:pos x="22" y="24"/>
                  </a:cxn>
                  <a:cxn ang="0">
                    <a:pos x="22" y="22"/>
                  </a:cxn>
                  <a:cxn ang="0">
                    <a:pos x="26" y="20"/>
                  </a:cxn>
                  <a:cxn ang="0">
                    <a:pos x="72" y="20"/>
                  </a:cxn>
                  <a:cxn ang="0">
                    <a:pos x="72" y="20"/>
                  </a:cxn>
                  <a:cxn ang="0">
                    <a:pos x="74" y="22"/>
                  </a:cxn>
                  <a:cxn ang="0">
                    <a:pos x="76" y="24"/>
                  </a:cxn>
                  <a:cxn ang="0">
                    <a:pos x="76" y="52"/>
                  </a:cxn>
                  <a:cxn ang="0">
                    <a:pos x="76" y="52"/>
                  </a:cxn>
                  <a:cxn ang="0">
                    <a:pos x="74" y="56"/>
                  </a:cxn>
                  <a:cxn ang="0">
                    <a:pos x="72" y="56"/>
                  </a:cxn>
                  <a:cxn ang="0">
                    <a:pos x="26" y="56"/>
                  </a:cxn>
                  <a:cxn ang="0">
                    <a:pos x="26" y="56"/>
                  </a:cxn>
                  <a:cxn ang="0">
                    <a:pos x="22" y="56"/>
                  </a:cxn>
                  <a:cxn ang="0">
                    <a:pos x="22" y="52"/>
                  </a:cxn>
                  <a:cxn ang="0">
                    <a:pos x="22" y="24"/>
                  </a:cxn>
                </a:cxnLst>
                <a:rect l="0" t="0" r="r" b="b"/>
                <a:pathLst>
                  <a:path w="96" h="92">
                    <a:moveTo>
                      <a:pt x="26" y="78"/>
                    </a:moveTo>
                    <a:lnTo>
                      <a:pt x="10" y="92"/>
                    </a:lnTo>
                    <a:lnTo>
                      <a:pt x="86" y="92"/>
                    </a:lnTo>
                    <a:lnTo>
                      <a:pt x="72" y="78"/>
                    </a:lnTo>
                    <a:lnTo>
                      <a:pt x="72" y="78"/>
                    </a:lnTo>
                    <a:lnTo>
                      <a:pt x="82" y="76"/>
                    </a:lnTo>
                    <a:lnTo>
                      <a:pt x="90" y="70"/>
                    </a:lnTo>
                    <a:lnTo>
                      <a:pt x="94" y="62"/>
                    </a:lnTo>
                    <a:lnTo>
                      <a:pt x="96" y="52"/>
                    </a:lnTo>
                    <a:lnTo>
                      <a:pt x="96" y="24"/>
                    </a:lnTo>
                    <a:lnTo>
                      <a:pt x="96" y="24"/>
                    </a:lnTo>
                    <a:lnTo>
                      <a:pt x="94" y="14"/>
                    </a:lnTo>
                    <a:lnTo>
                      <a:pt x="88" y="6"/>
                    </a:lnTo>
                    <a:lnTo>
                      <a:pt x="80" y="2"/>
                    </a:lnTo>
                    <a:lnTo>
                      <a:pt x="72" y="0"/>
                    </a:lnTo>
                    <a:lnTo>
                      <a:pt x="26" y="0"/>
                    </a:lnTo>
                    <a:lnTo>
                      <a:pt x="26" y="0"/>
                    </a:lnTo>
                    <a:lnTo>
                      <a:pt x="16" y="2"/>
                    </a:lnTo>
                    <a:lnTo>
                      <a:pt x="8" y="6"/>
                    </a:lnTo>
                    <a:lnTo>
                      <a:pt x="2" y="14"/>
                    </a:lnTo>
                    <a:lnTo>
                      <a:pt x="0" y="24"/>
                    </a:lnTo>
                    <a:lnTo>
                      <a:pt x="0" y="52"/>
                    </a:lnTo>
                    <a:lnTo>
                      <a:pt x="0" y="52"/>
                    </a:lnTo>
                    <a:lnTo>
                      <a:pt x="2" y="62"/>
                    </a:lnTo>
                    <a:lnTo>
                      <a:pt x="8" y="70"/>
                    </a:lnTo>
                    <a:lnTo>
                      <a:pt x="16" y="76"/>
                    </a:lnTo>
                    <a:lnTo>
                      <a:pt x="26" y="78"/>
                    </a:lnTo>
                    <a:lnTo>
                      <a:pt x="26" y="78"/>
                    </a:lnTo>
                    <a:close/>
                    <a:moveTo>
                      <a:pt x="22" y="24"/>
                    </a:moveTo>
                    <a:lnTo>
                      <a:pt x="22" y="24"/>
                    </a:lnTo>
                    <a:lnTo>
                      <a:pt x="22" y="22"/>
                    </a:lnTo>
                    <a:lnTo>
                      <a:pt x="26" y="20"/>
                    </a:lnTo>
                    <a:lnTo>
                      <a:pt x="72" y="20"/>
                    </a:lnTo>
                    <a:lnTo>
                      <a:pt x="72" y="20"/>
                    </a:lnTo>
                    <a:lnTo>
                      <a:pt x="74" y="22"/>
                    </a:lnTo>
                    <a:lnTo>
                      <a:pt x="76" y="24"/>
                    </a:lnTo>
                    <a:lnTo>
                      <a:pt x="76" y="52"/>
                    </a:lnTo>
                    <a:lnTo>
                      <a:pt x="76" y="52"/>
                    </a:lnTo>
                    <a:lnTo>
                      <a:pt x="74" y="56"/>
                    </a:lnTo>
                    <a:lnTo>
                      <a:pt x="72" y="56"/>
                    </a:lnTo>
                    <a:lnTo>
                      <a:pt x="26" y="56"/>
                    </a:lnTo>
                    <a:lnTo>
                      <a:pt x="26" y="56"/>
                    </a:lnTo>
                    <a:lnTo>
                      <a:pt x="22" y="56"/>
                    </a:lnTo>
                    <a:lnTo>
                      <a:pt x="22" y="52"/>
                    </a:lnTo>
                    <a:lnTo>
                      <a:pt x="22" y="2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52" name="Freeform 555"/>
              <p:cNvSpPr>
                <a:spLocks noEditPoints="1"/>
              </p:cNvSpPr>
              <p:nvPr/>
            </p:nvSpPr>
            <p:spPr bwMode="auto">
              <a:xfrm>
                <a:off x="12274550" y="615950"/>
                <a:ext cx="152400" cy="149225"/>
              </a:xfrm>
              <a:custGeom>
                <a:avLst/>
                <a:gdLst/>
                <a:ahLst/>
                <a:cxnLst>
                  <a:cxn ang="0">
                    <a:pos x="24" y="78"/>
                  </a:cxn>
                  <a:cxn ang="0">
                    <a:pos x="10" y="94"/>
                  </a:cxn>
                  <a:cxn ang="0">
                    <a:pos x="86" y="94"/>
                  </a:cxn>
                  <a:cxn ang="0">
                    <a:pos x="70" y="78"/>
                  </a:cxn>
                  <a:cxn ang="0">
                    <a:pos x="70" y="78"/>
                  </a:cxn>
                  <a:cxn ang="0">
                    <a:pos x="80" y="76"/>
                  </a:cxn>
                  <a:cxn ang="0">
                    <a:pos x="88" y="72"/>
                  </a:cxn>
                  <a:cxn ang="0">
                    <a:pos x="94" y="64"/>
                  </a:cxn>
                  <a:cxn ang="0">
                    <a:pos x="96" y="54"/>
                  </a:cxn>
                  <a:cxn ang="0">
                    <a:pos x="96" y="26"/>
                  </a:cxn>
                  <a:cxn ang="0">
                    <a:pos x="96" y="26"/>
                  </a:cxn>
                  <a:cxn ang="0">
                    <a:pos x="94" y="16"/>
                  </a:cxn>
                  <a:cxn ang="0">
                    <a:pos x="88" y="8"/>
                  </a:cxn>
                  <a:cxn ang="0">
                    <a:pos x="80" y="2"/>
                  </a:cxn>
                  <a:cxn ang="0">
                    <a:pos x="70" y="0"/>
                  </a:cxn>
                  <a:cxn ang="0">
                    <a:pos x="24" y="0"/>
                  </a:cxn>
                  <a:cxn ang="0">
                    <a:pos x="24" y="0"/>
                  </a:cxn>
                  <a:cxn ang="0">
                    <a:pos x="14" y="2"/>
                  </a:cxn>
                  <a:cxn ang="0">
                    <a:pos x="6" y="8"/>
                  </a:cxn>
                  <a:cxn ang="0">
                    <a:pos x="2" y="16"/>
                  </a:cxn>
                  <a:cxn ang="0">
                    <a:pos x="0" y="26"/>
                  </a:cxn>
                  <a:cxn ang="0">
                    <a:pos x="0" y="54"/>
                  </a:cxn>
                  <a:cxn ang="0">
                    <a:pos x="0" y="54"/>
                  </a:cxn>
                  <a:cxn ang="0">
                    <a:pos x="2" y="64"/>
                  </a:cxn>
                  <a:cxn ang="0">
                    <a:pos x="6" y="72"/>
                  </a:cxn>
                  <a:cxn ang="0">
                    <a:pos x="14" y="76"/>
                  </a:cxn>
                  <a:cxn ang="0">
                    <a:pos x="24" y="78"/>
                  </a:cxn>
                  <a:cxn ang="0">
                    <a:pos x="24" y="78"/>
                  </a:cxn>
                  <a:cxn ang="0">
                    <a:pos x="20" y="26"/>
                  </a:cxn>
                  <a:cxn ang="0">
                    <a:pos x="20" y="26"/>
                  </a:cxn>
                  <a:cxn ang="0">
                    <a:pos x="22" y="22"/>
                  </a:cxn>
                  <a:cxn ang="0">
                    <a:pos x="24" y="22"/>
                  </a:cxn>
                  <a:cxn ang="0">
                    <a:pos x="70" y="22"/>
                  </a:cxn>
                  <a:cxn ang="0">
                    <a:pos x="70" y="22"/>
                  </a:cxn>
                  <a:cxn ang="0">
                    <a:pos x="74" y="22"/>
                  </a:cxn>
                  <a:cxn ang="0">
                    <a:pos x="74" y="26"/>
                  </a:cxn>
                  <a:cxn ang="0">
                    <a:pos x="74" y="54"/>
                  </a:cxn>
                  <a:cxn ang="0">
                    <a:pos x="74" y="54"/>
                  </a:cxn>
                  <a:cxn ang="0">
                    <a:pos x="74" y="56"/>
                  </a:cxn>
                  <a:cxn ang="0">
                    <a:pos x="70" y="58"/>
                  </a:cxn>
                  <a:cxn ang="0">
                    <a:pos x="24" y="58"/>
                  </a:cxn>
                  <a:cxn ang="0">
                    <a:pos x="24" y="58"/>
                  </a:cxn>
                  <a:cxn ang="0">
                    <a:pos x="22" y="56"/>
                  </a:cxn>
                  <a:cxn ang="0">
                    <a:pos x="20" y="54"/>
                  </a:cxn>
                  <a:cxn ang="0">
                    <a:pos x="20" y="26"/>
                  </a:cxn>
                </a:cxnLst>
                <a:rect l="0" t="0" r="r" b="b"/>
                <a:pathLst>
                  <a:path w="96" h="94">
                    <a:moveTo>
                      <a:pt x="24" y="78"/>
                    </a:moveTo>
                    <a:lnTo>
                      <a:pt x="10" y="94"/>
                    </a:lnTo>
                    <a:lnTo>
                      <a:pt x="86" y="94"/>
                    </a:lnTo>
                    <a:lnTo>
                      <a:pt x="70" y="78"/>
                    </a:lnTo>
                    <a:lnTo>
                      <a:pt x="70" y="78"/>
                    </a:lnTo>
                    <a:lnTo>
                      <a:pt x="80" y="76"/>
                    </a:lnTo>
                    <a:lnTo>
                      <a:pt x="88" y="72"/>
                    </a:lnTo>
                    <a:lnTo>
                      <a:pt x="94" y="64"/>
                    </a:lnTo>
                    <a:lnTo>
                      <a:pt x="96" y="54"/>
                    </a:lnTo>
                    <a:lnTo>
                      <a:pt x="96" y="26"/>
                    </a:lnTo>
                    <a:lnTo>
                      <a:pt x="96" y="26"/>
                    </a:lnTo>
                    <a:lnTo>
                      <a:pt x="94" y="16"/>
                    </a:lnTo>
                    <a:lnTo>
                      <a:pt x="88" y="8"/>
                    </a:lnTo>
                    <a:lnTo>
                      <a:pt x="80" y="2"/>
                    </a:lnTo>
                    <a:lnTo>
                      <a:pt x="70" y="0"/>
                    </a:lnTo>
                    <a:lnTo>
                      <a:pt x="24" y="0"/>
                    </a:lnTo>
                    <a:lnTo>
                      <a:pt x="24" y="0"/>
                    </a:lnTo>
                    <a:lnTo>
                      <a:pt x="14" y="2"/>
                    </a:lnTo>
                    <a:lnTo>
                      <a:pt x="6" y="8"/>
                    </a:lnTo>
                    <a:lnTo>
                      <a:pt x="2" y="16"/>
                    </a:lnTo>
                    <a:lnTo>
                      <a:pt x="0" y="26"/>
                    </a:lnTo>
                    <a:lnTo>
                      <a:pt x="0" y="54"/>
                    </a:lnTo>
                    <a:lnTo>
                      <a:pt x="0" y="54"/>
                    </a:lnTo>
                    <a:lnTo>
                      <a:pt x="2" y="64"/>
                    </a:lnTo>
                    <a:lnTo>
                      <a:pt x="6" y="72"/>
                    </a:lnTo>
                    <a:lnTo>
                      <a:pt x="14" y="76"/>
                    </a:lnTo>
                    <a:lnTo>
                      <a:pt x="24" y="78"/>
                    </a:lnTo>
                    <a:lnTo>
                      <a:pt x="24" y="78"/>
                    </a:lnTo>
                    <a:close/>
                    <a:moveTo>
                      <a:pt x="20" y="26"/>
                    </a:moveTo>
                    <a:lnTo>
                      <a:pt x="20" y="26"/>
                    </a:lnTo>
                    <a:lnTo>
                      <a:pt x="22" y="22"/>
                    </a:lnTo>
                    <a:lnTo>
                      <a:pt x="24" y="22"/>
                    </a:lnTo>
                    <a:lnTo>
                      <a:pt x="70" y="22"/>
                    </a:lnTo>
                    <a:lnTo>
                      <a:pt x="70" y="22"/>
                    </a:lnTo>
                    <a:lnTo>
                      <a:pt x="74" y="22"/>
                    </a:lnTo>
                    <a:lnTo>
                      <a:pt x="74" y="26"/>
                    </a:lnTo>
                    <a:lnTo>
                      <a:pt x="74" y="54"/>
                    </a:lnTo>
                    <a:lnTo>
                      <a:pt x="74" y="54"/>
                    </a:lnTo>
                    <a:lnTo>
                      <a:pt x="74" y="56"/>
                    </a:lnTo>
                    <a:lnTo>
                      <a:pt x="70" y="58"/>
                    </a:lnTo>
                    <a:lnTo>
                      <a:pt x="24" y="58"/>
                    </a:lnTo>
                    <a:lnTo>
                      <a:pt x="24" y="58"/>
                    </a:lnTo>
                    <a:lnTo>
                      <a:pt x="22" y="56"/>
                    </a:lnTo>
                    <a:lnTo>
                      <a:pt x="20" y="54"/>
                    </a:lnTo>
                    <a:lnTo>
                      <a:pt x="20" y="2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53" name="Freeform 556"/>
              <p:cNvSpPr>
                <a:spLocks/>
              </p:cNvSpPr>
              <p:nvPr/>
            </p:nvSpPr>
            <p:spPr bwMode="auto">
              <a:xfrm>
                <a:off x="12239625" y="771525"/>
                <a:ext cx="231775" cy="57150"/>
              </a:xfrm>
              <a:custGeom>
                <a:avLst/>
                <a:gdLst/>
                <a:ahLst/>
                <a:cxnLst>
                  <a:cxn ang="0">
                    <a:pos x="4" y="36"/>
                  </a:cxn>
                  <a:cxn ang="0">
                    <a:pos x="4" y="36"/>
                  </a:cxn>
                  <a:cxn ang="0">
                    <a:pos x="6" y="34"/>
                  </a:cxn>
                  <a:cxn ang="0">
                    <a:pos x="8" y="32"/>
                  </a:cxn>
                  <a:cxn ang="0">
                    <a:pos x="8" y="26"/>
                  </a:cxn>
                  <a:cxn ang="0">
                    <a:pos x="138" y="26"/>
                  </a:cxn>
                  <a:cxn ang="0">
                    <a:pos x="138" y="32"/>
                  </a:cxn>
                  <a:cxn ang="0">
                    <a:pos x="138" y="32"/>
                  </a:cxn>
                  <a:cxn ang="0">
                    <a:pos x="138" y="34"/>
                  </a:cxn>
                  <a:cxn ang="0">
                    <a:pos x="142" y="36"/>
                  </a:cxn>
                  <a:cxn ang="0">
                    <a:pos x="142" y="36"/>
                  </a:cxn>
                  <a:cxn ang="0">
                    <a:pos x="144" y="34"/>
                  </a:cxn>
                  <a:cxn ang="0">
                    <a:pos x="146" y="32"/>
                  </a:cxn>
                  <a:cxn ang="0">
                    <a:pos x="146" y="22"/>
                  </a:cxn>
                  <a:cxn ang="0">
                    <a:pos x="146" y="22"/>
                  </a:cxn>
                  <a:cxn ang="0">
                    <a:pos x="144" y="18"/>
                  </a:cxn>
                  <a:cxn ang="0">
                    <a:pos x="144" y="18"/>
                  </a:cxn>
                  <a:cxn ang="0">
                    <a:pos x="142" y="16"/>
                  </a:cxn>
                  <a:cxn ang="0">
                    <a:pos x="76" y="16"/>
                  </a:cxn>
                  <a:cxn ang="0">
                    <a:pos x="76" y="4"/>
                  </a:cxn>
                  <a:cxn ang="0">
                    <a:pos x="76" y="4"/>
                  </a:cxn>
                  <a:cxn ang="0">
                    <a:pos x="76" y="2"/>
                  </a:cxn>
                  <a:cxn ang="0">
                    <a:pos x="72" y="0"/>
                  </a:cxn>
                  <a:cxn ang="0">
                    <a:pos x="72" y="0"/>
                  </a:cxn>
                  <a:cxn ang="0">
                    <a:pos x="70" y="2"/>
                  </a:cxn>
                  <a:cxn ang="0">
                    <a:pos x="68" y="4"/>
                  </a:cxn>
                  <a:cxn ang="0">
                    <a:pos x="68" y="16"/>
                  </a:cxn>
                  <a:cxn ang="0">
                    <a:pos x="4" y="16"/>
                  </a:cxn>
                  <a:cxn ang="0">
                    <a:pos x="4" y="16"/>
                  </a:cxn>
                  <a:cxn ang="0">
                    <a:pos x="0" y="18"/>
                  </a:cxn>
                  <a:cxn ang="0">
                    <a:pos x="0" y="18"/>
                  </a:cxn>
                  <a:cxn ang="0">
                    <a:pos x="0" y="22"/>
                  </a:cxn>
                  <a:cxn ang="0">
                    <a:pos x="0" y="32"/>
                  </a:cxn>
                  <a:cxn ang="0">
                    <a:pos x="0" y="32"/>
                  </a:cxn>
                  <a:cxn ang="0">
                    <a:pos x="0" y="34"/>
                  </a:cxn>
                  <a:cxn ang="0">
                    <a:pos x="4" y="36"/>
                  </a:cxn>
                  <a:cxn ang="0">
                    <a:pos x="4" y="36"/>
                  </a:cxn>
                </a:cxnLst>
                <a:rect l="0" t="0" r="r" b="b"/>
                <a:pathLst>
                  <a:path w="146" h="36">
                    <a:moveTo>
                      <a:pt x="4" y="36"/>
                    </a:moveTo>
                    <a:lnTo>
                      <a:pt x="4" y="36"/>
                    </a:lnTo>
                    <a:lnTo>
                      <a:pt x="6" y="34"/>
                    </a:lnTo>
                    <a:lnTo>
                      <a:pt x="8" y="32"/>
                    </a:lnTo>
                    <a:lnTo>
                      <a:pt x="8" y="26"/>
                    </a:lnTo>
                    <a:lnTo>
                      <a:pt x="138" y="26"/>
                    </a:lnTo>
                    <a:lnTo>
                      <a:pt x="138" y="32"/>
                    </a:lnTo>
                    <a:lnTo>
                      <a:pt x="138" y="32"/>
                    </a:lnTo>
                    <a:lnTo>
                      <a:pt x="138" y="34"/>
                    </a:lnTo>
                    <a:lnTo>
                      <a:pt x="142" y="36"/>
                    </a:lnTo>
                    <a:lnTo>
                      <a:pt x="142" y="36"/>
                    </a:lnTo>
                    <a:lnTo>
                      <a:pt x="144" y="34"/>
                    </a:lnTo>
                    <a:lnTo>
                      <a:pt x="146" y="32"/>
                    </a:lnTo>
                    <a:lnTo>
                      <a:pt x="146" y="22"/>
                    </a:lnTo>
                    <a:lnTo>
                      <a:pt x="146" y="22"/>
                    </a:lnTo>
                    <a:lnTo>
                      <a:pt x="144" y="18"/>
                    </a:lnTo>
                    <a:lnTo>
                      <a:pt x="144" y="18"/>
                    </a:lnTo>
                    <a:lnTo>
                      <a:pt x="142" y="16"/>
                    </a:lnTo>
                    <a:lnTo>
                      <a:pt x="76" y="16"/>
                    </a:lnTo>
                    <a:lnTo>
                      <a:pt x="76" y="4"/>
                    </a:lnTo>
                    <a:lnTo>
                      <a:pt x="76" y="4"/>
                    </a:lnTo>
                    <a:lnTo>
                      <a:pt x="76" y="2"/>
                    </a:lnTo>
                    <a:lnTo>
                      <a:pt x="72" y="0"/>
                    </a:lnTo>
                    <a:lnTo>
                      <a:pt x="72" y="0"/>
                    </a:lnTo>
                    <a:lnTo>
                      <a:pt x="70" y="2"/>
                    </a:lnTo>
                    <a:lnTo>
                      <a:pt x="68" y="4"/>
                    </a:lnTo>
                    <a:lnTo>
                      <a:pt x="68" y="16"/>
                    </a:lnTo>
                    <a:lnTo>
                      <a:pt x="4" y="16"/>
                    </a:lnTo>
                    <a:lnTo>
                      <a:pt x="4" y="16"/>
                    </a:lnTo>
                    <a:lnTo>
                      <a:pt x="0" y="18"/>
                    </a:lnTo>
                    <a:lnTo>
                      <a:pt x="0" y="18"/>
                    </a:lnTo>
                    <a:lnTo>
                      <a:pt x="0" y="22"/>
                    </a:lnTo>
                    <a:lnTo>
                      <a:pt x="0" y="32"/>
                    </a:lnTo>
                    <a:lnTo>
                      <a:pt x="0" y="32"/>
                    </a:lnTo>
                    <a:lnTo>
                      <a:pt x="0" y="34"/>
                    </a:lnTo>
                    <a:lnTo>
                      <a:pt x="4" y="36"/>
                    </a:lnTo>
                    <a:lnTo>
                      <a:pt x="4" y="3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grpSp>
      </p:grpSp>
      <p:grpSp>
        <p:nvGrpSpPr>
          <p:cNvPr id="30" name="组合 285"/>
          <p:cNvGrpSpPr/>
          <p:nvPr/>
        </p:nvGrpSpPr>
        <p:grpSpPr>
          <a:xfrm>
            <a:off x="8592128" y="7813578"/>
            <a:ext cx="3881572" cy="1248163"/>
            <a:chOff x="4864402" y="3926849"/>
            <a:chExt cx="1940449" cy="623889"/>
          </a:xfrm>
        </p:grpSpPr>
        <p:sp>
          <p:nvSpPr>
            <p:cNvPr id="247" name="圆角矩形 246"/>
            <p:cNvSpPr/>
            <p:nvPr/>
          </p:nvSpPr>
          <p:spPr bwMode="auto">
            <a:xfrm>
              <a:off x="4864402" y="3926849"/>
              <a:ext cx="500968" cy="491035"/>
            </a:xfrm>
            <a:prstGeom prst="roundRect">
              <a:avLst/>
            </a:prstGeom>
            <a:solidFill>
              <a:schemeClr val="bg1">
                <a:lumMod val="50000"/>
              </a:schemeClr>
            </a:solidFill>
            <a:ln w="12700">
              <a:noFill/>
            </a:ln>
            <a:effectLst/>
          </p:spPr>
          <p:txBody>
            <a:bodyPr lIns="34405" tIns="17202" rIns="34405" bIns="17202"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sp>
          <p:nvSpPr>
            <p:cNvPr id="248" name="Content Placeholder 3"/>
            <p:cNvSpPr txBox="1">
              <a:spLocks/>
            </p:cNvSpPr>
            <p:nvPr/>
          </p:nvSpPr>
          <p:spPr>
            <a:xfrm>
              <a:off x="5419890" y="3933675"/>
              <a:ext cx="1384961" cy="617063"/>
            </a:xfrm>
            <a:prstGeom prst="rect">
              <a:avLst/>
            </a:prstGeom>
          </p:spPr>
          <p:txBody>
            <a:bodyPr lIns="68540" tIns="34270" rIns="68540" bIns="34270"/>
            <a:lstStyle/>
            <a:p>
              <a:pPr eaLnBrk="0" hangingPunct="0">
                <a:spcAft>
                  <a:spcPts val="400"/>
                </a:spcAft>
                <a:buClr>
                  <a:srgbClr val="777777"/>
                </a:buClr>
                <a:buSzPct val="60000"/>
                <a:defRPr/>
              </a:pPr>
              <a:r>
                <a:rPr lang="en-US" altLang="zh-CN" b="1" kern="0" dirty="0" smtClean="0">
                  <a:latin typeface="Arial" pitchFamily="34" charset="0"/>
                  <a:ea typeface="微软雅黑" pitchFamily="34" charset="-122"/>
                  <a:cs typeface="Arial" pitchFamily="34" charset="0"/>
                </a:rPr>
                <a:t>UC, CC:</a:t>
              </a:r>
            </a:p>
            <a:p>
              <a:pPr>
                <a:buNone/>
              </a:pPr>
              <a:r>
                <a:rPr lang="en-US" altLang="zh-CN" kern="0" dirty="0" smtClean="0">
                  <a:latin typeface="Arial" pitchFamily="34" charset="0"/>
                  <a:ea typeface="微软雅黑" pitchFamily="34" charset="-122"/>
                  <a:cs typeface="Arial" pitchFamily="34" charset="0"/>
                </a:rPr>
                <a:t>Placed in the </a:t>
              </a:r>
            </a:p>
            <a:p>
              <a:pPr>
                <a:buNone/>
              </a:pPr>
              <a:r>
                <a:rPr lang="en-US" altLang="zh-CN" kern="0" dirty="0" smtClean="0">
                  <a:solidFill>
                    <a:srgbClr val="FF0000"/>
                  </a:solidFill>
                  <a:latin typeface="Arial" pitchFamily="34" charset="0"/>
                  <a:ea typeface="微软雅黑" pitchFamily="34" charset="-122"/>
                  <a:cs typeface="Arial" pitchFamily="34" charset="0"/>
                  <a:sym typeface="Wingdings" pitchFamily="2" charset="2"/>
                </a:rPr>
                <a:t>challengers</a:t>
              </a:r>
              <a:r>
                <a:rPr lang="en-US" altLang="zh-CN" b="1" kern="0" dirty="0" smtClean="0">
                  <a:solidFill>
                    <a:srgbClr val="C00000"/>
                  </a:solidFill>
                  <a:latin typeface="Arial" pitchFamily="34" charset="0"/>
                  <a:ea typeface="微软雅黑" pitchFamily="34" charset="-122"/>
                  <a:cs typeface="Arial" pitchFamily="34" charset="0"/>
                  <a:sym typeface="Wingdings" pitchFamily="2" charset="2"/>
                </a:rPr>
                <a:t> </a:t>
              </a:r>
              <a:r>
                <a:rPr lang="en-US" altLang="zh-CN" kern="0" dirty="0" smtClean="0">
                  <a:latin typeface="Arial" pitchFamily="34" charset="0"/>
                  <a:ea typeface="微软雅黑" pitchFamily="34" charset="-122"/>
                  <a:cs typeface="Arial" pitchFamily="34" charset="0"/>
                  <a:sym typeface="Wingdings" pitchFamily="2" charset="2"/>
                </a:rPr>
                <a:t>quadrant</a:t>
              </a:r>
              <a:endParaRPr lang="zh-CN" altLang="en-US" kern="0" dirty="0" smtClean="0">
                <a:latin typeface="Arial" pitchFamily="34" charset="0"/>
                <a:ea typeface="微软雅黑" pitchFamily="34" charset="-122"/>
                <a:cs typeface="Arial" pitchFamily="34" charset="0"/>
              </a:endParaRPr>
            </a:p>
            <a:p>
              <a:pPr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defTabSz="1828328"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p:txBody>
        </p:sp>
        <p:grpSp>
          <p:nvGrpSpPr>
            <p:cNvPr id="31" name="组合 335"/>
            <p:cNvGrpSpPr>
              <a:grpSpLocks noChangeAspect="1"/>
            </p:cNvGrpSpPr>
            <p:nvPr/>
          </p:nvGrpSpPr>
          <p:grpSpPr>
            <a:xfrm>
              <a:off x="4958769" y="3973076"/>
              <a:ext cx="318603" cy="396000"/>
              <a:chOff x="-1059997" y="-455159"/>
              <a:chExt cx="642113" cy="910317"/>
            </a:xfrm>
            <a:solidFill>
              <a:srgbClr val="F9F9F9"/>
            </a:solidFill>
          </p:grpSpPr>
          <p:sp>
            <p:nvSpPr>
              <p:cNvPr id="256" name="Rectangle 10"/>
              <p:cNvSpPr>
                <a:spLocks noChangeArrowheads="1"/>
              </p:cNvSpPr>
              <p:nvPr/>
            </p:nvSpPr>
            <p:spPr bwMode="auto">
              <a:xfrm>
                <a:off x="-890397" y="74150"/>
                <a:ext cx="302913" cy="325789"/>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57" name="Freeform 11"/>
              <p:cNvSpPr>
                <a:spLocks/>
              </p:cNvSpPr>
              <p:nvPr/>
            </p:nvSpPr>
            <p:spPr bwMode="auto">
              <a:xfrm>
                <a:off x="-954293" y="436226"/>
                <a:ext cx="430705" cy="18932"/>
              </a:xfrm>
              <a:custGeom>
                <a:avLst/>
                <a:gdLst/>
                <a:ahLst/>
                <a:cxnLst>
                  <a:cxn ang="0">
                    <a:pos x="7541" y="0"/>
                  </a:cxn>
                  <a:cxn ang="0">
                    <a:pos x="7561" y="2"/>
                  </a:cxn>
                  <a:cxn ang="0">
                    <a:pos x="7579" y="7"/>
                  </a:cxn>
                  <a:cxn ang="0">
                    <a:pos x="7597" y="17"/>
                  </a:cxn>
                  <a:cxn ang="0">
                    <a:pos x="7611" y="29"/>
                  </a:cxn>
                  <a:cxn ang="0">
                    <a:pos x="7623" y="43"/>
                  </a:cxn>
                  <a:cxn ang="0">
                    <a:pos x="7633" y="60"/>
                  </a:cxn>
                  <a:cxn ang="0">
                    <a:pos x="7638" y="78"/>
                  </a:cxn>
                  <a:cxn ang="0">
                    <a:pos x="7640" y="99"/>
                  </a:cxn>
                  <a:cxn ang="0">
                    <a:pos x="7640" y="251"/>
                  </a:cxn>
                  <a:cxn ang="0">
                    <a:pos x="7636" y="270"/>
                  </a:cxn>
                  <a:cxn ang="0">
                    <a:pos x="7628" y="287"/>
                  </a:cxn>
                  <a:cxn ang="0">
                    <a:pos x="7618" y="304"/>
                  </a:cxn>
                  <a:cxn ang="0">
                    <a:pos x="7604" y="318"/>
                  </a:cxn>
                  <a:cxn ang="0">
                    <a:pos x="7589" y="328"/>
                  </a:cxn>
                  <a:cxn ang="0">
                    <a:pos x="7570" y="336"/>
                  </a:cxn>
                  <a:cxn ang="0">
                    <a:pos x="7551" y="340"/>
                  </a:cxn>
                  <a:cxn ang="0">
                    <a:pos x="99" y="340"/>
                  </a:cxn>
                  <a:cxn ang="0">
                    <a:pos x="79" y="338"/>
                  </a:cxn>
                  <a:cxn ang="0">
                    <a:pos x="61" y="332"/>
                  </a:cxn>
                  <a:cxn ang="0">
                    <a:pos x="43" y="323"/>
                  </a:cxn>
                  <a:cxn ang="0">
                    <a:pos x="29" y="311"/>
                  </a:cxn>
                  <a:cxn ang="0">
                    <a:pos x="17" y="297"/>
                  </a:cxn>
                  <a:cxn ang="0">
                    <a:pos x="7" y="279"/>
                  </a:cxn>
                  <a:cxn ang="0">
                    <a:pos x="2" y="260"/>
                  </a:cxn>
                  <a:cxn ang="0">
                    <a:pos x="0" y="241"/>
                  </a:cxn>
                  <a:cxn ang="0">
                    <a:pos x="0" y="89"/>
                  </a:cxn>
                  <a:cxn ang="0">
                    <a:pos x="4" y="69"/>
                  </a:cxn>
                  <a:cxn ang="0">
                    <a:pos x="12" y="51"/>
                  </a:cxn>
                  <a:cxn ang="0">
                    <a:pos x="22" y="36"/>
                  </a:cxn>
                  <a:cxn ang="0">
                    <a:pos x="36" y="22"/>
                  </a:cxn>
                  <a:cxn ang="0">
                    <a:pos x="51" y="12"/>
                  </a:cxn>
                  <a:cxn ang="0">
                    <a:pos x="70" y="4"/>
                  </a:cxn>
                  <a:cxn ang="0">
                    <a:pos x="89" y="0"/>
                  </a:cxn>
                </a:cxnLst>
                <a:rect l="0" t="0" r="r" b="b"/>
                <a:pathLst>
                  <a:path w="7640" h="340">
                    <a:moveTo>
                      <a:pt x="99" y="0"/>
                    </a:moveTo>
                    <a:lnTo>
                      <a:pt x="7541" y="0"/>
                    </a:lnTo>
                    <a:lnTo>
                      <a:pt x="7551" y="0"/>
                    </a:lnTo>
                    <a:lnTo>
                      <a:pt x="7561" y="2"/>
                    </a:lnTo>
                    <a:lnTo>
                      <a:pt x="7570" y="4"/>
                    </a:lnTo>
                    <a:lnTo>
                      <a:pt x="7579" y="7"/>
                    </a:lnTo>
                    <a:lnTo>
                      <a:pt x="7589" y="12"/>
                    </a:lnTo>
                    <a:lnTo>
                      <a:pt x="7597" y="17"/>
                    </a:lnTo>
                    <a:lnTo>
                      <a:pt x="7604" y="22"/>
                    </a:lnTo>
                    <a:lnTo>
                      <a:pt x="7611" y="29"/>
                    </a:lnTo>
                    <a:lnTo>
                      <a:pt x="7618" y="36"/>
                    </a:lnTo>
                    <a:lnTo>
                      <a:pt x="7623" y="43"/>
                    </a:lnTo>
                    <a:lnTo>
                      <a:pt x="7628" y="51"/>
                    </a:lnTo>
                    <a:lnTo>
                      <a:pt x="7633" y="60"/>
                    </a:lnTo>
                    <a:lnTo>
                      <a:pt x="7636" y="69"/>
                    </a:lnTo>
                    <a:lnTo>
                      <a:pt x="7638" y="78"/>
                    </a:lnTo>
                    <a:lnTo>
                      <a:pt x="7640" y="89"/>
                    </a:lnTo>
                    <a:lnTo>
                      <a:pt x="7640" y="99"/>
                    </a:lnTo>
                    <a:lnTo>
                      <a:pt x="7640" y="241"/>
                    </a:lnTo>
                    <a:lnTo>
                      <a:pt x="7640" y="251"/>
                    </a:lnTo>
                    <a:lnTo>
                      <a:pt x="7638" y="260"/>
                    </a:lnTo>
                    <a:lnTo>
                      <a:pt x="7636" y="270"/>
                    </a:lnTo>
                    <a:lnTo>
                      <a:pt x="7633" y="279"/>
                    </a:lnTo>
                    <a:lnTo>
                      <a:pt x="7628" y="287"/>
                    </a:lnTo>
                    <a:lnTo>
                      <a:pt x="7623" y="297"/>
                    </a:lnTo>
                    <a:lnTo>
                      <a:pt x="7618" y="304"/>
                    </a:lnTo>
                    <a:lnTo>
                      <a:pt x="7611" y="311"/>
                    </a:lnTo>
                    <a:lnTo>
                      <a:pt x="7604" y="318"/>
                    </a:lnTo>
                    <a:lnTo>
                      <a:pt x="7597" y="323"/>
                    </a:lnTo>
                    <a:lnTo>
                      <a:pt x="7589" y="328"/>
                    </a:lnTo>
                    <a:lnTo>
                      <a:pt x="7579" y="332"/>
                    </a:lnTo>
                    <a:lnTo>
                      <a:pt x="7570" y="336"/>
                    </a:lnTo>
                    <a:lnTo>
                      <a:pt x="7561" y="338"/>
                    </a:lnTo>
                    <a:lnTo>
                      <a:pt x="7551" y="340"/>
                    </a:lnTo>
                    <a:lnTo>
                      <a:pt x="7541" y="340"/>
                    </a:lnTo>
                    <a:lnTo>
                      <a:pt x="99" y="340"/>
                    </a:lnTo>
                    <a:lnTo>
                      <a:pt x="89" y="340"/>
                    </a:lnTo>
                    <a:lnTo>
                      <a:pt x="79" y="338"/>
                    </a:lnTo>
                    <a:lnTo>
                      <a:pt x="70" y="336"/>
                    </a:lnTo>
                    <a:lnTo>
                      <a:pt x="61" y="332"/>
                    </a:lnTo>
                    <a:lnTo>
                      <a:pt x="51" y="328"/>
                    </a:lnTo>
                    <a:lnTo>
                      <a:pt x="43" y="323"/>
                    </a:lnTo>
                    <a:lnTo>
                      <a:pt x="36" y="318"/>
                    </a:lnTo>
                    <a:lnTo>
                      <a:pt x="29" y="311"/>
                    </a:lnTo>
                    <a:lnTo>
                      <a:pt x="22" y="304"/>
                    </a:lnTo>
                    <a:lnTo>
                      <a:pt x="17" y="297"/>
                    </a:lnTo>
                    <a:lnTo>
                      <a:pt x="12" y="287"/>
                    </a:lnTo>
                    <a:lnTo>
                      <a:pt x="7" y="279"/>
                    </a:lnTo>
                    <a:lnTo>
                      <a:pt x="4" y="270"/>
                    </a:lnTo>
                    <a:lnTo>
                      <a:pt x="2" y="260"/>
                    </a:lnTo>
                    <a:lnTo>
                      <a:pt x="0" y="251"/>
                    </a:lnTo>
                    <a:lnTo>
                      <a:pt x="0" y="241"/>
                    </a:lnTo>
                    <a:lnTo>
                      <a:pt x="0" y="99"/>
                    </a:lnTo>
                    <a:lnTo>
                      <a:pt x="0" y="89"/>
                    </a:lnTo>
                    <a:lnTo>
                      <a:pt x="2" y="78"/>
                    </a:lnTo>
                    <a:lnTo>
                      <a:pt x="4" y="69"/>
                    </a:lnTo>
                    <a:lnTo>
                      <a:pt x="7" y="60"/>
                    </a:lnTo>
                    <a:lnTo>
                      <a:pt x="12" y="51"/>
                    </a:lnTo>
                    <a:lnTo>
                      <a:pt x="17" y="43"/>
                    </a:lnTo>
                    <a:lnTo>
                      <a:pt x="22" y="36"/>
                    </a:lnTo>
                    <a:lnTo>
                      <a:pt x="29" y="29"/>
                    </a:lnTo>
                    <a:lnTo>
                      <a:pt x="36" y="22"/>
                    </a:lnTo>
                    <a:lnTo>
                      <a:pt x="43" y="17"/>
                    </a:lnTo>
                    <a:lnTo>
                      <a:pt x="51" y="12"/>
                    </a:lnTo>
                    <a:lnTo>
                      <a:pt x="61" y="7"/>
                    </a:lnTo>
                    <a:lnTo>
                      <a:pt x="70" y="4"/>
                    </a:lnTo>
                    <a:lnTo>
                      <a:pt x="79" y="2"/>
                    </a:lnTo>
                    <a:lnTo>
                      <a:pt x="89" y="0"/>
                    </a:lnTo>
                    <a:lnTo>
                      <a:pt x="99"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59" name="Freeform 12"/>
              <p:cNvSpPr>
                <a:spLocks/>
              </p:cNvSpPr>
              <p:nvPr/>
            </p:nvSpPr>
            <p:spPr bwMode="auto">
              <a:xfrm>
                <a:off x="-954293" y="372330"/>
                <a:ext cx="430705" cy="53641"/>
              </a:xfrm>
              <a:custGeom>
                <a:avLst/>
                <a:gdLst/>
                <a:ahLst/>
                <a:cxnLst>
                  <a:cxn ang="0">
                    <a:pos x="439" y="0"/>
                  </a:cxn>
                  <a:cxn ang="0">
                    <a:pos x="1006" y="0"/>
                  </a:cxn>
                  <a:cxn ang="0">
                    <a:pos x="1006" y="584"/>
                  </a:cxn>
                  <a:cxn ang="0">
                    <a:pos x="1006" y="703"/>
                  </a:cxn>
                  <a:cxn ang="0">
                    <a:pos x="6634" y="703"/>
                  </a:cxn>
                  <a:cxn ang="0">
                    <a:pos x="6634" y="584"/>
                  </a:cxn>
                  <a:cxn ang="0">
                    <a:pos x="6634" y="0"/>
                  </a:cxn>
                  <a:cxn ang="0">
                    <a:pos x="7144" y="0"/>
                  </a:cxn>
                  <a:cxn ang="0">
                    <a:pos x="7640" y="951"/>
                  </a:cxn>
                  <a:cxn ang="0">
                    <a:pos x="0" y="951"/>
                  </a:cxn>
                  <a:cxn ang="0">
                    <a:pos x="439" y="0"/>
                  </a:cxn>
                </a:cxnLst>
                <a:rect l="0" t="0" r="r" b="b"/>
                <a:pathLst>
                  <a:path w="7640" h="951">
                    <a:moveTo>
                      <a:pt x="439" y="0"/>
                    </a:moveTo>
                    <a:lnTo>
                      <a:pt x="1006" y="0"/>
                    </a:lnTo>
                    <a:lnTo>
                      <a:pt x="1006" y="584"/>
                    </a:lnTo>
                    <a:lnTo>
                      <a:pt x="1006" y="703"/>
                    </a:lnTo>
                    <a:lnTo>
                      <a:pt x="6634" y="703"/>
                    </a:lnTo>
                    <a:lnTo>
                      <a:pt x="6634" y="584"/>
                    </a:lnTo>
                    <a:lnTo>
                      <a:pt x="6634" y="0"/>
                    </a:lnTo>
                    <a:lnTo>
                      <a:pt x="7144" y="0"/>
                    </a:lnTo>
                    <a:lnTo>
                      <a:pt x="7640" y="951"/>
                    </a:lnTo>
                    <a:lnTo>
                      <a:pt x="0" y="951"/>
                    </a:lnTo>
                    <a:lnTo>
                      <a:pt x="439"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60" name="Rectangle 13"/>
              <p:cNvSpPr>
                <a:spLocks noChangeArrowheads="1"/>
              </p:cNvSpPr>
              <p:nvPr/>
            </p:nvSpPr>
            <p:spPr bwMode="auto">
              <a:xfrm>
                <a:off x="-780749" y="-455159"/>
                <a:ext cx="15777" cy="63896"/>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61" name="Rectangle 14"/>
              <p:cNvSpPr>
                <a:spLocks noChangeArrowheads="1"/>
              </p:cNvSpPr>
              <p:nvPr/>
            </p:nvSpPr>
            <p:spPr bwMode="auto">
              <a:xfrm>
                <a:off x="-712909" y="-455159"/>
                <a:ext cx="15777" cy="63896"/>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62" name="Freeform 15"/>
              <p:cNvSpPr>
                <a:spLocks/>
              </p:cNvSpPr>
              <p:nvPr/>
            </p:nvSpPr>
            <p:spPr bwMode="auto">
              <a:xfrm>
                <a:off x="-756295" y="-444115"/>
                <a:ext cx="34709" cy="35498"/>
              </a:xfrm>
              <a:custGeom>
                <a:avLst/>
                <a:gdLst/>
                <a:ahLst/>
                <a:cxnLst>
                  <a:cxn ang="0">
                    <a:pos x="345" y="625"/>
                  </a:cxn>
                  <a:cxn ang="0">
                    <a:pos x="391" y="617"/>
                  </a:cxn>
                  <a:cxn ang="0">
                    <a:pos x="435" y="602"/>
                  </a:cxn>
                  <a:cxn ang="0">
                    <a:pos x="475" y="581"/>
                  </a:cxn>
                  <a:cxn ang="0">
                    <a:pos x="512" y="554"/>
                  </a:cxn>
                  <a:cxn ang="0">
                    <a:pos x="544" y="524"/>
                  </a:cxn>
                  <a:cxn ang="0">
                    <a:pos x="573" y="488"/>
                  </a:cxn>
                  <a:cxn ang="0">
                    <a:pos x="595" y="448"/>
                  </a:cxn>
                  <a:cxn ang="0">
                    <a:pos x="612" y="406"/>
                  </a:cxn>
                  <a:cxn ang="0">
                    <a:pos x="622" y="360"/>
                  </a:cxn>
                  <a:cxn ang="0">
                    <a:pos x="626" y="313"/>
                  </a:cxn>
                  <a:cxn ang="0">
                    <a:pos x="622" y="265"/>
                  </a:cxn>
                  <a:cxn ang="0">
                    <a:pos x="612" y="220"/>
                  </a:cxn>
                  <a:cxn ang="0">
                    <a:pos x="595" y="178"/>
                  </a:cxn>
                  <a:cxn ang="0">
                    <a:pos x="573" y="138"/>
                  </a:cxn>
                  <a:cxn ang="0">
                    <a:pos x="544" y="103"/>
                  </a:cxn>
                  <a:cxn ang="0">
                    <a:pos x="512" y="72"/>
                  </a:cxn>
                  <a:cxn ang="0">
                    <a:pos x="475" y="45"/>
                  </a:cxn>
                  <a:cxn ang="0">
                    <a:pos x="435" y="24"/>
                  </a:cxn>
                  <a:cxn ang="0">
                    <a:pos x="391" y="10"/>
                  </a:cxn>
                  <a:cxn ang="0">
                    <a:pos x="345" y="1"/>
                  </a:cxn>
                  <a:cxn ang="0">
                    <a:pos x="297" y="0"/>
                  </a:cxn>
                  <a:cxn ang="0">
                    <a:pos x="250" y="6"/>
                  </a:cxn>
                  <a:cxn ang="0">
                    <a:pos x="206" y="19"/>
                  </a:cxn>
                  <a:cxn ang="0">
                    <a:pos x="164" y="37"/>
                  </a:cxn>
                  <a:cxn ang="0">
                    <a:pos x="126" y="63"/>
                  </a:cxn>
                  <a:cxn ang="0">
                    <a:pos x="92" y="92"/>
                  </a:cxn>
                  <a:cxn ang="0">
                    <a:pos x="62" y="126"/>
                  </a:cxn>
                  <a:cxn ang="0">
                    <a:pos x="38" y="164"/>
                  </a:cxn>
                  <a:cxn ang="0">
                    <a:pos x="19" y="206"/>
                  </a:cxn>
                  <a:cxn ang="0">
                    <a:pos x="7" y="250"/>
                  </a:cxn>
                  <a:cxn ang="0">
                    <a:pos x="1" y="297"/>
                  </a:cxn>
                  <a:cxn ang="0">
                    <a:pos x="2" y="345"/>
                  </a:cxn>
                  <a:cxn ang="0">
                    <a:pos x="10" y="392"/>
                  </a:cxn>
                  <a:cxn ang="0">
                    <a:pos x="25" y="435"/>
                  </a:cxn>
                  <a:cxn ang="0">
                    <a:pos x="45" y="476"/>
                  </a:cxn>
                  <a:cxn ang="0">
                    <a:pos x="71" y="512"/>
                  </a:cxn>
                  <a:cxn ang="0">
                    <a:pos x="103" y="545"/>
                  </a:cxn>
                  <a:cxn ang="0">
                    <a:pos x="138" y="572"/>
                  </a:cxn>
                  <a:cxn ang="0">
                    <a:pos x="177" y="596"/>
                  </a:cxn>
                  <a:cxn ang="0">
                    <a:pos x="220" y="612"/>
                  </a:cxn>
                  <a:cxn ang="0">
                    <a:pos x="265" y="623"/>
                  </a:cxn>
                  <a:cxn ang="0">
                    <a:pos x="314" y="626"/>
                  </a:cxn>
                </a:cxnLst>
                <a:rect l="0" t="0" r="r" b="b"/>
                <a:pathLst>
                  <a:path w="626" h="626">
                    <a:moveTo>
                      <a:pt x="314" y="626"/>
                    </a:moveTo>
                    <a:lnTo>
                      <a:pt x="329" y="626"/>
                    </a:lnTo>
                    <a:lnTo>
                      <a:pt x="345" y="625"/>
                    </a:lnTo>
                    <a:lnTo>
                      <a:pt x="361" y="623"/>
                    </a:lnTo>
                    <a:lnTo>
                      <a:pt x="376" y="620"/>
                    </a:lnTo>
                    <a:lnTo>
                      <a:pt x="391" y="617"/>
                    </a:lnTo>
                    <a:lnTo>
                      <a:pt x="406" y="612"/>
                    </a:lnTo>
                    <a:lnTo>
                      <a:pt x="420" y="607"/>
                    </a:lnTo>
                    <a:lnTo>
                      <a:pt x="435" y="602"/>
                    </a:lnTo>
                    <a:lnTo>
                      <a:pt x="449" y="596"/>
                    </a:lnTo>
                    <a:lnTo>
                      <a:pt x="462" y="589"/>
                    </a:lnTo>
                    <a:lnTo>
                      <a:pt x="475" y="581"/>
                    </a:lnTo>
                    <a:lnTo>
                      <a:pt x="488" y="572"/>
                    </a:lnTo>
                    <a:lnTo>
                      <a:pt x="500" y="564"/>
                    </a:lnTo>
                    <a:lnTo>
                      <a:pt x="512" y="554"/>
                    </a:lnTo>
                    <a:lnTo>
                      <a:pt x="523" y="545"/>
                    </a:lnTo>
                    <a:lnTo>
                      <a:pt x="534" y="534"/>
                    </a:lnTo>
                    <a:lnTo>
                      <a:pt x="544" y="524"/>
                    </a:lnTo>
                    <a:lnTo>
                      <a:pt x="555" y="512"/>
                    </a:lnTo>
                    <a:lnTo>
                      <a:pt x="564" y="501"/>
                    </a:lnTo>
                    <a:lnTo>
                      <a:pt x="573" y="488"/>
                    </a:lnTo>
                    <a:lnTo>
                      <a:pt x="581" y="476"/>
                    </a:lnTo>
                    <a:lnTo>
                      <a:pt x="588" y="462"/>
                    </a:lnTo>
                    <a:lnTo>
                      <a:pt x="595" y="448"/>
                    </a:lnTo>
                    <a:lnTo>
                      <a:pt x="601" y="435"/>
                    </a:lnTo>
                    <a:lnTo>
                      <a:pt x="607" y="421"/>
                    </a:lnTo>
                    <a:lnTo>
                      <a:pt x="612" y="406"/>
                    </a:lnTo>
                    <a:lnTo>
                      <a:pt x="616" y="392"/>
                    </a:lnTo>
                    <a:lnTo>
                      <a:pt x="619" y="377"/>
                    </a:lnTo>
                    <a:lnTo>
                      <a:pt x="622" y="360"/>
                    </a:lnTo>
                    <a:lnTo>
                      <a:pt x="624" y="345"/>
                    </a:lnTo>
                    <a:lnTo>
                      <a:pt x="625" y="329"/>
                    </a:lnTo>
                    <a:lnTo>
                      <a:pt x="626" y="313"/>
                    </a:lnTo>
                    <a:lnTo>
                      <a:pt x="625" y="297"/>
                    </a:lnTo>
                    <a:lnTo>
                      <a:pt x="624" y="281"/>
                    </a:lnTo>
                    <a:lnTo>
                      <a:pt x="622" y="265"/>
                    </a:lnTo>
                    <a:lnTo>
                      <a:pt x="619" y="250"/>
                    </a:lnTo>
                    <a:lnTo>
                      <a:pt x="616" y="235"/>
                    </a:lnTo>
                    <a:lnTo>
                      <a:pt x="612" y="220"/>
                    </a:lnTo>
                    <a:lnTo>
                      <a:pt x="607" y="206"/>
                    </a:lnTo>
                    <a:lnTo>
                      <a:pt x="601" y="192"/>
                    </a:lnTo>
                    <a:lnTo>
                      <a:pt x="595" y="178"/>
                    </a:lnTo>
                    <a:lnTo>
                      <a:pt x="588" y="164"/>
                    </a:lnTo>
                    <a:lnTo>
                      <a:pt x="581" y="150"/>
                    </a:lnTo>
                    <a:lnTo>
                      <a:pt x="573" y="138"/>
                    </a:lnTo>
                    <a:lnTo>
                      <a:pt x="564" y="126"/>
                    </a:lnTo>
                    <a:lnTo>
                      <a:pt x="555" y="114"/>
                    </a:lnTo>
                    <a:lnTo>
                      <a:pt x="544" y="103"/>
                    </a:lnTo>
                    <a:lnTo>
                      <a:pt x="534" y="92"/>
                    </a:lnTo>
                    <a:lnTo>
                      <a:pt x="523" y="82"/>
                    </a:lnTo>
                    <a:lnTo>
                      <a:pt x="512" y="72"/>
                    </a:lnTo>
                    <a:lnTo>
                      <a:pt x="500" y="63"/>
                    </a:lnTo>
                    <a:lnTo>
                      <a:pt x="488" y="53"/>
                    </a:lnTo>
                    <a:lnTo>
                      <a:pt x="475" y="45"/>
                    </a:lnTo>
                    <a:lnTo>
                      <a:pt x="462" y="37"/>
                    </a:lnTo>
                    <a:lnTo>
                      <a:pt x="449" y="31"/>
                    </a:lnTo>
                    <a:lnTo>
                      <a:pt x="435" y="24"/>
                    </a:lnTo>
                    <a:lnTo>
                      <a:pt x="420" y="19"/>
                    </a:lnTo>
                    <a:lnTo>
                      <a:pt x="406" y="14"/>
                    </a:lnTo>
                    <a:lnTo>
                      <a:pt x="391" y="10"/>
                    </a:lnTo>
                    <a:lnTo>
                      <a:pt x="376" y="6"/>
                    </a:lnTo>
                    <a:lnTo>
                      <a:pt x="361" y="3"/>
                    </a:lnTo>
                    <a:lnTo>
                      <a:pt x="345" y="1"/>
                    </a:lnTo>
                    <a:lnTo>
                      <a:pt x="329" y="0"/>
                    </a:lnTo>
                    <a:lnTo>
                      <a:pt x="314" y="0"/>
                    </a:lnTo>
                    <a:lnTo>
                      <a:pt x="297" y="0"/>
                    </a:lnTo>
                    <a:lnTo>
                      <a:pt x="281" y="1"/>
                    </a:lnTo>
                    <a:lnTo>
                      <a:pt x="265" y="3"/>
                    </a:lnTo>
                    <a:lnTo>
                      <a:pt x="250" y="6"/>
                    </a:lnTo>
                    <a:lnTo>
                      <a:pt x="235" y="10"/>
                    </a:lnTo>
                    <a:lnTo>
                      <a:pt x="220" y="14"/>
                    </a:lnTo>
                    <a:lnTo>
                      <a:pt x="206" y="19"/>
                    </a:lnTo>
                    <a:lnTo>
                      <a:pt x="191" y="24"/>
                    </a:lnTo>
                    <a:lnTo>
                      <a:pt x="177" y="31"/>
                    </a:lnTo>
                    <a:lnTo>
                      <a:pt x="164" y="37"/>
                    </a:lnTo>
                    <a:lnTo>
                      <a:pt x="151" y="45"/>
                    </a:lnTo>
                    <a:lnTo>
                      <a:pt x="138" y="53"/>
                    </a:lnTo>
                    <a:lnTo>
                      <a:pt x="126" y="63"/>
                    </a:lnTo>
                    <a:lnTo>
                      <a:pt x="114" y="72"/>
                    </a:lnTo>
                    <a:lnTo>
                      <a:pt x="103" y="82"/>
                    </a:lnTo>
                    <a:lnTo>
                      <a:pt x="92" y="92"/>
                    </a:lnTo>
                    <a:lnTo>
                      <a:pt x="82" y="103"/>
                    </a:lnTo>
                    <a:lnTo>
                      <a:pt x="71" y="114"/>
                    </a:lnTo>
                    <a:lnTo>
                      <a:pt x="62" y="126"/>
                    </a:lnTo>
                    <a:lnTo>
                      <a:pt x="53" y="138"/>
                    </a:lnTo>
                    <a:lnTo>
                      <a:pt x="45" y="150"/>
                    </a:lnTo>
                    <a:lnTo>
                      <a:pt x="38" y="164"/>
                    </a:lnTo>
                    <a:lnTo>
                      <a:pt x="31" y="178"/>
                    </a:lnTo>
                    <a:lnTo>
                      <a:pt x="25" y="192"/>
                    </a:lnTo>
                    <a:lnTo>
                      <a:pt x="19" y="206"/>
                    </a:lnTo>
                    <a:lnTo>
                      <a:pt x="14" y="220"/>
                    </a:lnTo>
                    <a:lnTo>
                      <a:pt x="10" y="235"/>
                    </a:lnTo>
                    <a:lnTo>
                      <a:pt x="7" y="250"/>
                    </a:lnTo>
                    <a:lnTo>
                      <a:pt x="4" y="265"/>
                    </a:lnTo>
                    <a:lnTo>
                      <a:pt x="2" y="281"/>
                    </a:lnTo>
                    <a:lnTo>
                      <a:pt x="1" y="297"/>
                    </a:lnTo>
                    <a:lnTo>
                      <a:pt x="0" y="313"/>
                    </a:lnTo>
                    <a:lnTo>
                      <a:pt x="1" y="329"/>
                    </a:lnTo>
                    <a:lnTo>
                      <a:pt x="2" y="345"/>
                    </a:lnTo>
                    <a:lnTo>
                      <a:pt x="4" y="360"/>
                    </a:lnTo>
                    <a:lnTo>
                      <a:pt x="7" y="377"/>
                    </a:lnTo>
                    <a:lnTo>
                      <a:pt x="10" y="392"/>
                    </a:lnTo>
                    <a:lnTo>
                      <a:pt x="14" y="406"/>
                    </a:lnTo>
                    <a:lnTo>
                      <a:pt x="19" y="421"/>
                    </a:lnTo>
                    <a:lnTo>
                      <a:pt x="25" y="435"/>
                    </a:lnTo>
                    <a:lnTo>
                      <a:pt x="31" y="448"/>
                    </a:lnTo>
                    <a:lnTo>
                      <a:pt x="38" y="462"/>
                    </a:lnTo>
                    <a:lnTo>
                      <a:pt x="45" y="476"/>
                    </a:lnTo>
                    <a:lnTo>
                      <a:pt x="53" y="488"/>
                    </a:lnTo>
                    <a:lnTo>
                      <a:pt x="62" y="501"/>
                    </a:lnTo>
                    <a:lnTo>
                      <a:pt x="71" y="512"/>
                    </a:lnTo>
                    <a:lnTo>
                      <a:pt x="82" y="524"/>
                    </a:lnTo>
                    <a:lnTo>
                      <a:pt x="92" y="534"/>
                    </a:lnTo>
                    <a:lnTo>
                      <a:pt x="103" y="545"/>
                    </a:lnTo>
                    <a:lnTo>
                      <a:pt x="114" y="554"/>
                    </a:lnTo>
                    <a:lnTo>
                      <a:pt x="126" y="564"/>
                    </a:lnTo>
                    <a:lnTo>
                      <a:pt x="138" y="572"/>
                    </a:lnTo>
                    <a:lnTo>
                      <a:pt x="151" y="581"/>
                    </a:lnTo>
                    <a:lnTo>
                      <a:pt x="164" y="589"/>
                    </a:lnTo>
                    <a:lnTo>
                      <a:pt x="177" y="596"/>
                    </a:lnTo>
                    <a:lnTo>
                      <a:pt x="191" y="602"/>
                    </a:lnTo>
                    <a:lnTo>
                      <a:pt x="206" y="607"/>
                    </a:lnTo>
                    <a:lnTo>
                      <a:pt x="220" y="612"/>
                    </a:lnTo>
                    <a:lnTo>
                      <a:pt x="235" y="617"/>
                    </a:lnTo>
                    <a:lnTo>
                      <a:pt x="250" y="620"/>
                    </a:lnTo>
                    <a:lnTo>
                      <a:pt x="265" y="623"/>
                    </a:lnTo>
                    <a:lnTo>
                      <a:pt x="281" y="625"/>
                    </a:lnTo>
                    <a:lnTo>
                      <a:pt x="297" y="626"/>
                    </a:lnTo>
                    <a:lnTo>
                      <a:pt x="314" y="62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63" name="Rectangle 16"/>
              <p:cNvSpPr>
                <a:spLocks noChangeArrowheads="1"/>
              </p:cNvSpPr>
              <p:nvPr/>
            </p:nvSpPr>
            <p:spPr bwMode="auto">
              <a:xfrm>
                <a:off x="-771283" y="-407040"/>
                <a:ext cx="64685" cy="15777"/>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64" name="Rectangle 17"/>
              <p:cNvSpPr>
                <a:spLocks noChangeArrowheads="1"/>
              </p:cNvSpPr>
              <p:nvPr/>
            </p:nvSpPr>
            <p:spPr bwMode="auto">
              <a:xfrm>
                <a:off x="-771283" y="-455159"/>
                <a:ext cx="64685" cy="7100"/>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65" name="Freeform 18"/>
              <p:cNvSpPr>
                <a:spLocks noEditPoints="1"/>
              </p:cNvSpPr>
              <p:nvPr/>
            </p:nvSpPr>
            <p:spPr bwMode="auto">
              <a:xfrm>
                <a:off x="-1059997" y="-391263"/>
                <a:ext cx="642113" cy="386530"/>
              </a:xfrm>
              <a:custGeom>
                <a:avLst/>
                <a:gdLst/>
                <a:ahLst/>
                <a:cxnLst>
                  <a:cxn ang="0">
                    <a:pos x="11193" y="1"/>
                  </a:cxn>
                  <a:cxn ang="0">
                    <a:pos x="11237" y="10"/>
                  </a:cxn>
                  <a:cxn ang="0">
                    <a:pos x="11277" y="27"/>
                  </a:cxn>
                  <a:cxn ang="0">
                    <a:pos x="11329" y="67"/>
                  </a:cxn>
                  <a:cxn ang="0">
                    <a:pos x="11369" y="119"/>
                  </a:cxn>
                  <a:cxn ang="0">
                    <a:pos x="11386" y="159"/>
                  </a:cxn>
                  <a:cxn ang="0">
                    <a:pos x="11395" y="204"/>
                  </a:cxn>
                  <a:cxn ang="0">
                    <a:pos x="11396" y="6638"/>
                  </a:cxn>
                  <a:cxn ang="0">
                    <a:pos x="11389" y="6682"/>
                  </a:cxn>
                  <a:cxn ang="0">
                    <a:pos x="11374" y="6724"/>
                  </a:cxn>
                  <a:cxn ang="0">
                    <a:pos x="11351" y="6761"/>
                  </a:cxn>
                  <a:cxn ang="0">
                    <a:pos x="11321" y="6794"/>
                  </a:cxn>
                  <a:cxn ang="0">
                    <a:pos x="11287" y="6820"/>
                  </a:cxn>
                  <a:cxn ang="0">
                    <a:pos x="11248" y="6839"/>
                  </a:cxn>
                  <a:cxn ang="0">
                    <a:pos x="11204" y="6850"/>
                  </a:cxn>
                  <a:cxn ang="0">
                    <a:pos x="226" y="6852"/>
                  </a:cxn>
                  <a:cxn ang="0">
                    <a:pos x="181" y="6848"/>
                  </a:cxn>
                  <a:cxn ang="0">
                    <a:pos x="138" y="6835"/>
                  </a:cxn>
                  <a:cxn ang="0">
                    <a:pos x="100" y="6814"/>
                  </a:cxn>
                  <a:cxn ang="0">
                    <a:pos x="67" y="6786"/>
                  </a:cxn>
                  <a:cxn ang="0">
                    <a:pos x="38" y="6752"/>
                  </a:cxn>
                  <a:cxn ang="0">
                    <a:pos x="18" y="6714"/>
                  </a:cxn>
                  <a:cxn ang="0">
                    <a:pos x="5" y="6671"/>
                  </a:cxn>
                  <a:cxn ang="0">
                    <a:pos x="0" y="6626"/>
                  </a:cxn>
                  <a:cxn ang="0">
                    <a:pos x="3" y="192"/>
                  </a:cxn>
                  <a:cxn ang="0">
                    <a:pos x="14" y="149"/>
                  </a:cxn>
                  <a:cxn ang="0">
                    <a:pos x="32" y="109"/>
                  </a:cxn>
                  <a:cxn ang="0">
                    <a:pos x="58" y="75"/>
                  </a:cxn>
                  <a:cxn ang="0">
                    <a:pos x="91" y="45"/>
                  </a:cxn>
                  <a:cxn ang="0">
                    <a:pos x="128" y="23"/>
                  </a:cxn>
                  <a:cxn ang="0">
                    <a:pos x="169" y="7"/>
                  </a:cxn>
                  <a:cxn ang="0">
                    <a:pos x="214" y="1"/>
                  </a:cxn>
                  <a:cxn ang="0">
                    <a:pos x="10866" y="306"/>
                  </a:cxn>
                  <a:cxn ang="0">
                    <a:pos x="10919" y="315"/>
                  </a:cxn>
                  <a:cxn ang="0">
                    <a:pos x="10992" y="353"/>
                  </a:cxn>
                  <a:cxn ang="0">
                    <a:pos x="11043" y="414"/>
                  </a:cxn>
                  <a:cxn ang="0">
                    <a:pos x="11066" y="481"/>
                  </a:cxn>
                  <a:cxn ang="0">
                    <a:pos x="11069" y="6340"/>
                  </a:cxn>
                  <a:cxn ang="0">
                    <a:pos x="11064" y="6382"/>
                  </a:cxn>
                  <a:cxn ang="0">
                    <a:pos x="11052" y="6421"/>
                  </a:cxn>
                  <a:cxn ang="0">
                    <a:pos x="11007" y="6487"/>
                  </a:cxn>
                  <a:cxn ang="0">
                    <a:pos x="10939" y="6530"/>
                  </a:cxn>
                  <a:cxn ang="0">
                    <a:pos x="10899" y="6542"/>
                  </a:cxn>
                  <a:cxn ang="0">
                    <a:pos x="10856" y="6546"/>
                  </a:cxn>
                  <a:cxn ang="0">
                    <a:pos x="507" y="6544"/>
                  </a:cxn>
                  <a:cxn ang="0">
                    <a:pos x="467" y="6534"/>
                  </a:cxn>
                  <a:cxn ang="0">
                    <a:pos x="404" y="6500"/>
                  </a:cxn>
                  <a:cxn ang="0">
                    <a:pos x="358" y="6447"/>
                  </a:cxn>
                  <a:cxn ang="0">
                    <a:pos x="340" y="6411"/>
                  </a:cxn>
                  <a:cxn ang="0">
                    <a:pos x="330" y="6371"/>
                  </a:cxn>
                  <a:cxn ang="0">
                    <a:pos x="327" y="512"/>
                  </a:cxn>
                  <a:cxn ang="0">
                    <a:pos x="331" y="471"/>
                  </a:cxn>
                  <a:cxn ang="0">
                    <a:pos x="344" y="432"/>
                  </a:cxn>
                  <a:cxn ang="0">
                    <a:pos x="389" y="366"/>
                  </a:cxn>
                  <a:cxn ang="0">
                    <a:pos x="457" y="322"/>
                  </a:cxn>
                  <a:cxn ang="0">
                    <a:pos x="518" y="307"/>
                  </a:cxn>
                </a:cxnLst>
                <a:rect l="0" t="0" r="r" b="b"/>
                <a:pathLst>
                  <a:path w="11396" h="6852">
                    <a:moveTo>
                      <a:pt x="226" y="0"/>
                    </a:moveTo>
                    <a:lnTo>
                      <a:pt x="11170" y="0"/>
                    </a:lnTo>
                    <a:lnTo>
                      <a:pt x="11181" y="1"/>
                    </a:lnTo>
                    <a:lnTo>
                      <a:pt x="11193" y="1"/>
                    </a:lnTo>
                    <a:lnTo>
                      <a:pt x="11204" y="3"/>
                    </a:lnTo>
                    <a:lnTo>
                      <a:pt x="11215" y="5"/>
                    </a:lnTo>
                    <a:lnTo>
                      <a:pt x="11227" y="7"/>
                    </a:lnTo>
                    <a:lnTo>
                      <a:pt x="11237" y="10"/>
                    </a:lnTo>
                    <a:lnTo>
                      <a:pt x="11248" y="14"/>
                    </a:lnTo>
                    <a:lnTo>
                      <a:pt x="11258" y="18"/>
                    </a:lnTo>
                    <a:lnTo>
                      <a:pt x="11268" y="23"/>
                    </a:lnTo>
                    <a:lnTo>
                      <a:pt x="11277" y="27"/>
                    </a:lnTo>
                    <a:lnTo>
                      <a:pt x="11287" y="33"/>
                    </a:lnTo>
                    <a:lnTo>
                      <a:pt x="11296" y="39"/>
                    </a:lnTo>
                    <a:lnTo>
                      <a:pt x="11313" y="52"/>
                    </a:lnTo>
                    <a:lnTo>
                      <a:pt x="11329" y="67"/>
                    </a:lnTo>
                    <a:lnTo>
                      <a:pt x="11345" y="83"/>
                    </a:lnTo>
                    <a:lnTo>
                      <a:pt x="11358" y="100"/>
                    </a:lnTo>
                    <a:lnTo>
                      <a:pt x="11363" y="109"/>
                    </a:lnTo>
                    <a:lnTo>
                      <a:pt x="11369" y="119"/>
                    </a:lnTo>
                    <a:lnTo>
                      <a:pt x="11374" y="128"/>
                    </a:lnTo>
                    <a:lnTo>
                      <a:pt x="11378" y="138"/>
                    </a:lnTo>
                    <a:lnTo>
                      <a:pt x="11382" y="149"/>
                    </a:lnTo>
                    <a:lnTo>
                      <a:pt x="11386" y="159"/>
                    </a:lnTo>
                    <a:lnTo>
                      <a:pt x="11389" y="171"/>
                    </a:lnTo>
                    <a:lnTo>
                      <a:pt x="11391" y="181"/>
                    </a:lnTo>
                    <a:lnTo>
                      <a:pt x="11393" y="192"/>
                    </a:lnTo>
                    <a:lnTo>
                      <a:pt x="11395" y="204"/>
                    </a:lnTo>
                    <a:lnTo>
                      <a:pt x="11396" y="215"/>
                    </a:lnTo>
                    <a:lnTo>
                      <a:pt x="11396" y="226"/>
                    </a:lnTo>
                    <a:lnTo>
                      <a:pt x="11396" y="6626"/>
                    </a:lnTo>
                    <a:lnTo>
                      <a:pt x="11396" y="6638"/>
                    </a:lnTo>
                    <a:lnTo>
                      <a:pt x="11395" y="6649"/>
                    </a:lnTo>
                    <a:lnTo>
                      <a:pt x="11393" y="6660"/>
                    </a:lnTo>
                    <a:lnTo>
                      <a:pt x="11391" y="6671"/>
                    </a:lnTo>
                    <a:lnTo>
                      <a:pt x="11389" y="6682"/>
                    </a:lnTo>
                    <a:lnTo>
                      <a:pt x="11386" y="6694"/>
                    </a:lnTo>
                    <a:lnTo>
                      <a:pt x="11382" y="6704"/>
                    </a:lnTo>
                    <a:lnTo>
                      <a:pt x="11378" y="6714"/>
                    </a:lnTo>
                    <a:lnTo>
                      <a:pt x="11374" y="6724"/>
                    </a:lnTo>
                    <a:lnTo>
                      <a:pt x="11369" y="6734"/>
                    </a:lnTo>
                    <a:lnTo>
                      <a:pt x="11363" y="6743"/>
                    </a:lnTo>
                    <a:lnTo>
                      <a:pt x="11358" y="6752"/>
                    </a:lnTo>
                    <a:lnTo>
                      <a:pt x="11351" y="6761"/>
                    </a:lnTo>
                    <a:lnTo>
                      <a:pt x="11345" y="6770"/>
                    </a:lnTo>
                    <a:lnTo>
                      <a:pt x="11338" y="6778"/>
                    </a:lnTo>
                    <a:lnTo>
                      <a:pt x="11329" y="6786"/>
                    </a:lnTo>
                    <a:lnTo>
                      <a:pt x="11321" y="6794"/>
                    </a:lnTo>
                    <a:lnTo>
                      <a:pt x="11313" y="6801"/>
                    </a:lnTo>
                    <a:lnTo>
                      <a:pt x="11305" y="6808"/>
                    </a:lnTo>
                    <a:lnTo>
                      <a:pt x="11296" y="6814"/>
                    </a:lnTo>
                    <a:lnTo>
                      <a:pt x="11287" y="6820"/>
                    </a:lnTo>
                    <a:lnTo>
                      <a:pt x="11277" y="6825"/>
                    </a:lnTo>
                    <a:lnTo>
                      <a:pt x="11268" y="6830"/>
                    </a:lnTo>
                    <a:lnTo>
                      <a:pt x="11258" y="6835"/>
                    </a:lnTo>
                    <a:lnTo>
                      <a:pt x="11248" y="6839"/>
                    </a:lnTo>
                    <a:lnTo>
                      <a:pt x="11237" y="6842"/>
                    </a:lnTo>
                    <a:lnTo>
                      <a:pt x="11227" y="6845"/>
                    </a:lnTo>
                    <a:lnTo>
                      <a:pt x="11215" y="6848"/>
                    </a:lnTo>
                    <a:lnTo>
                      <a:pt x="11204" y="6850"/>
                    </a:lnTo>
                    <a:lnTo>
                      <a:pt x="11193" y="6851"/>
                    </a:lnTo>
                    <a:lnTo>
                      <a:pt x="11181" y="6852"/>
                    </a:lnTo>
                    <a:lnTo>
                      <a:pt x="11170" y="6852"/>
                    </a:lnTo>
                    <a:lnTo>
                      <a:pt x="226" y="6852"/>
                    </a:lnTo>
                    <a:lnTo>
                      <a:pt x="214" y="6852"/>
                    </a:lnTo>
                    <a:lnTo>
                      <a:pt x="203" y="6851"/>
                    </a:lnTo>
                    <a:lnTo>
                      <a:pt x="192" y="6850"/>
                    </a:lnTo>
                    <a:lnTo>
                      <a:pt x="181" y="6848"/>
                    </a:lnTo>
                    <a:lnTo>
                      <a:pt x="169" y="6845"/>
                    </a:lnTo>
                    <a:lnTo>
                      <a:pt x="159" y="6842"/>
                    </a:lnTo>
                    <a:lnTo>
                      <a:pt x="148" y="6839"/>
                    </a:lnTo>
                    <a:lnTo>
                      <a:pt x="138" y="6835"/>
                    </a:lnTo>
                    <a:lnTo>
                      <a:pt x="128" y="6830"/>
                    </a:lnTo>
                    <a:lnTo>
                      <a:pt x="118" y="6825"/>
                    </a:lnTo>
                    <a:lnTo>
                      <a:pt x="109" y="6820"/>
                    </a:lnTo>
                    <a:lnTo>
                      <a:pt x="100" y="6814"/>
                    </a:lnTo>
                    <a:lnTo>
                      <a:pt x="91" y="6808"/>
                    </a:lnTo>
                    <a:lnTo>
                      <a:pt x="83" y="6801"/>
                    </a:lnTo>
                    <a:lnTo>
                      <a:pt x="75" y="6794"/>
                    </a:lnTo>
                    <a:lnTo>
                      <a:pt x="67" y="6786"/>
                    </a:lnTo>
                    <a:lnTo>
                      <a:pt x="58" y="6778"/>
                    </a:lnTo>
                    <a:lnTo>
                      <a:pt x="51" y="6770"/>
                    </a:lnTo>
                    <a:lnTo>
                      <a:pt x="45" y="6761"/>
                    </a:lnTo>
                    <a:lnTo>
                      <a:pt x="38" y="6752"/>
                    </a:lnTo>
                    <a:lnTo>
                      <a:pt x="32" y="6743"/>
                    </a:lnTo>
                    <a:lnTo>
                      <a:pt x="27" y="6734"/>
                    </a:lnTo>
                    <a:lnTo>
                      <a:pt x="22" y="6724"/>
                    </a:lnTo>
                    <a:lnTo>
                      <a:pt x="18" y="6714"/>
                    </a:lnTo>
                    <a:lnTo>
                      <a:pt x="14" y="6704"/>
                    </a:lnTo>
                    <a:lnTo>
                      <a:pt x="10" y="6694"/>
                    </a:lnTo>
                    <a:lnTo>
                      <a:pt x="7" y="6682"/>
                    </a:lnTo>
                    <a:lnTo>
                      <a:pt x="5" y="6671"/>
                    </a:lnTo>
                    <a:lnTo>
                      <a:pt x="3" y="6660"/>
                    </a:lnTo>
                    <a:lnTo>
                      <a:pt x="1" y="6649"/>
                    </a:lnTo>
                    <a:lnTo>
                      <a:pt x="0" y="6638"/>
                    </a:lnTo>
                    <a:lnTo>
                      <a:pt x="0" y="6626"/>
                    </a:lnTo>
                    <a:lnTo>
                      <a:pt x="0" y="226"/>
                    </a:lnTo>
                    <a:lnTo>
                      <a:pt x="0" y="215"/>
                    </a:lnTo>
                    <a:lnTo>
                      <a:pt x="1" y="204"/>
                    </a:lnTo>
                    <a:lnTo>
                      <a:pt x="3" y="192"/>
                    </a:lnTo>
                    <a:lnTo>
                      <a:pt x="5" y="181"/>
                    </a:lnTo>
                    <a:lnTo>
                      <a:pt x="7" y="171"/>
                    </a:lnTo>
                    <a:lnTo>
                      <a:pt x="10" y="159"/>
                    </a:lnTo>
                    <a:lnTo>
                      <a:pt x="14" y="149"/>
                    </a:lnTo>
                    <a:lnTo>
                      <a:pt x="18" y="138"/>
                    </a:lnTo>
                    <a:lnTo>
                      <a:pt x="22" y="128"/>
                    </a:lnTo>
                    <a:lnTo>
                      <a:pt x="27" y="119"/>
                    </a:lnTo>
                    <a:lnTo>
                      <a:pt x="32" y="109"/>
                    </a:lnTo>
                    <a:lnTo>
                      <a:pt x="38" y="100"/>
                    </a:lnTo>
                    <a:lnTo>
                      <a:pt x="45" y="92"/>
                    </a:lnTo>
                    <a:lnTo>
                      <a:pt x="51" y="83"/>
                    </a:lnTo>
                    <a:lnTo>
                      <a:pt x="58" y="75"/>
                    </a:lnTo>
                    <a:lnTo>
                      <a:pt x="67" y="67"/>
                    </a:lnTo>
                    <a:lnTo>
                      <a:pt x="75" y="60"/>
                    </a:lnTo>
                    <a:lnTo>
                      <a:pt x="83" y="52"/>
                    </a:lnTo>
                    <a:lnTo>
                      <a:pt x="91" y="45"/>
                    </a:lnTo>
                    <a:lnTo>
                      <a:pt x="100" y="39"/>
                    </a:lnTo>
                    <a:lnTo>
                      <a:pt x="109" y="33"/>
                    </a:lnTo>
                    <a:lnTo>
                      <a:pt x="118" y="27"/>
                    </a:lnTo>
                    <a:lnTo>
                      <a:pt x="128" y="23"/>
                    </a:lnTo>
                    <a:lnTo>
                      <a:pt x="138" y="18"/>
                    </a:lnTo>
                    <a:lnTo>
                      <a:pt x="148" y="14"/>
                    </a:lnTo>
                    <a:lnTo>
                      <a:pt x="159" y="10"/>
                    </a:lnTo>
                    <a:lnTo>
                      <a:pt x="169" y="7"/>
                    </a:lnTo>
                    <a:lnTo>
                      <a:pt x="181" y="5"/>
                    </a:lnTo>
                    <a:lnTo>
                      <a:pt x="192" y="3"/>
                    </a:lnTo>
                    <a:lnTo>
                      <a:pt x="203" y="1"/>
                    </a:lnTo>
                    <a:lnTo>
                      <a:pt x="214" y="1"/>
                    </a:lnTo>
                    <a:lnTo>
                      <a:pt x="226" y="0"/>
                    </a:lnTo>
                    <a:close/>
                    <a:moveTo>
                      <a:pt x="540" y="306"/>
                    </a:moveTo>
                    <a:lnTo>
                      <a:pt x="10856" y="306"/>
                    </a:lnTo>
                    <a:lnTo>
                      <a:pt x="10866" y="306"/>
                    </a:lnTo>
                    <a:lnTo>
                      <a:pt x="10878" y="307"/>
                    </a:lnTo>
                    <a:lnTo>
                      <a:pt x="10889" y="309"/>
                    </a:lnTo>
                    <a:lnTo>
                      <a:pt x="10899" y="310"/>
                    </a:lnTo>
                    <a:lnTo>
                      <a:pt x="10919" y="315"/>
                    </a:lnTo>
                    <a:lnTo>
                      <a:pt x="10939" y="322"/>
                    </a:lnTo>
                    <a:lnTo>
                      <a:pt x="10957" y="331"/>
                    </a:lnTo>
                    <a:lnTo>
                      <a:pt x="10974" y="341"/>
                    </a:lnTo>
                    <a:lnTo>
                      <a:pt x="10992" y="353"/>
                    </a:lnTo>
                    <a:lnTo>
                      <a:pt x="11007" y="366"/>
                    </a:lnTo>
                    <a:lnTo>
                      <a:pt x="11020" y="382"/>
                    </a:lnTo>
                    <a:lnTo>
                      <a:pt x="11033" y="397"/>
                    </a:lnTo>
                    <a:lnTo>
                      <a:pt x="11043" y="414"/>
                    </a:lnTo>
                    <a:lnTo>
                      <a:pt x="11052" y="432"/>
                    </a:lnTo>
                    <a:lnTo>
                      <a:pt x="11059" y="451"/>
                    </a:lnTo>
                    <a:lnTo>
                      <a:pt x="11064" y="471"/>
                    </a:lnTo>
                    <a:lnTo>
                      <a:pt x="11066" y="481"/>
                    </a:lnTo>
                    <a:lnTo>
                      <a:pt x="11068" y="491"/>
                    </a:lnTo>
                    <a:lnTo>
                      <a:pt x="11069" y="502"/>
                    </a:lnTo>
                    <a:lnTo>
                      <a:pt x="11069" y="512"/>
                    </a:lnTo>
                    <a:lnTo>
                      <a:pt x="11069" y="6340"/>
                    </a:lnTo>
                    <a:lnTo>
                      <a:pt x="11069" y="6351"/>
                    </a:lnTo>
                    <a:lnTo>
                      <a:pt x="11068" y="6361"/>
                    </a:lnTo>
                    <a:lnTo>
                      <a:pt x="11066" y="6371"/>
                    </a:lnTo>
                    <a:lnTo>
                      <a:pt x="11064" y="6382"/>
                    </a:lnTo>
                    <a:lnTo>
                      <a:pt x="11062" y="6392"/>
                    </a:lnTo>
                    <a:lnTo>
                      <a:pt x="11059" y="6402"/>
                    </a:lnTo>
                    <a:lnTo>
                      <a:pt x="11056" y="6411"/>
                    </a:lnTo>
                    <a:lnTo>
                      <a:pt x="11052" y="6421"/>
                    </a:lnTo>
                    <a:lnTo>
                      <a:pt x="11043" y="6439"/>
                    </a:lnTo>
                    <a:lnTo>
                      <a:pt x="11033" y="6455"/>
                    </a:lnTo>
                    <a:lnTo>
                      <a:pt x="11020" y="6471"/>
                    </a:lnTo>
                    <a:lnTo>
                      <a:pt x="11007" y="6487"/>
                    </a:lnTo>
                    <a:lnTo>
                      <a:pt x="10992" y="6500"/>
                    </a:lnTo>
                    <a:lnTo>
                      <a:pt x="10974" y="6512"/>
                    </a:lnTo>
                    <a:lnTo>
                      <a:pt x="10957" y="6522"/>
                    </a:lnTo>
                    <a:lnTo>
                      <a:pt x="10939" y="6530"/>
                    </a:lnTo>
                    <a:lnTo>
                      <a:pt x="10929" y="6534"/>
                    </a:lnTo>
                    <a:lnTo>
                      <a:pt x="10919" y="6537"/>
                    </a:lnTo>
                    <a:lnTo>
                      <a:pt x="10909" y="6540"/>
                    </a:lnTo>
                    <a:lnTo>
                      <a:pt x="10899" y="6542"/>
                    </a:lnTo>
                    <a:lnTo>
                      <a:pt x="10889" y="6544"/>
                    </a:lnTo>
                    <a:lnTo>
                      <a:pt x="10878" y="6545"/>
                    </a:lnTo>
                    <a:lnTo>
                      <a:pt x="10866" y="6546"/>
                    </a:lnTo>
                    <a:lnTo>
                      <a:pt x="10856" y="6546"/>
                    </a:lnTo>
                    <a:lnTo>
                      <a:pt x="540" y="6546"/>
                    </a:lnTo>
                    <a:lnTo>
                      <a:pt x="530" y="6546"/>
                    </a:lnTo>
                    <a:lnTo>
                      <a:pt x="518" y="6545"/>
                    </a:lnTo>
                    <a:lnTo>
                      <a:pt x="507" y="6544"/>
                    </a:lnTo>
                    <a:lnTo>
                      <a:pt x="497" y="6542"/>
                    </a:lnTo>
                    <a:lnTo>
                      <a:pt x="487" y="6540"/>
                    </a:lnTo>
                    <a:lnTo>
                      <a:pt x="477" y="6537"/>
                    </a:lnTo>
                    <a:lnTo>
                      <a:pt x="467" y="6534"/>
                    </a:lnTo>
                    <a:lnTo>
                      <a:pt x="457" y="6530"/>
                    </a:lnTo>
                    <a:lnTo>
                      <a:pt x="439" y="6522"/>
                    </a:lnTo>
                    <a:lnTo>
                      <a:pt x="421" y="6512"/>
                    </a:lnTo>
                    <a:lnTo>
                      <a:pt x="404" y="6500"/>
                    </a:lnTo>
                    <a:lnTo>
                      <a:pt x="389" y="6487"/>
                    </a:lnTo>
                    <a:lnTo>
                      <a:pt x="375" y="6471"/>
                    </a:lnTo>
                    <a:lnTo>
                      <a:pt x="363" y="6455"/>
                    </a:lnTo>
                    <a:lnTo>
                      <a:pt x="358" y="6447"/>
                    </a:lnTo>
                    <a:lnTo>
                      <a:pt x="353" y="6439"/>
                    </a:lnTo>
                    <a:lnTo>
                      <a:pt x="348" y="6430"/>
                    </a:lnTo>
                    <a:lnTo>
                      <a:pt x="344" y="6421"/>
                    </a:lnTo>
                    <a:lnTo>
                      <a:pt x="340" y="6411"/>
                    </a:lnTo>
                    <a:lnTo>
                      <a:pt x="337" y="6402"/>
                    </a:lnTo>
                    <a:lnTo>
                      <a:pt x="334" y="6392"/>
                    </a:lnTo>
                    <a:lnTo>
                      <a:pt x="331" y="6382"/>
                    </a:lnTo>
                    <a:lnTo>
                      <a:pt x="330" y="6371"/>
                    </a:lnTo>
                    <a:lnTo>
                      <a:pt x="328" y="6361"/>
                    </a:lnTo>
                    <a:lnTo>
                      <a:pt x="327" y="6351"/>
                    </a:lnTo>
                    <a:lnTo>
                      <a:pt x="327" y="6340"/>
                    </a:lnTo>
                    <a:lnTo>
                      <a:pt x="327" y="512"/>
                    </a:lnTo>
                    <a:lnTo>
                      <a:pt x="327" y="502"/>
                    </a:lnTo>
                    <a:lnTo>
                      <a:pt x="328" y="491"/>
                    </a:lnTo>
                    <a:lnTo>
                      <a:pt x="330" y="481"/>
                    </a:lnTo>
                    <a:lnTo>
                      <a:pt x="331" y="471"/>
                    </a:lnTo>
                    <a:lnTo>
                      <a:pt x="334" y="460"/>
                    </a:lnTo>
                    <a:lnTo>
                      <a:pt x="337" y="451"/>
                    </a:lnTo>
                    <a:lnTo>
                      <a:pt x="340" y="441"/>
                    </a:lnTo>
                    <a:lnTo>
                      <a:pt x="344" y="432"/>
                    </a:lnTo>
                    <a:lnTo>
                      <a:pt x="353" y="414"/>
                    </a:lnTo>
                    <a:lnTo>
                      <a:pt x="363" y="397"/>
                    </a:lnTo>
                    <a:lnTo>
                      <a:pt x="375" y="382"/>
                    </a:lnTo>
                    <a:lnTo>
                      <a:pt x="389" y="366"/>
                    </a:lnTo>
                    <a:lnTo>
                      <a:pt x="404" y="353"/>
                    </a:lnTo>
                    <a:lnTo>
                      <a:pt x="421" y="341"/>
                    </a:lnTo>
                    <a:lnTo>
                      <a:pt x="439" y="331"/>
                    </a:lnTo>
                    <a:lnTo>
                      <a:pt x="457" y="322"/>
                    </a:lnTo>
                    <a:lnTo>
                      <a:pt x="477" y="315"/>
                    </a:lnTo>
                    <a:lnTo>
                      <a:pt x="497" y="310"/>
                    </a:lnTo>
                    <a:lnTo>
                      <a:pt x="507" y="309"/>
                    </a:lnTo>
                    <a:lnTo>
                      <a:pt x="518" y="307"/>
                    </a:lnTo>
                    <a:lnTo>
                      <a:pt x="530" y="306"/>
                    </a:lnTo>
                    <a:lnTo>
                      <a:pt x="540" y="30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66" name="Freeform 19"/>
              <p:cNvSpPr>
                <a:spLocks noEditPoints="1"/>
              </p:cNvSpPr>
              <p:nvPr/>
            </p:nvSpPr>
            <p:spPr bwMode="auto">
              <a:xfrm>
                <a:off x="-890397" y="-5522"/>
                <a:ext cx="302913" cy="63896"/>
              </a:xfrm>
              <a:custGeom>
                <a:avLst/>
                <a:gdLst/>
                <a:ahLst/>
                <a:cxnLst>
                  <a:cxn ang="0">
                    <a:pos x="0" y="0"/>
                  </a:cxn>
                  <a:cxn ang="0">
                    <a:pos x="1769" y="387"/>
                  </a:cxn>
                  <a:cxn ang="0">
                    <a:pos x="1844" y="443"/>
                  </a:cxn>
                  <a:cxn ang="0">
                    <a:pos x="1886" y="529"/>
                  </a:cxn>
                  <a:cxn ang="0">
                    <a:pos x="1881" y="628"/>
                  </a:cxn>
                  <a:cxn ang="0">
                    <a:pos x="1831" y="709"/>
                  </a:cxn>
                  <a:cxn ang="0">
                    <a:pos x="1751" y="758"/>
                  </a:cxn>
                  <a:cxn ang="0">
                    <a:pos x="1691" y="767"/>
                  </a:cxn>
                  <a:cxn ang="0">
                    <a:pos x="1633" y="758"/>
                  </a:cxn>
                  <a:cxn ang="0">
                    <a:pos x="1552" y="709"/>
                  </a:cxn>
                  <a:cxn ang="0">
                    <a:pos x="1502" y="628"/>
                  </a:cxn>
                  <a:cxn ang="0">
                    <a:pos x="1493" y="570"/>
                  </a:cxn>
                  <a:cxn ang="0">
                    <a:pos x="1502" y="510"/>
                  </a:cxn>
                  <a:cxn ang="0">
                    <a:pos x="1552" y="429"/>
                  </a:cxn>
                  <a:cxn ang="0">
                    <a:pos x="1633" y="380"/>
                  </a:cxn>
                  <a:cxn ang="0">
                    <a:pos x="2371" y="372"/>
                  </a:cxn>
                  <a:cxn ang="0">
                    <a:pos x="2462" y="405"/>
                  </a:cxn>
                  <a:cxn ang="0">
                    <a:pos x="2525" y="475"/>
                  </a:cxn>
                  <a:cxn ang="0">
                    <a:pos x="2549" y="570"/>
                  </a:cxn>
                  <a:cxn ang="0">
                    <a:pos x="2525" y="663"/>
                  </a:cxn>
                  <a:cxn ang="0">
                    <a:pos x="2462" y="733"/>
                  </a:cxn>
                  <a:cxn ang="0">
                    <a:pos x="2381" y="765"/>
                  </a:cxn>
                  <a:cxn ang="0">
                    <a:pos x="2331" y="766"/>
                  </a:cxn>
                  <a:cxn ang="0">
                    <a:pos x="2257" y="743"/>
                  </a:cxn>
                  <a:cxn ang="0">
                    <a:pos x="2187" y="680"/>
                  </a:cxn>
                  <a:cxn ang="0">
                    <a:pos x="2155" y="599"/>
                  </a:cxn>
                  <a:cxn ang="0">
                    <a:pos x="2154" y="549"/>
                  </a:cxn>
                  <a:cxn ang="0">
                    <a:pos x="2177" y="475"/>
                  </a:cxn>
                  <a:cxn ang="0">
                    <a:pos x="2241" y="405"/>
                  </a:cxn>
                  <a:cxn ang="0">
                    <a:pos x="2331" y="372"/>
                  </a:cxn>
                  <a:cxn ang="0">
                    <a:pos x="3070" y="380"/>
                  </a:cxn>
                  <a:cxn ang="0">
                    <a:pos x="3150" y="429"/>
                  </a:cxn>
                  <a:cxn ang="0">
                    <a:pos x="3200" y="510"/>
                  </a:cxn>
                  <a:cxn ang="0">
                    <a:pos x="3205" y="609"/>
                  </a:cxn>
                  <a:cxn ang="0">
                    <a:pos x="3164" y="695"/>
                  </a:cxn>
                  <a:cxn ang="0">
                    <a:pos x="3088" y="751"/>
                  </a:cxn>
                  <a:cxn ang="0">
                    <a:pos x="3021" y="767"/>
                  </a:cxn>
                  <a:cxn ang="0">
                    <a:pos x="2971" y="763"/>
                  </a:cxn>
                  <a:cxn ang="0">
                    <a:pos x="2885" y="722"/>
                  </a:cxn>
                  <a:cxn ang="0">
                    <a:pos x="2829" y="646"/>
                  </a:cxn>
                  <a:cxn ang="0">
                    <a:pos x="2814" y="580"/>
                  </a:cxn>
                  <a:cxn ang="0">
                    <a:pos x="2817" y="529"/>
                  </a:cxn>
                  <a:cxn ang="0">
                    <a:pos x="2858" y="443"/>
                  </a:cxn>
                  <a:cxn ang="0">
                    <a:pos x="2934" y="387"/>
                  </a:cxn>
                  <a:cxn ang="0">
                    <a:pos x="3671" y="371"/>
                  </a:cxn>
                  <a:cxn ang="0">
                    <a:pos x="3765" y="395"/>
                  </a:cxn>
                  <a:cxn ang="0">
                    <a:pos x="3834" y="458"/>
                  </a:cxn>
                  <a:cxn ang="0">
                    <a:pos x="3868" y="549"/>
                  </a:cxn>
                  <a:cxn ang="0">
                    <a:pos x="3852" y="646"/>
                  </a:cxn>
                  <a:cxn ang="0">
                    <a:pos x="3796" y="722"/>
                  </a:cxn>
                  <a:cxn ang="0">
                    <a:pos x="3710" y="763"/>
                  </a:cxn>
                  <a:cxn ang="0">
                    <a:pos x="3660" y="767"/>
                  </a:cxn>
                  <a:cxn ang="0">
                    <a:pos x="3593" y="751"/>
                  </a:cxn>
                  <a:cxn ang="0">
                    <a:pos x="3518" y="695"/>
                  </a:cxn>
                  <a:cxn ang="0">
                    <a:pos x="3476" y="609"/>
                  </a:cxn>
                  <a:cxn ang="0">
                    <a:pos x="3473" y="559"/>
                  </a:cxn>
                  <a:cxn ang="0">
                    <a:pos x="3488" y="492"/>
                  </a:cxn>
                  <a:cxn ang="0">
                    <a:pos x="3545" y="416"/>
                  </a:cxn>
                  <a:cxn ang="0">
                    <a:pos x="3631" y="375"/>
                  </a:cxn>
                </a:cxnLst>
                <a:rect l="0" t="0" r="r" b="b"/>
                <a:pathLst>
                  <a:path w="5362" h="1139">
                    <a:moveTo>
                      <a:pt x="0" y="0"/>
                    </a:moveTo>
                    <a:lnTo>
                      <a:pt x="5362" y="0"/>
                    </a:lnTo>
                    <a:lnTo>
                      <a:pt x="5362" y="1139"/>
                    </a:lnTo>
                    <a:lnTo>
                      <a:pt x="0" y="1139"/>
                    </a:lnTo>
                    <a:lnTo>
                      <a:pt x="0" y="0"/>
                    </a:lnTo>
                    <a:close/>
                    <a:moveTo>
                      <a:pt x="1691" y="371"/>
                    </a:moveTo>
                    <a:lnTo>
                      <a:pt x="1711" y="372"/>
                    </a:lnTo>
                    <a:lnTo>
                      <a:pt x="1731" y="375"/>
                    </a:lnTo>
                    <a:lnTo>
                      <a:pt x="1751" y="380"/>
                    </a:lnTo>
                    <a:lnTo>
                      <a:pt x="1769" y="387"/>
                    </a:lnTo>
                    <a:lnTo>
                      <a:pt x="1786" y="395"/>
                    </a:lnTo>
                    <a:lnTo>
                      <a:pt x="1802" y="405"/>
                    </a:lnTo>
                    <a:lnTo>
                      <a:pt x="1817" y="416"/>
                    </a:lnTo>
                    <a:lnTo>
                      <a:pt x="1831" y="429"/>
                    </a:lnTo>
                    <a:lnTo>
                      <a:pt x="1844" y="443"/>
                    </a:lnTo>
                    <a:lnTo>
                      <a:pt x="1855" y="458"/>
                    </a:lnTo>
                    <a:lnTo>
                      <a:pt x="1866" y="475"/>
                    </a:lnTo>
                    <a:lnTo>
                      <a:pt x="1874" y="492"/>
                    </a:lnTo>
                    <a:lnTo>
                      <a:pt x="1881" y="510"/>
                    </a:lnTo>
                    <a:lnTo>
                      <a:pt x="1886" y="529"/>
                    </a:lnTo>
                    <a:lnTo>
                      <a:pt x="1889" y="549"/>
                    </a:lnTo>
                    <a:lnTo>
                      <a:pt x="1890" y="570"/>
                    </a:lnTo>
                    <a:lnTo>
                      <a:pt x="1889" y="590"/>
                    </a:lnTo>
                    <a:lnTo>
                      <a:pt x="1886" y="609"/>
                    </a:lnTo>
                    <a:lnTo>
                      <a:pt x="1881" y="628"/>
                    </a:lnTo>
                    <a:lnTo>
                      <a:pt x="1874" y="646"/>
                    </a:lnTo>
                    <a:lnTo>
                      <a:pt x="1866" y="663"/>
                    </a:lnTo>
                    <a:lnTo>
                      <a:pt x="1855" y="680"/>
                    </a:lnTo>
                    <a:lnTo>
                      <a:pt x="1844" y="695"/>
                    </a:lnTo>
                    <a:lnTo>
                      <a:pt x="1831" y="709"/>
                    </a:lnTo>
                    <a:lnTo>
                      <a:pt x="1817" y="722"/>
                    </a:lnTo>
                    <a:lnTo>
                      <a:pt x="1802" y="733"/>
                    </a:lnTo>
                    <a:lnTo>
                      <a:pt x="1786" y="743"/>
                    </a:lnTo>
                    <a:lnTo>
                      <a:pt x="1769" y="751"/>
                    </a:lnTo>
                    <a:lnTo>
                      <a:pt x="1751" y="758"/>
                    </a:lnTo>
                    <a:lnTo>
                      <a:pt x="1731" y="763"/>
                    </a:lnTo>
                    <a:lnTo>
                      <a:pt x="1721" y="765"/>
                    </a:lnTo>
                    <a:lnTo>
                      <a:pt x="1711" y="766"/>
                    </a:lnTo>
                    <a:lnTo>
                      <a:pt x="1702" y="767"/>
                    </a:lnTo>
                    <a:lnTo>
                      <a:pt x="1691" y="767"/>
                    </a:lnTo>
                    <a:lnTo>
                      <a:pt x="1681" y="767"/>
                    </a:lnTo>
                    <a:lnTo>
                      <a:pt x="1671" y="766"/>
                    </a:lnTo>
                    <a:lnTo>
                      <a:pt x="1662" y="765"/>
                    </a:lnTo>
                    <a:lnTo>
                      <a:pt x="1652" y="763"/>
                    </a:lnTo>
                    <a:lnTo>
                      <a:pt x="1633" y="758"/>
                    </a:lnTo>
                    <a:lnTo>
                      <a:pt x="1614" y="751"/>
                    </a:lnTo>
                    <a:lnTo>
                      <a:pt x="1597" y="743"/>
                    </a:lnTo>
                    <a:lnTo>
                      <a:pt x="1581" y="733"/>
                    </a:lnTo>
                    <a:lnTo>
                      <a:pt x="1566" y="722"/>
                    </a:lnTo>
                    <a:lnTo>
                      <a:pt x="1552" y="709"/>
                    </a:lnTo>
                    <a:lnTo>
                      <a:pt x="1539" y="695"/>
                    </a:lnTo>
                    <a:lnTo>
                      <a:pt x="1528" y="680"/>
                    </a:lnTo>
                    <a:lnTo>
                      <a:pt x="1518" y="663"/>
                    </a:lnTo>
                    <a:lnTo>
                      <a:pt x="1510" y="646"/>
                    </a:lnTo>
                    <a:lnTo>
                      <a:pt x="1502" y="628"/>
                    </a:lnTo>
                    <a:lnTo>
                      <a:pt x="1497" y="609"/>
                    </a:lnTo>
                    <a:lnTo>
                      <a:pt x="1495" y="599"/>
                    </a:lnTo>
                    <a:lnTo>
                      <a:pt x="1494" y="590"/>
                    </a:lnTo>
                    <a:lnTo>
                      <a:pt x="1494" y="580"/>
                    </a:lnTo>
                    <a:lnTo>
                      <a:pt x="1493" y="570"/>
                    </a:lnTo>
                    <a:lnTo>
                      <a:pt x="1494" y="559"/>
                    </a:lnTo>
                    <a:lnTo>
                      <a:pt x="1494" y="549"/>
                    </a:lnTo>
                    <a:lnTo>
                      <a:pt x="1495" y="539"/>
                    </a:lnTo>
                    <a:lnTo>
                      <a:pt x="1497" y="529"/>
                    </a:lnTo>
                    <a:lnTo>
                      <a:pt x="1502" y="510"/>
                    </a:lnTo>
                    <a:lnTo>
                      <a:pt x="1510" y="492"/>
                    </a:lnTo>
                    <a:lnTo>
                      <a:pt x="1518" y="475"/>
                    </a:lnTo>
                    <a:lnTo>
                      <a:pt x="1528" y="458"/>
                    </a:lnTo>
                    <a:lnTo>
                      <a:pt x="1539" y="443"/>
                    </a:lnTo>
                    <a:lnTo>
                      <a:pt x="1552" y="429"/>
                    </a:lnTo>
                    <a:lnTo>
                      <a:pt x="1566" y="416"/>
                    </a:lnTo>
                    <a:lnTo>
                      <a:pt x="1581" y="405"/>
                    </a:lnTo>
                    <a:lnTo>
                      <a:pt x="1597" y="395"/>
                    </a:lnTo>
                    <a:lnTo>
                      <a:pt x="1614" y="387"/>
                    </a:lnTo>
                    <a:lnTo>
                      <a:pt x="1633" y="380"/>
                    </a:lnTo>
                    <a:lnTo>
                      <a:pt x="1652" y="375"/>
                    </a:lnTo>
                    <a:lnTo>
                      <a:pt x="1671" y="372"/>
                    </a:lnTo>
                    <a:lnTo>
                      <a:pt x="1691" y="371"/>
                    </a:lnTo>
                    <a:close/>
                    <a:moveTo>
                      <a:pt x="2351" y="371"/>
                    </a:moveTo>
                    <a:lnTo>
                      <a:pt x="2371" y="372"/>
                    </a:lnTo>
                    <a:lnTo>
                      <a:pt x="2391" y="375"/>
                    </a:lnTo>
                    <a:lnTo>
                      <a:pt x="2410" y="380"/>
                    </a:lnTo>
                    <a:lnTo>
                      <a:pt x="2428" y="387"/>
                    </a:lnTo>
                    <a:lnTo>
                      <a:pt x="2445" y="395"/>
                    </a:lnTo>
                    <a:lnTo>
                      <a:pt x="2462" y="405"/>
                    </a:lnTo>
                    <a:lnTo>
                      <a:pt x="2477" y="416"/>
                    </a:lnTo>
                    <a:lnTo>
                      <a:pt x="2491" y="429"/>
                    </a:lnTo>
                    <a:lnTo>
                      <a:pt x="2504" y="443"/>
                    </a:lnTo>
                    <a:lnTo>
                      <a:pt x="2515" y="458"/>
                    </a:lnTo>
                    <a:lnTo>
                      <a:pt x="2525" y="475"/>
                    </a:lnTo>
                    <a:lnTo>
                      <a:pt x="2533" y="492"/>
                    </a:lnTo>
                    <a:lnTo>
                      <a:pt x="2540" y="510"/>
                    </a:lnTo>
                    <a:lnTo>
                      <a:pt x="2545" y="529"/>
                    </a:lnTo>
                    <a:lnTo>
                      <a:pt x="2548" y="549"/>
                    </a:lnTo>
                    <a:lnTo>
                      <a:pt x="2549" y="570"/>
                    </a:lnTo>
                    <a:lnTo>
                      <a:pt x="2548" y="590"/>
                    </a:lnTo>
                    <a:lnTo>
                      <a:pt x="2545" y="609"/>
                    </a:lnTo>
                    <a:lnTo>
                      <a:pt x="2540" y="628"/>
                    </a:lnTo>
                    <a:lnTo>
                      <a:pt x="2533" y="646"/>
                    </a:lnTo>
                    <a:lnTo>
                      <a:pt x="2525" y="663"/>
                    </a:lnTo>
                    <a:lnTo>
                      <a:pt x="2515" y="680"/>
                    </a:lnTo>
                    <a:lnTo>
                      <a:pt x="2504" y="695"/>
                    </a:lnTo>
                    <a:lnTo>
                      <a:pt x="2491" y="709"/>
                    </a:lnTo>
                    <a:lnTo>
                      <a:pt x="2477" y="722"/>
                    </a:lnTo>
                    <a:lnTo>
                      <a:pt x="2462" y="733"/>
                    </a:lnTo>
                    <a:lnTo>
                      <a:pt x="2445" y="743"/>
                    </a:lnTo>
                    <a:lnTo>
                      <a:pt x="2428" y="751"/>
                    </a:lnTo>
                    <a:lnTo>
                      <a:pt x="2410" y="758"/>
                    </a:lnTo>
                    <a:lnTo>
                      <a:pt x="2391" y="763"/>
                    </a:lnTo>
                    <a:lnTo>
                      <a:pt x="2381" y="765"/>
                    </a:lnTo>
                    <a:lnTo>
                      <a:pt x="2371" y="766"/>
                    </a:lnTo>
                    <a:lnTo>
                      <a:pt x="2362" y="767"/>
                    </a:lnTo>
                    <a:lnTo>
                      <a:pt x="2351" y="767"/>
                    </a:lnTo>
                    <a:lnTo>
                      <a:pt x="2341" y="767"/>
                    </a:lnTo>
                    <a:lnTo>
                      <a:pt x="2331" y="766"/>
                    </a:lnTo>
                    <a:lnTo>
                      <a:pt x="2321" y="765"/>
                    </a:lnTo>
                    <a:lnTo>
                      <a:pt x="2311" y="763"/>
                    </a:lnTo>
                    <a:lnTo>
                      <a:pt x="2292" y="758"/>
                    </a:lnTo>
                    <a:lnTo>
                      <a:pt x="2274" y="751"/>
                    </a:lnTo>
                    <a:lnTo>
                      <a:pt x="2257" y="743"/>
                    </a:lnTo>
                    <a:lnTo>
                      <a:pt x="2241" y="733"/>
                    </a:lnTo>
                    <a:lnTo>
                      <a:pt x="2226" y="722"/>
                    </a:lnTo>
                    <a:lnTo>
                      <a:pt x="2212" y="709"/>
                    </a:lnTo>
                    <a:lnTo>
                      <a:pt x="2198" y="695"/>
                    </a:lnTo>
                    <a:lnTo>
                      <a:pt x="2187" y="680"/>
                    </a:lnTo>
                    <a:lnTo>
                      <a:pt x="2177" y="663"/>
                    </a:lnTo>
                    <a:lnTo>
                      <a:pt x="2169" y="646"/>
                    </a:lnTo>
                    <a:lnTo>
                      <a:pt x="2162" y="628"/>
                    </a:lnTo>
                    <a:lnTo>
                      <a:pt x="2157" y="609"/>
                    </a:lnTo>
                    <a:lnTo>
                      <a:pt x="2155" y="599"/>
                    </a:lnTo>
                    <a:lnTo>
                      <a:pt x="2154" y="590"/>
                    </a:lnTo>
                    <a:lnTo>
                      <a:pt x="2154" y="580"/>
                    </a:lnTo>
                    <a:lnTo>
                      <a:pt x="2153" y="570"/>
                    </a:lnTo>
                    <a:lnTo>
                      <a:pt x="2154" y="559"/>
                    </a:lnTo>
                    <a:lnTo>
                      <a:pt x="2154" y="549"/>
                    </a:lnTo>
                    <a:lnTo>
                      <a:pt x="2155" y="539"/>
                    </a:lnTo>
                    <a:lnTo>
                      <a:pt x="2157" y="529"/>
                    </a:lnTo>
                    <a:lnTo>
                      <a:pt x="2162" y="510"/>
                    </a:lnTo>
                    <a:lnTo>
                      <a:pt x="2169" y="492"/>
                    </a:lnTo>
                    <a:lnTo>
                      <a:pt x="2177" y="475"/>
                    </a:lnTo>
                    <a:lnTo>
                      <a:pt x="2187" y="458"/>
                    </a:lnTo>
                    <a:lnTo>
                      <a:pt x="2198" y="443"/>
                    </a:lnTo>
                    <a:lnTo>
                      <a:pt x="2212" y="429"/>
                    </a:lnTo>
                    <a:lnTo>
                      <a:pt x="2226" y="416"/>
                    </a:lnTo>
                    <a:lnTo>
                      <a:pt x="2241" y="405"/>
                    </a:lnTo>
                    <a:lnTo>
                      <a:pt x="2257" y="395"/>
                    </a:lnTo>
                    <a:lnTo>
                      <a:pt x="2274" y="387"/>
                    </a:lnTo>
                    <a:lnTo>
                      <a:pt x="2292" y="380"/>
                    </a:lnTo>
                    <a:lnTo>
                      <a:pt x="2311" y="375"/>
                    </a:lnTo>
                    <a:lnTo>
                      <a:pt x="2331" y="372"/>
                    </a:lnTo>
                    <a:lnTo>
                      <a:pt x="2351" y="371"/>
                    </a:lnTo>
                    <a:close/>
                    <a:moveTo>
                      <a:pt x="3011" y="371"/>
                    </a:moveTo>
                    <a:lnTo>
                      <a:pt x="3030" y="372"/>
                    </a:lnTo>
                    <a:lnTo>
                      <a:pt x="3051" y="375"/>
                    </a:lnTo>
                    <a:lnTo>
                      <a:pt x="3070" y="380"/>
                    </a:lnTo>
                    <a:lnTo>
                      <a:pt x="3088" y="387"/>
                    </a:lnTo>
                    <a:lnTo>
                      <a:pt x="3105" y="395"/>
                    </a:lnTo>
                    <a:lnTo>
                      <a:pt x="3121" y="405"/>
                    </a:lnTo>
                    <a:lnTo>
                      <a:pt x="3136" y="416"/>
                    </a:lnTo>
                    <a:lnTo>
                      <a:pt x="3150" y="429"/>
                    </a:lnTo>
                    <a:lnTo>
                      <a:pt x="3164" y="443"/>
                    </a:lnTo>
                    <a:lnTo>
                      <a:pt x="3175" y="458"/>
                    </a:lnTo>
                    <a:lnTo>
                      <a:pt x="3185" y="475"/>
                    </a:lnTo>
                    <a:lnTo>
                      <a:pt x="3193" y="492"/>
                    </a:lnTo>
                    <a:lnTo>
                      <a:pt x="3200" y="510"/>
                    </a:lnTo>
                    <a:lnTo>
                      <a:pt x="3205" y="529"/>
                    </a:lnTo>
                    <a:lnTo>
                      <a:pt x="3208" y="549"/>
                    </a:lnTo>
                    <a:lnTo>
                      <a:pt x="3209" y="570"/>
                    </a:lnTo>
                    <a:lnTo>
                      <a:pt x="3208" y="590"/>
                    </a:lnTo>
                    <a:lnTo>
                      <a:pt x="3205" y="609"/>
                    </a:lnTo>
                    <a:lnTo>
                      <a:pt x="3200" y="628"/>
                    </a:lnTo>
                    <a:lnTo>
                      <a:pt x="3193" y="646"/>
                    </a:lnTo>
                    <a:lnTo>
                      <a:pt x="3185" y="663"/>
                    </a:lnTo>
                    <a:lnTo>
                      <a:pt x="3175" y="680"/>
                    </a:lnTo>
                    <a:lnTo>
                      <a:pt x="3164" y="695"/>
                    </a:lnTo>
                    <a:lnTo>
                      <a:pt x="3150" y="709"/>
                    </a:lnTo>
                    <a:lnTo>
                      <a:pt x="3136" y="722"/>
                    </a:lnTo>
                    <a:lnTo>
                      <a:pt x="3121" y="733"/>
                    </a:lnTo>
                    <a:lnTo>
                      <a:pt x="3105" y="743"/>
                    </a:lnTo>
                    <a:lnTo>
                      <a:pt x="3088" y="751"/>
                    </a:lnTo>
                    <a:lnTo>
                      <a:pt x="3070" y="758"/>
                    </a:lnTo>
                    <a:lnTo>
                      <a:pt x="3051" y="763"/>
                    </a:lnTo>
                    <a:lnTo>
                      <a:pt x="3041" y="765"/>
                    </a:lnTo>
                    <a:lnTo>
                      <a:pt x="3030" y="766"/>
                    </a:lnTo>
                    <a:lnTo>
                      <a:pt x="3021" y="767"/>
                    </a:lnTo>
                    <a:lnTo>
                      <a:pt x="3011" y="767"/>
                    </a:lnTo>
                    <a:lnTo>
                      <a:pt x="3000" y="767"/>
                    </a:lnTo>
                    <a:lnTo>
                      <a:pt x="2990" y="766"/>
                    </a:lnTo>
                    <a:lnTo>
                      <a:pt x="2981" y="765"/>
                    </a:lnTo>
                    <a:lnTo>
                      <a:pt x="2971" y="763"/>
                    </a:lnTo>
                    <a:lnTo>
                      <a:pt x="2952" y="758"/>
                    </a:lnTo>
                    <a:lnTo>
                      <a:pt x="2934" y="751"/>
                    </a:lnTo>
                    <a:lnTo>
                      <a:pt x="2917" y="743"/>
                    </a:lnTo>
                    <a:lnTo>
                      <a:pt x="2900" y="733"/>
                    </a:lnTo>
                    <a:lnTo>
                      <a:pt x="2885" y="722"/>
                    </a:lnTo>
                    <a:lnTo>
                      <a:pt x="2871" y="709"/>
                    </a:lnTo>
                    <a:lnTo>
                      <a:pt x="2858" y="695"/>
                    </a:lnTo>
                    <a:lnTo>
                      <a:pt x="2847" y="680"/>
                    </a:lnTo>
                    <a:lnTo>
                      <a:pt x="2837" y="663"/>
                    </a:lnTo>
                    <a:lnTo>
                      <a:pt x="2829" y="646"/>
                    </a:lnTo>
                    <a:lnTo>
                      <a:pt x="2822" y="628"/>
                    </a:lnTo>
                    <a:lnTo>
                      <a:pt x="2817" y="609"/>
                    </a:lnTo>
                    <a:lnTo>
                      <a:pt x="2816" y="599"/>
                    </a:lnTo>
                    <a:lnTo>
                      <a:pt x="2814" y="590"/>
                    </a:lnTo>
                    <a:lnTo>
                      <a:pt x="2814" y="580"/>
                    </a:lnTo>
                    <a:lnTo>
                      <a:pt x="2813" y="570"/>
                    </a:lnTo>
                    <a:lnTo>
                      <a:pt x="2814" y="559"/>
                    </a:lnTo>
                    <a:lnTo>
                      <a:pt x="2814" y="549"/>
                    </a:lnTo>
                    <a:lnTo>
                      <a:pt x="2816" y="539"/>
                    </a:lnTo>
                    <a:lnTo>
                      <a:pt x="2817" y="529"/>
                    </a:lnTo>
                    <a:lnTo>
                      <a:pt x="2822" y="510"/>
                    </a:lnTo>
                    <a:lnTo>
                      <a:pt x="2829" y="492"/>
                    </a:lnTo>
                    <a:lnTo>
                      <a:pt x="2837" y="475"/>
                    </a:lnTo>
                    <a:lnTo>
                      <a:pt x="2847" y="458"/>
                    </a:lnTo>
                    <a:lnTo>
                      <a:pt x="2858" y="443"/>
                    </a:lnTo>
                    <a:lnTo>
                      <a:pt x="2871" y="429"/>
                    </a:lnTo>
                    <a:lnTo>
                      <a:pt x="2885" y="416"/>
                    </a:lnTo>
                    <a:lnTo>
                      <a:pt x="2900" y="405"/>
                    </a:lnTo>
                    <a:lnTo>
                      <a:pt x="2917" y="395"/>
                    </a:lnTo>
                    <a:lnTo>
                      <a:pt x="2934" y="387"/>
                    </a:lnTo>
                    <a:lnTo>
                      <a:pt x="2952" y="380"/>
                    </a:lnTo>
                    <a:lnTo>
                      <a:pt x="2971" y="375"/>
                    </a:lnTo>
                    <a:lnTo>
                      <a:pt x="2990" y="372"/>
                    </a:lnTo>
                    <a:lnTo>
                      <a:pt x="3011" y="371"/>
                    </a:lnTo>
                    <a:close/>
                    <a:moveTo>
                      <a:pt x="3671" y="371"/>
                    </a:moveTo>
                    <a:lnTo>
                      <a:pt x="3690" y="372"/>
                    </a:lnTo>
                    <a:lnTo>
                      <a:pt x="3710" y="375"/>
                    </a:lnTo>
                    <a:lnTo>
                      <a:pt x="3729" y="380"/>
                    </a:lnTo>
                    <a:lnTo>
                      <a:pt x="3748" y="387"/>
                    </a:lnTo>
                    <a:lnTo>
                      <a:pt x="3765" y="395"/>
                    </a:lnTo>
                    <a:lnTo>
                      <a:pt x="3781" y="405"/>
                    </a:lnTo>
                    <a:lnTo>
                      <a:pt x="3796" y="416"/>
                    </a:lnTo>
                    <a:lnTo>
                      <a:pt x="3810" y="429"/>
                    </a:lnTo>
                    <a:lnTo>
                      <a:pt x="3823" y="443"/>
                    </a:lnTo>
                    <a:lnTo>
                      <a:pt x="3834" y="458"/>
                    </a:lnTo>
                    <a:lnTo>
                      <a:pt x="3844" y="475"/>
                    </a:lnTo>
                    <a:lnTo>
                      <a:pt x="3852" y="492"/>
                    </a:lnTo>
                    <a:lnTo>
                      <a:pt x="3860" y="510"/>
                    </a:lnTo>
                    <a:lnTo>
                      <a:pt x="3865" y="529"/>
                    </a:lnTo>
                    <a:lnTo>
                      <a:pt x="3868" y="549"/>
                    </a:lnTo>
                    <a:lnTo>
                      <a:pt x="3869" y="570"/>
                    </a:lnTo>
                    <a:lnTo>
                      <a:pt x="3868" y="590"/>
                    </a:lnTo>
                    <a:lnTo>
                      <a:pt x="3865" y="609"/>
                    </a:lnTo>
                    <a:lnTo>
                      <a:pt x="3860" y="628"/>
                    </a:lnTo>
                    <a:lnTo>
                      <a:pt x="3852" y="646"/>
                    </a:lnTo>
                    <a:lnTo>
                      <a:pt x="3844" y="663"/>
                    </a:lnTo>
                    <a:lnTo>
                      <a:pt x="3834" y="680"/>
                    </a:lnTo>
                    <a:lnTo>
                      <a:pt x="3823" y="695"/>
                    </a:lnTo>
                    <a:lnTo>
                      <a:pt x="3810" y="709"/>
                    </a:lnTo>
                    <a:lnTo>
                      <a:pt x="3796" y="722"/>
                    </a:lnTo>
                    <a:lnTo>
                      <a:pt x="3781" y="733"/>
                    </a:lnTo>
                    <a:lnTo>
                      <a:pt x="3765" y="743"/>
                    </a:lnTo>
                    <a:lnTo>
                      <a:pt x="3748" y="751"/>
                    </a:lnTo>
                    <a:lnTo>
                      <a:pt x="3729" y="758"/>
                    </a:lnTo>
                    <a:lnTo>
                      <a:pt x="3710" y="763"/>
                    </a:lnTo>
                    <a:lnTo>
                      <a:pt x="3700" y="765"/>
                    </a:lnTo>
                    <a:lnTo>
                      <a:pt x="3690" y="766"/>
                    </a:lnTo>
                    <a:lnTo>
                      <a:pt x="3681" y="767"/>
                    </a:lnTo>
                    <a:lnTo>
                      <a:pt x="3671" y="767"/>
                    </a:lnTo>
                    <a:lnTo>
                      <a:pt x="3660" y="767"/>
                    </a:lnTo>
                    <a:lnTo>
                      <a:pt x="3650" y="766"/>
                    </a:lnTo>
                    <a:lnTo>
                      <a:pt x="3641" y="765"/>
                    </a:lnTo>
                    <a:lnTo>
                      <a:pt x="3631" y="763"/>
                    </a:lnTo>
                    <a:lnTo>
                      <a:pt x="3611" y="758"/>
                    </a:lnTo>
                    <a:lnTo>
                      <a:pt x="3593" y="751"/>
                    </a:lnTo>
                    <a:lnTo>
                      <a:pt x="3576" y="743"/>
                    </a:lnTo>
                    <a:lnTo>
                      <a:pt x="3560" y="733"/>
                    </a:lnTo>
                    <a:lnTo>
                      <a:pt x="3545" y="722"/>
                    </a:lnTo>
                    <a:lnTo>
                      <a:pt x="3531" y="709"/>
                    </a:lnTo>
                    <a:lnTo>
                      <a:pt x="3518" y="695"/>
                    </a:lnTo>
                    <a:lnTo>
                      <a:pt x="3507" y="680"/>
                    </a:lnTo>
                    <a:lnTo>
                      <a:pt x="3496" y="663"/>
                    </a:lnTo>
                    <a:lnTo>
                      <a:pt x="3488" y="646"/>
                    </a:lnTo>
                    <a:lnTo>
                      <a:pt x="3481" y="628"/>
                    </a:lnTo>
                    <a:lnTo>
                      <a:pt x="3476" y="609"/>
                    </a:lnTo>
                    <a:lnTo>
                      <a:pt x="3475" y="599"/>
                    </a:lnTo>
                    <a:lnTo>
                      <a:pt x="3473" y="590"/>
                    </a:lnTo>
                    <a:lnTo>
                      <a:pt x="3473" y="580"/>
                    </a:lnTo>
                    <a:lnTo>
                      <a:pt x="3472" y="570"/>
                    </a:lnTo>
                    <a:lnTo>
                      <a:pt x="3473" y="559"/>
                    </a:lnTo>
                    <a:lnTo>
                      <a:pt x="3473" y="549"/>
                    </a:lnTo>
                    <a:lnTo>
                      <a:pt x="3475" y="539"/>
                    </a:lnTo>
                    <a:lnTo>
                      <a:pt x="3476" y="529"/>
                    </a:lnTo>
                    <a:lnTo>
                      <a:pt x="3481" y="510"/>
                    </a:lnTo>
                    <a:lnTo>
                      <a:pt x="3488" y="492"/>
                    </a:lnTo>
                    <a:lnTo>
                      <a:pt x="3496" y="475"/>
                    </a:lnTo>
                    <a:lnTo>
                      <a:pt x="3507" y="458"/>
                    </a:lnTo>
                    <a:lnTo>
                      <a:pt x="3518" y="443"/>
                    </a:lnTo>
                    <a:lnTo>
                      <a:pt x="3531" y="429"/>
                    </a:lnTo>
                    <a:lnTo>
                      <a:pt x="3545" y="416"/>
                    </a:lnTo>
                    <a:lnTo>
                      <a:pt x="3560" y="405"/>
                    </a:lnTo>
                    <a:lnTo>
                      <a:pt x="3576" y="395"/>
                    </a:lnTo>
                    <a:lnTo>
                      <a:pt x="3593" y="387"/>
                    </a:lnTo>
                    <a:lnTo>
                      <a:pt x="3611" y="380"/>
                    </a:lnTo>
                    <a:lnTo>
                      <a:pt x="3631" y="375"/>
                    </a:lnTo>
                    <a:lnTo>
                      <a:pt x="3650" y="372"/>
                    </a:lnTo>
                    <a:lnTo>
                      <a:pt x="3671" y="371"/>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73" name="Freeform 20"/>
              <p:cNvSpPr>
                <a:spLocks noEditPoints="1"/>
              </p:cNvSpPr>
              <p:nvPr/>
            </p:nvSpPr>
            <p:spPr bwMode="auto">
              <a:xfrm>
                <a:off x="-1022133" y="-358921"/>
                <a:ext cx="566385" cy="321056"/>
              </a:xfrm>
              <a:custGeom>
                <a:avLst/>
                <a:gdLst/>
                <a:ahLst/>
                <a:cxnLst>
                  <a:cxn ang="0">
                    <a:pos x="9873" y="1"/>
                  </a:cxn>
                  <a:cxn ang="0">
                    <a:pos x="9930" y="15"/>
                  </a:cxn>
                  <a:cxn ang="0">
                    <a:pos x="9979" y="42"/>
                  </a:cxn>
                  <a:cxn ang="0">
                    <a:pos x="10018" y="82"/>
                  </a:cxn>
                  <a:cxn ang="0">
                    <a:pos x="10043" y="132"/>
                  </a:cxn>
                  <a:cxn ang="0">
                    <a:pos x="10052" y="187"/>
                  </a:cxn>
                  <a:cxn ang="0">
                    <a:pos x="10047" y="5543"/>
                  </a:cxn>
                  <a:cxn ang="0">
                    <a:pos x="10028" y="5595"/>
                  </a:cxn>
                  <a:cxn ang="0">
                    <a:pos x="9993" y="5638"/>
                  </a:cxn>
                  <a:cxn ang="0">
                    <a:pos x="9947" y="5670"/>
                  </a:cxn>
                  <a:cxn ang="0">
                    <a:pos x="9893" y="5689"/>
                  </a:cxn>
                  <a:cxn ang="0">
                    <a:pos x="199" y="5694"/>
                  </a:cxn>
                  <a:cxn ang="0">
                    <a:pos x="140" y="5684"/>
                  </a:cxn>
                  <a:cxn ang="0">
                    <a:pos x="88" y="5661"/>
                  </a:cxn>
                  <a:cxn ang="0">
                    <a:pos x="46" y="5625"/>
                  </a:cxn>
                  <a:cxn ang="0">
                    <a:pos x="16" y="5578"/>
                  </a:cxn>
                  <a:cxn ang="0">
                    <a:pos x="3" y="5534"/>
                  </a:cxn>
                  <a:cxn ang="0">
                    <a:pos x="0" y="5506"/>
                  </a:cxn>
                  <a:cxn ang="0">
                    <a:pos x="1" y="168"/>
                  </a:cxn>
                  <a:cxn ang="0">
                    <a:pos x="9" y="132"/>
                  </a:cxn>
                  <a:cxn ang="0">
                    <a:pos x="34" y="82"/>
                  </a:cxn>
                  <a:cxn ang="0">
                    <a:pos x="72" y="42"/>
                  </a:cxn>
                  <a:cxn ang="0">
                    <a:pos x="122" y="15"/>
                  </a:cxn>
                  <a:cxn ang="0">
                    <a:pos x="179" y="1"/>
                  </a:cxn>
                  <a:cxn ang="0">
                    <a:pos x="9773" y="46"/>
                  </a:cxn>
                  <a:cxn ang="0">
                    <a:pos x="9830" y="55"/>
                  </a:cxn>
                  <a:cxn ang="0">
                    <a:pos x="9882" y="78"/>
                  </a:cxn>
                  <a:cxn ang="0">
                    <a:pos x="9923" y="114"/>
                  </a:cxn>
                  <a:cxn ang="0">
                    <a:pos x="9953" y="160"/>
                  </a:cxn>
                  <a:cxn ang="0">
                    <a:pos x="9968" y="213"/>
                  </a:cxn>
                  <a:cxn ang="0">
                    <a:pos x="9968" y="5480"/>
                  </a:cxn>
                  <a:cxn ang="0">
                    <a:pos x="9953" y="5533"/>
                  </a:cxn>
                  <a:cxn ang="0">
                    <a:pos x="9923" y="5578"/>
                  </a:cxn>
                  <a:cxn ang="0">
                    <a:pos x="9882" y="5615"/>
                  </a:cxn>
                  <a:cxn ang="0">
                    <a:pos x="9830" y="5638"/>
                  </a:cxn>
                  <a:cxn ang="0">
                    <a:pos x="9773" y="5646"/>
                  </a:cxn>
                  <a:cxn ang="0">
                    <a:pos x="240" y="5642"/>
                  </a:cxn>
                  <a:cxn ang="0">
                    <a:pos x="186" y="5624"/>
                  </a:cxn>
                  <a:cxn ang="0">
                    <a:pos x="141" y="5592"/>
                  </a:cxn>
                  <a:cxn ang="0">
                    <a:pos x="107" y="5549"/>
                  </a:cxn>
                  <a:cxn ang="0">
                    <a:pos x="87" y="5499"/>
                  </a:cxn>
                  <a:cxn ang="0">
                    <a:pos x="83" y="5470"/>
                  </a:cxn>
                  <a:cxn ang="0">
                    <a:pos x="83" y="222"/>
                  </a:cxn>
                  <a:cxn ang="0">
                    <a:pos x="87" y="194"/>
                  </a:cxn>
                  <a:cxn ang="0">
                    <a:pos x="107" y="144"/>
                  </a:cxn>
                  <a:cxn ang="0">
                    <a:pos x="141" y="101"/>
                  </a:cxn>
                  <a:cxn ang="0">
                    <a:pos x="186" y="69"/>
                  </a:cxn>
                  <a:cxn ang="0">
                    <a:pos x="240" y="50"/>
                  </a:cxn>
                </a:cxnLst>
                <a:rect l="0" t="0" r="r" b="b"/>
                <a:pathLst>
                  <a:path w="10052" h="5694">
                    <a:moveTo>
                      <a:pt x="199" y="0"/>
                    </a:moveTo>
                    <a:lnTo>
                      <a:pt x="9853" y="0"/>
                    </a:lnTo>
                    <a:lnTo>
                      <a:pt x="9873" y="1"/>
                    </a:lnTo>
                    <a:lnTo>
                      <a:pt x="9893" y="4"/>
                    </a:lnTo>
                    <a:lnTo>
                      <a:pt x="9911" y="8"/>
                    </a:lnTo>
                    <a:lnTo>
                      <a:pt x="9930" y="15"/>
                    </a:lnTo>
                    <a:lnTo>
                      <a:pt x="9947" y="22"/>
                    </a:lnTo>
                    <a:lnTo>
                      <a:pt x="9964" y="32"/>
                    </a:lnTo>
                    <a:lnTo>
                      <a:pt x="9979" y="42"/>
                    </a:lnTo>
                    <a:lnTo>
                      <a:pt x="9993" y="54"/>
                    </a:lnTo>
                    <a:lnTo>
                      <a:pt x="10006" y="68"/>
                    </a:lnTo>
                    <a:lnTo>
                      <a:pt x="10018" y="82"/>
                    </a:lnTo>
                    <a:lnTo>
                      <a:pt x="10028" y="98"/>
                    </a:lnTo>
                    <a:lnTo>
                      <a:pt x="10036" y="115"/>
                    </a:lnTo>
                    <a:lnTo>
                      <a:pt x="10043" y="132"/>
                    </a:lnTo>
                    <a:lnTo>
                      <a:pt x="10047" y="150"/>
                    </a:lnTo>
                    <a:lnTo>
                      <a:pt x="10050" y="168"/>
                    </a:lnTo>
                    <a:lnTo>
                      <a:pt x="10052" y="187"/>
                    </a:lnTo>
                    <a:lnTo>
                      <a:pt x="10052" y="5506"/>
                    </a:lnTo>
                    <a:lnTo>
                      <a:pt x="10050" y="5525"/>
                    </a:lnTo>
                    <a:lnTo>
                      <a:pt x="10047" y="5543"/>
                    </a:lnTo>
                    <a:lnTo>
                      <a:pt x="10043" y="5561"/>
                    </a:lnTo>
                    <a:lnTo>
                      <a:pt x="10036" y="5578"/>
                    </a:lnTo>
                    <a:lnTo>
                      <a:pt x="10028" y="5595"/>
                    </a:lnTo>
                    <a:lnTo>
                      <a:pt x="10018" y="5611"/>
                    </a:lnTo>
                    <a:lnTo>
                      <a:pt x="10006" y="5625"/>
                    </a:lnTo>
                    <a:lnTo>
                      <a:pt x="9993" y="5638"/>
                    </a:lnTo>
                    <a:lnTo>
                      <a:pt x="9979" y="5650"/>
                    </a:lnTo>
                    <a:lnTo>
                      <a:pt x="9964" y="5661"/>
                    </a:lnTo>
                    <a:lnTo>
                      <a:pt x="9947" y="5670"/>
                    </a:lnTo>
                    <a:lnTo>
                      <a:pt x="9930" y="5678"/>
                    </a:lnTo>
                    <a:lnTo>
                      <a:pt x="9911" y="5684"/>
                    </a:lnTo>
                    <a:lnTo>
                      <a:pt x="9893" y="5689"/>
                    </a:lnTo>
                    <a:lnTo>
                      <a:pt x="9873" y="5693"/>
                    </a:lnTo>
                    <a:lnTo>
                      <a:pt x="9853" y="5694"/>
                    </a:lnTo>
                    <a:lnTo>
                      <a:pt x="199" y="5694"/>
                    </a:lnTo>
                    <a:lnTo>
                      <a:pt x="179" y="5693"/>
                    </a:lnTo>
                    <a:lnTo>
                      <a:pt x="159" y="5689"/>
                    </a:lnTo>
                    <a:lnTo>
                      <a:pt x="140" y="5684"/>
                    </a:lnTo>
                    <a:lnTo>
                      <a:pt x="122" y="5678"/>
                    </a:lnTo>
                    <a:lnTo>
                      <a:pt x="105" y="5670"/>
                    </a:lnTo>
                    <a:lnTo>
                      <a:pt x="88" y="5661"/>
                    </a:lnTo>
                    <a:lnTo>
                      <a:pt x="72" y="5650"/>
                    </a:lnTo>
                    <a:lnTo>
                      <a:pt x="58" y="5638"/>
                    </a:lnTo>
                    <a:lnTo>
                      <a:pt x="46" y="5625"/>
                    </a:lnTo>
                    <a:lnTo>
                      <a:pt x="34" y="5611"/>
                    </a:lnTo>
                    <a:lnTo>
                      <a:pt x="24" y="5595"/>
                    </a:lnTo>
                    <a:lnTo>
                      <a:pt x="16" y="5578"/>
                    </a:lnTo>
                    <a:lnTo>
                      <a:pt x="9" y="5561"/>
                    </a:lnTo>
                    <a:lnTo>
                      <a:pt x="4" y="5543"/>
                    </a:lnTo>
                    <a:lnTo>
                      <a:pt x="3" y="5534"/>
                    </a:lnTo>
                    <a:lnTo>
                      <a:pt x="1" y="5525"/>
                    </a:lnTo>
                    <a:lnTo>
                      <a:pt x="1" y="5515"/>
                    </a:lnTo>
                    <a:lnTo>
                      <a:pt x="0" y="5506"/>
                    </a:lnTo>
                    <a:lnTo>
                      <a:pt x="0" y="187"/>
                    </a:lnTo>
                    <a:lnTo>
                      <a:pt x="1" y="177"/>
                    </a:lnTo>
                    <a:lnTo>
                      <a:pt x="1" y="168"/>
                    </a:lnTo>
                    <a:lnTo>
                      <a:pt x="3" y="159"/>
                    </a:lnTo>
                    <a:lnTo>
                      <a:pt x="4" y="150"/>
                    </a:lnTo>
                    <a:lnTo>
                      <a:pt x="9" y="132"/>
                    </a:lnTo>
                    <a:lnTo>
                      <a:pt x="16" y="115"/>
                    </a:lnTo>
                    <a:lnTo>
                      <a:pt x="24" y="98"/>
                    </a:lnTo>
                    <a:lnTo>
                      <a:pt x="34" y="82"/>
                    </a:lnTo>
                    <a:lnTo>
                      <a:pt x="46" y="68"/>
                    </a:lnTo>
                    <a:lnTo>
                      <a:pt x="58" y="54"/>
                    </a:lnTo>
                    <a:lnTo>
                      <a:pt x="72" y="42"/>
                    </a:lnTo>
                    <a:lnTo>
                      <a:pt x="88" y="32"/>
                    </a:lnTo>
                    <a:lnTo>
                      <a:pt x="105" y="22"/>
                    </a:lnTo>
                    <a:lnTo>
                      <a:pt x="122" y="15"/>
                    </a:lnTo>
                    <a:lnTo>
                      <a:pt x="140" y="8"/>
                    </a:lnTo>
                    <a:lnTo>
                      <a:pt x="159" y="4"/>
                    </a:lnTo>
                    <a:lnTo>
                      <a:pt x="179" y="1"/>
                    </a:lnTo>
                    <a:lnTo>
                      <a:pt x="199" y="0"/>
                    </a:lnTo>
                    <a:close/>
                    <a:moveTo>
                      <a:pt x="279" y="46"/>
                    </a:moveTo>
                    <a:lnTo>
                      <a:pt x="9773" y="46"/>
                    </a:lnTo>
                    <a:lnTo>
                      <a:pt x="9792" y="47"/>
                    </a:lnTo>
                    <a:lnTo>
                      <a:pt x="9812" y="50"/>
                    </a:lnTo>
                    <a:lnTo>
                      <a:pt x="9830" y="55"/>
                    </a:lnTo>
                    <a:lnTo>
                      <a:pt x="9849" y="61"/>
                    </a:lnTo>
                    <a:lnTo>
                      <a:pt x="9866" y="69"/>
                    </a:lnTo>
                    <a:lnTo>
                      <a:pt x="9882" y="78"/>
                    </a:lnTo>
                    <a:lnTo>
                      <a:pt x="9897" y="88"/>
                    </a:lnTo>
                    <a:lnTo>
                      <a:pt x="9911" y="101"/>
                    </a:lnTo>
                    <a:lnTo>
                      <a:pt x="9923" y="114"/>
                    </a:lnTo>
                    <a:lnTo>
                      <a:pt x="9935" y="128"/>
                    </a:lnTo>
                    <a:lnTo>
                      <a:pt x="9944" y="144"/>
                    </a:lnTo>
                    <a:lnTo>
                      <a:pt x="9953" y="160"/>
                    </a:lnTo>
                    <a:lnTo>
                      <a:pt x="9959" y="176"/>
                    </a:lnTo>
                    <a:lnTo>
                      <a:pt x="9965" y="194"/>
                    </a:lnTo>
                    <a:lnTo>
                      <a:pt x="9968" y="213"/>
                    </a:lnTo>
                    <a:lnTo>
                      <a:pt x="9969" y="232"/>
                    </a:lnTo>
                    <a:lnTo>
                      <a:pt x="9969" y="5461"/>
                    </a:lnTo>
                    <a:lnTo>
                      <a:pt x="9968" y="5480"/>
                    </a:lnTo>
                    <a:lnTo>
                      <a:pt x="9965" y="5499"/>
                    </a:lnTo>
                    <a:lnTo>
                      <a:pt x="9959" y="5516"/>
                    </a:lnTo>
                    <a:lnTo>
                      <a:pt x="9953" y="5533"/>
                    </a:lnTo>
                    <a:lnTo>
                      <a:pt x="9944" y="5549"/>
                    </a:lnTo>
                    <a:lnTo>
                      <a:pt x="9935" y="5564"/>
                    </a:lnTo>
                    <a:lnTo>
                      <a:pt x="9923" y="5578"/>
                    </a:lnTo>
                    <a:lnTo>
                      <a:pt x="9911" y="5592"/>
                    </a:lnTo>
                    <a:lnTo>
                      <a:pt x="9897" y="5604"/>
                    </a:lnTo>
                    <a:lnTo>
                      <a:pt x="9882" y="5615"/>
                    </a:lnTo>
                    <a:lnTo>
                      <a:pt x="9866" y="5624"/>
                    </a:lnTo>
                    <a:lnTo>
                      <a:pt x="9849" y="5632"/>
                    </a:lnTo>
                    <a:lnTo>
                      <a:pt x="9830" y="5638"/>
                    </a:lnTo>
                    <a:lnTo>
                      <a:pt x="9812" y="5642"/>
                    </a:lnTo>
                    <a:lnTo>
                      <a:pt x="9792" y="5645"/>
                    </a:lnTo>
                    <a:lnTo>
                      <a:pt x="9773" y="5646"/>
                    </a:lnTo>
                    <a:lnTo>
                      <a:pt x="279" y="5646"/>
                    </a:lnTo>
                    <a:lnTo>
                      <a:pt x="259" y="5645"/>
                    </a:lnTo>
                    <a:lnTo>
                      <a:pt x="240" y="5642"/>
                    </a:lnTo>
                    <a:lnTo>
                      <a:pt x="222" y="5638"/>
                    </a:lnTo>
                    <a:lnTo>
                      <a:pt x="203" y="5632"/>
                    </a:lnTo>
                    <a:lnTo>
                      <a:pt x="186" y="5624"/>
                    </a:lnTo>
                    <a:lnTo>
                      <a:pt x="170" y="5615"/>
                    </a:lnTo>
                    <a:lnTo>
                      <a:pt x="155" y="5604"/>
                    </a:lnTo>
                    <a:lnTo>
                      <a:pt x="141" y="5592"/>
                    </a:lnTo>
                    <a:lnTo>
                      <a:pt x="128" y="5578"/>
                    </a:lnTo>
                    <a:lnTo>
                      <a:pt x="117" y="5564"/>
                    </a:lnTo>
                    <a:lnTo>
                      <a:pt x="107" y="5549"/>
                    </a:lnTo>
                    <a:lnTo>
                      <a:pt x="99" y="5533"/>
                    </a:lnTo>
                    <a:lnTo>
                      <a:pt x="93" y="5516"/>
                    </a:lnTo>
                    <a:lnTo>
                      <a:pt x="87" y="5499"/>
                    </a:lnTo>
                    <a:lnTo>
                      <a:pt x="85" y="5490"/>
                    </a:lnTo>
                    <a:lnTo>
                      <a:pt x="84" y="5480"/>
                    </a:lnTo>
                    <a:lnTo>
                      <a:pt x="83" y="5470"/>
                    </a:lnTo>
                    <a:lnTo>
                      <a:pt x="83" y="5461"/>
                    </a:lnTo>
                    <a:lnTo>
                      <a:pt x="83" y="232"/>
                    </a:lnTo>
                    <a:lnTo>
                      <a:pt x="83" y="222"/>
                    </a:lnTo>
                    <a:lnTo>
                      <a:pt x="84" y="213"/>
                    </a:lnTo>
                    <a:lnTo>
                      <a:pt x="85" y="204"/>
                    </a:lnTo>
                    <a:lnTo>
                      <a:pt x="87" y="194"/>
                    </a:lnTo>
                    <a:lnTo>
                      <a:pt x="93" y="176"/>
                    </a:lnTo>
                    <a:lnTo>
                      <a:pt x="99" y="160"/>
                    </a:lnTo>
                    <a:lnTo>
                      <a:pt x="107" y="144"/>
                    </a:lnTo>
                    <a:lnTo>
                      <a:pt x="117" y="128"/>
                    </a:lnTo>
                    <a:lnTo>
                      <a:pt x="128" y="114"/>
                    </a:lnTo>
                    <a:lnTo>
                      <a:pt x="141" y="101"/>
                    </a:lnTo>
                    <a:lnTo>
                      <a:pt x="155" y="88"/>
                    </a:lnTo>
                    <a:lnTo>
                      <a:pt x="170" y="78"/>
                    </a:lnTo>
                    <a:lnTo>
                      <a:pt x="186" y="69"/>
                    </a:lnTo>
                    <a:lnTo>
                      <a:pt x="203" y="61"/>
                    </a:lnTo>
                    <a:lnTo>
                      <a:pt x="222" y="55"/>
                    </a:lnTo>
                    <a:lnTo>
                      <a:pt x="240" y="50"/>
                    </a:lnTo>
                    <a:lnTo>
                      <a:pt x="259" y="47"/>
                    </a:lnTo>
                    <a:lnTo>
                      <a:pt x="279" y="4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74" name="Freeform 21"/>
              <p:cNvSpPr>
                <a:spLocks/>
              </p:cNvSpPr>
              <p:nvPr/>
            </p:nvSpPr>
            <p:spPr bwMode="auto">
              <a:xfrm>
                <a:off x="-913273" y="-332889"/>
                <a:ext cx="120692" cy="120692"/>
              </a:xfrm>
              <a:custGeom>
                <a:avLst/>
                <a:gdLst/>
                <a:ahLst/>
                <a:cxnLst>
                  <a:cxn ang="0">
                    <a:pos x="1174" y="2128"/>
                  </a:cxn>
                  <a:cxn ang="0">
                    <a:pos x="1332" y="2100"/>
                  </a:cxn>
                  <a:cxn ang="0">
                    <a:pos x="1480" y="2050"/>
                  </a:cxn>
                  <a:cxn ang="0">
                    <a:pos x="1618" y="1979"/>
                  </a:cxn>
                  <a:cxn ang="0">
                    <a:pos x="1743" y="1889"/>
                  </a:cxn>
                  <a:cxn ang="0">
                    <a:pos x="1854" y="1783"/>
                  </a:cxn>
                  <a:cxn ang="0">
                    <a:pos x="1949" y="1662"/>
                  </a:cxn>
                  <a:cxn ang="0">
                    <a:pos x="2026" y="1529"/>
                  </a:cxn>
                  <a:cxn ang="0">
                    <a:pos x="2083" y="1383"/>
                  </a:cxn>
                  <a:cxn ang="0">
                    <a:pos x="2119" y="1229"/>
                  </a:cxn>
                  <a:cxn ang="0">
                    <a:pos x="2131" y="1066"/>
                  </a:cxn>
                  <a:cxn ang="0">
                    <a:pos x="2119" y="905"/>
                  </a:cxn>
                  <a:cxn ang="0">
                    <a:pos x="2083" y="750"/>
                  </a:cxn>
                  <a:cxn ang="0">
                    <a:pos x="2026" y="605"/>
                  </a:cxn>
                  <a:cxn ang="0">
                    <a:pos x="1949" y="471"/>
                  </a:cxn>
                  <a:cxn ang="0">
                    <a:pos x="1854" y="350"/>
                  </a:cxn>
                  <a:cxn ang="0">
                    <a:pos x="1743" y="244"/>
                  </a:cxn>
                  <a:cxn ang="0">
                    <a:pos x="1618" y="154"/>
                  </a:cxn>
                  <a:cxn ang="0">
                    <a:pos x="1480" y="84"/>
                  </a:cxn>
                  <a:cxn ang="0">
                    <a:pos x="1332" y="33"/>
                  </a:cxn>
                  <a:cxn ang="0">
                    <a:pos x="1174" y="5"/>
                  </a:cxn>
                  <a:cxn ang="0">
                    <a:pos x="1011" y="1"/>
                  </a:cxn>
                  <a:cxn ang="0">
                    <a:pos x="851" y="21"/>
                  </a:cxn>
                  <a:cxn ang="0">
                    <a:pos x="700" y="65"/>
                  </a:cxn>
                  <a:cxn ang="0">
                    <a:pos x="559" y="129"/>
                  </a:cxn>
                  <a:cxn ang="0">
                    <a:pos x="429" y="212"/>
                  </a:cxn>
                  <a:cxn ang="0">
                    <a:pos x="313" y="313"/>
                  </a:cxn>
                  <a:cxn ang="0">
                    <a:pos x="212" y="429"/>
                  </a:cxn>
                  <a:cxn ang="0">
                    <a:pos x="129" y="558"/>
                  </a:cxn>
                  <a:cxn ang="0">
                    <a:pos x="65" y="701"/>
                  </a:cxn>
                  <a:cxn ang="0">
                    <a:pos x="22" y="852"/>
                  </a:cxn>
                  <a:cxn ang="0">
                    <a:pos x="1" y="1012"/>
                  </a:cxn>
                  <a:cxn ang="0">
                    <a:pos x="5" y="1175"/>
                  </a:cxn>
                  <a:cxn ang="0">
                    <a:pos x="33" y="1333"/>
                  </a:cxn>
                  <a:cxn ang="0">
                    <a:pos x="84" y="1481"/>
                  </a:cxn>
                  <a:cxn ang="0">
                    <a:pos x="155" y="1620"/>
                  </a:cxn>
                  <a:cxn ang="0">
                    <a:pos x="244" y="1745"/>
                  </a:cxn>
                  <a:cxn ang="0">
                    <a:pos x="350" y="1856"/>
                  </a:cxn>
                  <a:cxn ang="0">
                    <a:pos x="470" y="1951"/>
                  </a:cxn>
                  <a:cxn ang="0">
                    <a:pos x="604" y="2028"/>
                  </a:cxn>
                  <a:cxn ang="0">
                    <a:pos x="750" y="2085"/>
                  </a:cxn>
                  <a:cxn ang="0">
                    <a:pos x="904" y="2121"/>
                  </a:cxn>
                  <a:cxn ang="0">
                    <a:pos x="1066" y="2134"/>
                  </a:cxn>
                </a:cxnLst>
                <a:rect l="0" t="0" r="r" b="b"/>
                <a:pathLst>
                  <a:path w="2131" h="2134">
                    <a:moveTo>
                      <a:pt x="1066" y="2134"/>
                    </a:moveTo>
                    <a:lnTo>
                      <a:pt x="1121" y="2133"/>
                    </a:lnTo>
                    <a:lnTo>
                      <a:pt x="1174" y="2128"/>
                    </a:lnTo>
                    <a:lnTo>
                      <a:pt x="1228" y="2121"/>
                    </a:lnTo>
                    <a:lnTo>
                      <a:pt x="1280" y="2111"/>
                    </a:lnTo>
                    <a:lnTo>
                      <a:pt x="1332" y="2100"/>
                    </a:lnTo>
                    <a:lnTo>
                      <a:pt x="1382" y="2085"/>
                    </a:lnTo>
                    <a:lnTo>
                      <a:pt x="1431" y="2069"/>
                    </a:lnTo>
                    <a:lnTo>
                      <a:pt x="1480" y="2050"/>
                    </a:lnTo>
                    <a:lnTo>
                      <a:pt x="1527" y="2028"/>
                    </a:lnTo>
                    <a:lnTo>
                      <a:pt x="1573" y="2004"/>
                    </a:lnTo>
                    <a:lnTo>
                      <a:pt x="1618" y="1979"/>
                    </a:lnTo>
                    <a:lnTo>
                      <a:pt x="1660" y="1951"/>
                    </a:lnTo>
                    <a:lnTo>
                      <a:pt x="1703" y="1922"/>
                    </a:lnTo>
                    <a:lnTo>
                      <a:pt x="1743" y="1889"/>
                    </a:lnTo>
                    <a:lnTo>
                      <a:pt x="1781" y="1856"/>
                    </a:lnTo>
                    <a:lnTo>
                      <a:pt x="1819" y="1821"/>
                    </a:lnTo>
                    <a:lnTo>
                      <a:pt x="1854" y="1783"/>
                    </a:lnTo>
                    <a:lnTo>
                      <a:pt x="1887" y="1745"/>
                    </a:lnTo>
                    <a:lnTo>
                      <a:pt x="1920" y="1704"/>
                    </a:lnTo>
                    <a:lnTo>
                      <a:pt x="1949" y="1662"/>
                    </a:lnTo>
                    <a:lnTo>
                      <a:pt x="1977" y="1620"/>
                    </a:lnTo>
                    <a:lnTo>
                      <a:pt x="2002" y="1574"/>
                    </a:lnTo>
                    <a:lnTo>
                      <a:pt x="2026" y="1529"/>
                    </a:lnTo>
                    <a:lnTo>
                      <a:pt x="2048" y="1481"/>
                    </a:lnTo>
                    <a:lnTo>
                      <a:pt x="2067" y="1433"/>
                    </a:lnTo>
                    <a:lnTo>
                      <a:pt x="2083" y="1383"/>
                    </a:lnTo>
                    <a:lnTo>
                      <a:pt x="2098" y="1333"/>
                    </a:lnTo>
                    <a:lnTo>
                      <a:pt x="2109" y="1281"/>
                    </a:lnTo>
                    <a:lnTo>
                      <a:pt x="2119" y="1229"/>
                    </a:lnTo>
                    <a:lnTo>
                      <a:pt x="2126" y="1175"/>
                    </a:lnTo>
                    <a:lnTo>
                      <a:pt x="2130" y="1122"/>
                    </a:lnTo>
                    <a:lnTo>
                      <a:pt x="2131" y="1066"/>
                    </a:lnTo>
                    <a:lnTo>
                      <a:pt x="2130" y="1012"/>
                    </a:lnTo>
                    <a:lnTo>
                      <a:pt x="2126" y="958"/>
                    </a:lnTo>
                    <a:lnTo>
                      <a:pt x="2119" y="905"/>
                    </a:lnTo>
                    <a:lnTo>
                      <a:pt x="2109" y="852"/>
                    </a:lnTo>
                    <a:lnTo>
                      <a:pt x="2098" y="801"/>
                    </a:lnTo>
                    <a:lnTo>
                      <a:pt x="2083" y="750"/>
                    </a:lnTo>
                    <a:lnTo>
                      <a:pt x="2067" y="701"/>
                    </a:lnTo>
                    <a:lnTo>
                      <a:pt x="2048" y="652"/>
                    </a:lnTo>
                    <a:lnTo>
                      <a:pt x="2026" y="605"/>
                    </a:lnTo>
                    <a:lnTo>
                      <a:pt x="2002" y="558"/>
                    </a:lnTo>
                    <a:lnTo>
                      <a:pt x="1977" y="514"/>
                    </a:lnTo>
                    <a:lnTo>
                      <a:pt x="1949" y="471"/>
                    </a:lnTo>
                    <a:lnTo>
                      <a:pt x="1920" y="429"/>
                    </a:lnTo>
                    <a:lnTo>
                      <a:pt x="1887" y="389"/>
                    </a:lnTo>
                    <a:lnTo>
                      <a:pt x="1854" y="350"/>
                    </a:lnTo>
                    <a:lnTo>
                      <a:pt x="1819" y="313"/>
                    </a:lnTo>
                    <a:lnTo>
                      <a:pt x="1781" y="278"/>
                    </a:lnTo>
                    <a:lnTo>
                      <a:pt x="1743" y="244"/>
                    </a:lnTo>
                    <a:lnTo>
                      <a:pt x="1703" y="212"/>
                    </a:lnTo>
                    <a:lnTo>
                      <a:pt x="1660" y="183"/>
                    </a:lnTo>
                    <a:lnTo>
                      <a:pt x="1618" y="154"/>
                    </a:lnTo>
                    <a:lnTo>
                      <a:pt x="1573" y="129"/>
                    </a:lnTo>
                    <a:lnTo>
                      <a:pt x="1527" y="105"/>
                    </a:lnTo>
                    <a:lnTo>
                      <a:pt x="1480" y="84"/>
                    </a:lnTo>
                    <a:lnTo>
                      <a:pt x="1431" y="65"/>
                    </a:lnTo>
                    <a:lnTo>
                      <a:pt x="1382" y="47"/>
                    </a:lnTo>
                    <a:lnTo>
                      <a:pt x="1332" y="33"/>
                    </a:lnTo>
                    <a:lnTo>
                      <a:pt x="1280" y="21"/>
                    </a:lnTo>
                    <a:lnTo>
                      <a:pt x="1228" y="12"/>
                    </a:lnTo>
                    <a:lnTo>
                      <a:pt x="1174" y="5"/>
                    </a:lnTo>
                    <a:lnTo>
                      <a:pt x="1121" y="1"/>
                    </a:lnTo>
                    <a:lnTo>
                      <a:pt x="1066" y="0"/>
                    </a:lnTo>
                    <a:lnTo>
                      <a:pt x="1011" y="1"/>
                    </a:lnTo>
                    <a:lnTo>
                      <a:pt x="957" y="5"/>
                    </a:lnTo>
                    <a:lnTo>
                      <a:pt x="904" y="12"/>
                    </a:lnTo>
                    <a:lnTo>
                      <a:pt x="851" y="21"/>
                    </a:lnTo>
                    <a:lnTo>
                      <a:pt x="800" y="33"/>
                    </a:lnTo>
                    <a:lnTo>
                      <a:pt x="750" y="47"/>
                    </a:lnTo>
                    <a:lnTo>
                      <a:pt x="700" y="65"/>
                    </a:lnTo>
                    <a:lnTo>
                      <a:pt x="652" y="84"/>
                    </a:lnTo>
                    <a:lnTo>
                      <a:pt x="604" y="105"/>
                    </a:lnTo>
                    <a:lnTo>
                      <a:pt x="559" y="129"/>
                    </a:lnTo>
                    <a:lnTo>
                      <a:pt x="514" y="154"/>
                    </a:lnTo>
                    <a:lnTo>
                      <a:pt x="470" y="183"/>
                    </a:lnTo>
                    <a:lnTo>
                      <a:pt x="429" y="212"/>
                    </a:lnTo>
                    <a:lnTo>
                      <a:pt x="389" y="244"/>
                    </a:lnTo>
                    <a:lnTo>
                      <a:pt x="350" y="278"/>
                    </a:lnTo>
                    <a:lnTo>
                      <a:pt x="313" y="313"/>
                    </a:lnTo>
                    <a:lnTo>
                      <a:pt x="278" y="350"/>
                    </a:lnTo>
                    <a:lnTo>
                      <a:pt x="244" y="389"/>
                    </a:lnTo>
                    <a:lnTo>
                      <a:pt x="212" y="429"/>
                    </a:lnTo>
                    <a:lnTo>
                      <a:pt x="183" y="471"/>
                    </a:lnTo>
                    <a:lnTo>
                      <a:pt x="155" y="514"/>
                    </a:lnTo>
                    <a:lnTo>
                      <a:pt x="129" y="558"/>
                    </a:lnTo>
                    <a:lnTo>
                      <a:pt x="105" y="605"/>
                    </a:lnTo>
                    <a:lnTo>
                      <a:pt x="84" y="652"/>
                    </a:lnTo>
                    <a:lnTo>
                      <a:pt x="65" y="701"/>
                    </a:lnTo>
                    <a:lnTo>
                      <a:pt x="49" y="750"/>
                    </a:lnTo>
                    <a:lnTo>
                      <a:pt x="33" y="801"/>
                    </a:lnTo>
                    <a:lnTo>
                      <a:pt x="22" y="852"/>
                    </a:lnTo>
                    <a:lnTo>
                      <a:pt x="12" y="905"/>
                    </a:lnTo>
                    <a:lnTo>
                      <a:pt x="5" y="958"/>
                    </a:lnTo>
                    <a:lnTo>
                      <a:pt x="1" y="1012"/>
                    </a:lnTo>
                    <a:lnTo>
                      <a:pt x="0" y="1066"/>
                    </a:lnTo>
                    <a:lnTo>
                      <a:pt x="1" y="1122"/>
                    </a:lnTo>
                    <a:lnTo>
                      <a:pt x="5" y="1175"/>
                    </a:lnTo>
                    <a:lnTo>
                      <a:pt x="12" y="1229"/>
                    </a:lnTo>
                    <a:lnTo>
                      <a:pt x="22" y="1281"/>
                    </a:lnTo>
                    <a:lnTo>
                      <a:pt x="33" y="1333"/>
                    </a:lnTo>
                    <a:lnTo>
                      <a:pt x="49" y="1383"/>
                    </a:lnTo>
                    <a:lnTo>
                      <a:pt x="65" y="1433"/>
                    </a:lnTo>
                    <a:lnTo>
                      <a:pt x="84" y="1481"/>
                    </a:lnTo>
                    <a:lnTo>
                      <a:pt x="105" y="1529"/>
                    </a:lnTo>
                    <a:lnTo>
                      <a:pt x="129" y="1574"/>
                    </a:lnTo>
                    <a:lnTo>
                      <a:pt x="155" y="1620"/>
                    </a:lnTo>
                    <a:lnTo>
                      <a:pt x="183" y="1662"/>
                    </a:lnTo>
                    <a:lnTo>
                      <a:pt x="212" y="1704"/>
                    </a:lnTo>
                    <a:lnTo>
                      <a:pt x="244" y="1745"/>
                    </a:lnTo>
                    <a:lnTo>
                      <a:pt x="278" y="1783"/>
                    </a:lnTo>
                    <a:lnTo>
                      <a:pt x="313" y="1821"/>
                    </a:lnTo>
                    <a:lnTo>
                      <a:pt x="350" y="1856"/>
                    </a:lnTo>
                    <a:lnTo>
                      <a:pt x="389" y="1889"/>
                    </a:lnTo>
                    <a:lnTo>
                      <a:pt x="429" y="1922"/>
                    </a:lnTo>
                    <a:lnTo>
                      <a:pt x="470" y="1951"/>
                    </a:lnTo>
                    <a:lnTo>
                      <a:pt x="514" y="1979"/>
                    </a:lnTo>
                    <a:lnTo>
                      <a:pt x="559" y="2004"/>
                    </a:lnTo>
                    <a:lnTo>
                      <a:pt x="604" y="2028"/>
                    </a:lnTo>
                    <a:lnTo>
                      <a:pt x="652" y="2050"/>
                    </a:lnTo>
                    <a:lnTo>
                      <a:pt x="700" y="2069"/>
                    </a:lnTo>
                    <a:lnTo>
                      <a:pt x="750" y="2085"/>
                    </a:lnTo>
                    <a:lnTo>
                      <a:pt x="800" y="2100"/>
                    </a:lnTo>
                    <a:lnTo>
                      <a:pt x="851" y="2111"/>
                    </a:lnTo>
                    <a:lnTo>
                      <a:pt x="904" y="2121"/>
                    </a:lnTo>
                    <a:lnTo>
                      <a:pt x="957" y="2128"/>
                    </a:lnTo>
                    <a:lnTo>
                      <a:pt x="1011" y="2133"/>
                    </a:lnTo>
                    <a:lnTo>
                      <a:pt x="1066" y="213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75" name="Freeform 22"/>
              <p:cNvSpPr>
                <a:spLocks/>
              </p:cNvSpPr>
              <p:nvPr/>
            </p:nvSpPr>
            <p:spPr bwMode="auto">
              <a:xfrm>
                <a:off x="-962970" y="-196421"/>
                <a:ext cx="220085" cy="159345"/>
              </a:xfrm>
              <a:custGeom>
                <a:avLst/>
                <a:gdLst/>
                <a:ahLst/>
                <a:cxnLst>
                  <a:cxn ang="0">
                    <a:pos x="1122" y="0"/>
                  </a:cxn>
                  <a:cxn ang="0">
                    <a:pos x="615" y="3"/>
                  </a:cxn>
                  <a:cxn ang="0">
                    <a:pos x="548" y="19"/>
                  </a:cxn>
                  <a:cxn ang="0">
                    <a:pos x="482" y="40"/>
                  </a:cxn>
                  <a:cxn ang="0">
                    <a:pos x="406" y="69"/>
                  </a:cxn>
                  <a:cxn ang="0">
                    <a:pos x="347" y="97"/>
                  </a:cxn>
                  <a:cxn ang="0">
                    <a:pos x="307" y="119"/>
                  </a:cxn>
                  <a:cxn ang="0">
                    <a:pos x="268" y="145"/>
                  </a:cxn>
                  <a:cxn ang="0">
                    <a:pos x="231" y="173"/>
                  </a:cxn>
                  <a:cxn ang="0">
                    <a:pos x="195" y="204"/>
                  </a:cxn>
                  <a:cxn ang="0">
                    <a:pos x="164" y="239"/>
                  </a:cxn>
                  <a:cxn ang="0">
                    <a:pos x="136" y="277"/>
                  </a:cxn>
                  <a:cxn ang="0">
                    <a:pos x="111" y="315"/>
                  </a:cxn>
                  <a:cxn ang="0">
                    <a:pos x="89" y="354"/>
                  </a:cxn>
                  <a:cxn ang="0">
                    <a:pos x="70" y="393"/>
                  </a:cxn>
                  <a:cxn ang="0">
                    <a:pos x="55" y="430"/>
                  </a:cxn>
                  <a:cxn ang="0">
                    <a:pos x="42" y="469"/>
                  </a:cxn>
                  <a:cxn ang="0">
                    <a:pos x="26" y="523"/>
                  </a:cxn>
                  <a:cxn ang="0">
                    <a:pos x="12" y="593"/>
                  </a:cxn>
                  <a:cxn ang="0">
                    <a:pos x="4" y="656"/>
                  </a:cxn>
                  <a:cxn ang="0">
                    <a:pos x="0" y="733"/>
                  </a:cxn>
                  <a:cxn ang="0">
                    <a:pos x="0" y="809"/>
                  </a:cxn>
                  <a:cxn ang="0">
                    <a:pos x="0" y="993"/>
                  </a:cxn>
                  <a:cxn ang="0">
                    <a:pos x="0" y="1287"/>
                  </a:cxn>
                  <a:cxn ang="0">
                    <a:pos x="0" y="1643"/>
                  </a:cxn>
                  <a:cxn ang="0">
                    <a:pos x="0" y="2019"/>
                  </a:cxn>
                  <a:cxn ang="0">
                    <a:pos x="0" y="2367"/>
                  </a:cxn>
                  <a:cxn ang="0">
                    <a:pos x="0" y="2645"/>
                  </a:cxn>
                  <a:cxn ang="0">
                    <a:pos x="0" y="2804"/>
                  </a:cxn>
                  <a:cxn ang="0">
                    <a:pos x="1892" y="2827"/>
                  </a:cxn>
                  <a:cxn ang="0">
                    <a:pos x="3913" y="2827"/>
                  </a:cxn>
                  <a:cxn ang="0">
                    <a:pos x="3913" y="2742"/>
                  </a:cxn>
                  <a:cxn ang="0">
                    <a:pos x="3913" y="2518"/>
                  </a:cxn>
                  <a:cxn ang="0">
                    <a:pos x="3913" y="2200"/>
                  </a:cxn>
                  <a:cxn ang="0">
                    <a:pos x="3913" y="1831"/>
                  </a:cxn>
                  <a:cxn ang="0">
                    <a:pos x="3913" y="1459"/>
                  </a:cxn>
                  <a:cxn ang="0">
                    <a:pos x="3913" y="1129"/>
                  </a:cxn>
                  <a:cxn ang="0">
                    <a:pos x="3913" y="885"/>
                  </a:cxn>
                  <a:cxn ang="0">
                    <a:pos x="3913" y="772"/>
                  </a:cxn>
                  <a:cxn ang="0">
                    <a:pos x="3911" y="684"/>
                  </a:cxn>
                  <a:cxn ang="0">
                    <a:pos x="3905" y="625"/>
                  </a:cxn>
                  <a:cxn ang="0">
                    <a:pos x="3894" y="559"/>
                  </a:cxn>
                  <a:cxn ang="0">
                    <a:pos x="3877" y="487"/>
                  </a:cxn>
                  <a:cxn ang="0">
                    <a:pos x="3865" y="450"/>
                  </a:cxn>
                  <a:cxn ang="0">
                    <a:pos x="3849" y="411"/>
                  </a:cxn>
                  <a:cxn ang="0">
                    <a:pos x="3832" y="373"/>
                  </a:cxn>
                  <a:cxn ang="0">
                    <a:pos x="3813" y="335"/>
                  </a:cxn>
                  <a:cxn ang="0">
                    <a:pos x="3790" y="296"/>
                  </a:cxn>
                  <a:cxn ang="0">
                    <a:pos x="3764" y="258"/>
                  </a:cxn>
                  <a:cxn ang="0">
                    <a:pos x="3733" y="221"/>
                  </a:cxn>
                  <a:cxn ang="0">
                    <a:pos x="3699" y="188"/>
                  </a:cxn>
                  <a:cxn ang="0">
                    <a:pos x="3663" y="159"/>
                  </a:cxn>
                  <a:cxn ang="0">
                    <a:pos x="3626" y="132"/>
                  </a:cxn>
                  <a:cxn ang="0">
                    <a:pos x="3585" y="108"/>
                  </a:cxn>
                  <a:cxn ang="0">
                    <a:pos x="3546" y="87"/>
                  </a:cxn>
                  <a:cxn ang="0">
                    <a:pos x="3467" y="53"/>
                  </a:cxn>
                  <a:cxn ang="0">
                    <a:pos x="3396" y="29"/>
                  </a:cxn>
                  <a:cxn ang="0">
                    <a:pos x="3337" y="12"/>
                  </a:cxn>
                  <a:cxn ang="0">
                    <a:pos x="3284" y="0"/>
                  </a:cxn>
                  <a:cxn ang="0">
                    <a:pos x="1956" y="1290"/>
                  </a:cxn>
                </a:cxnLst>
                <a:rect l="0" t="0" r="r" b="b"/>
                <a:pathLst>
                  <a:path w="3913" h="2827">
                    <a:moveTo>
                      <a:pt x="1956" y="1290"/>
                    </a:moveTo>
                    <a:lnTo>
                      <a:pt x="1122" y="0"/>
                    </a:lnTo>
                    <a:lnTo>
                      <a:pt x="629" y="0"/>
                    </a:lnTo>
                    <a:lnTo>
                      <a:pt x="615" y="3"/>
                    </a:lnTo>
                    <a:lnTo>
                      <a:pt x="576" y="12"/>
                    </a:lnTo>
                    <a:lnTo>
                      <a:pt x="548" y="19"/>
                    </a:lnTo>
                    <a:lnTo>
                      <a:pt x="517" y="29"/>
                    </a:lnTo>
                    <a:lnTo>
                      <a:pt x="482" y="40"/>
                    </a:lnTo>
                    <a:lnTo>
                      <a:pt x="445" y="53"/>
                    </a:lnTo>
                    <a:lnTo>
                      <a:pt x="406" y="69"/>
                    </a:lnTo>
                    <a:lnTo>
                      <a:pt x="367" y="87"/>
                    </a:lnTo>
                    <a:lnTo>
                      <a:pt x="347" y="97"/>
                    </a:lnTo>
                    <a:lnTo>
                      <a:pt x="326" y="108"/>
                    </a:lnTo>
                    <a:lnTo>
                      <a:pt x="307" y="119"/>
                    </a:lnTo>
                    <a:lnTo>
                      <a:pt x="287" y="132"/>
                    </a:lnTo>
                    <a:lnTo>
                      <a:pt x="268" y="145"/>
                    </a:lnTo>
                    <a:lnTo>
                      <a:pt x="249" y="159"/>
                    </a:lnTo>
                    <a:lnTo>
                      <a:pt x="231" y="173"/>
                    </a:lnTo>
                    <a:lnTo>
                      <a:pt x="212" y="188"/>
                    </a:lnTo>
                    <a:lnTo>
                      <a:pt x="195" y="204"/>
                    </a:lnTo>
                    <a:lnTo>
                      <a:pt x="179" y="221"/>
                    </a:lnTo>
                    <a:lnTo>
                      <a:pt x="164" y="239"/>
                    </a:lnTo>
                    <a:lnTo>
                      <a:pt x="149" y="258"/>
                    </a:lnTo>
                    <a:lnTo>
                      <a:pt x="136" y="277"/>
                    </a:lnTo>
                    <a:lnTo>
                      <a:pt x="123" y="296"/>
                    </a:lnTo>
                    <a:lnTo>
                      <a:pt x="111" y="315"/>
                    </a:lnTo>
                    <a:lnTo>
                      <a:pt x="99" y="335"/>
                    </a:lnTo>
                    <a:lnTo>
                      <a:pt x="89" y="354"/>
                    </a:lnTo>
                    <a:lnTo>
                      <a:pt x="79" y="373"/>
                    </a:lnTo>
                    <a:lnTo>
                      <a:pt x="70" y="393"/>
                    </a:lnTo>
                    <a:lnTo>
                      <a:pt x="62" y="411"/>
                    </a:lnTo>
                    <a:lnTo>
                      <a:pt x="55" y="430"/>
                    </a:lnTo>
                    <a:lnTo>
                      <a:pt x="48" y="450"/>
                    </a:lnTo>
                    <a:lnTo>
                      <a:pt x="42" y="469"/>
                    </a:lnTo>
                    <a:lnTo>
                      <a:pt x="36" y="487"/>
                    </a:lnTo>
                    <a:lnTo>
                      <a:pt x="26" y="523"/>
                    </a:lnTo>
                    <a:lnTo>
                      <a:pt x="18" y="559"/>
                    </a:lnTo>
                    <a:lnTo>
                      <a:pt x="12" y="593"/>
                    </a:lnTo>
                    <a:lnTo>
                      <a:pt x="8" y="625"/>
                    </a:lnTo>
                    <a:lnTo>
                      <a:pt x="4" y="656"/>
                    </a:lnTo>
                    <a:lnTo>
                      <a:pt x="2" y="684"/>
                    </a:lnTo>
                    <a:lnTo>
                      <a:pt x="0" y="733"/>
                    </a:lnTo>
                    <a:lnTo>
                      <a:pt x="0" y="772"/>
                    </a:lnTo>
                    <a:lnTo>
                      <a:pt x="0" y="809"/>
                    </a:lnTo>
                    <a:lnTo>
                      <a:pt x="0" y="885"/>
                    </a:lnTo>
                    <a:lnTo>
                      <a:pt x="0" y="993"/>
                    </a:lnTo>
                    <a:lnTo>
                      <a:pt x="0" y="1129"/>
                    </a:lnTo>
                    <a:lnTo>
                      <a:pt x="0" y="1287"/>
                    </a:lnTo>
                    <a:lnTo>
                      <a:pt x="0" y="1459"/>
                    </a:lnTo>
                    <a:lnTo>
                      <a:pt x="0" y="1643"/>
                    </a:lnTo>
                    <a:lnTo>
                      <a:pt x="0" y="1831"/>
                    </a:lnTo>
                    <a:lnTo>
                      <a:pt x="0" y="2019"/>
                    </a:lnTo>
                    <a:lnTo>
                      <a:pt x="0" y="2200"/>
                    </a:lnTo>
                    <a:lnTo>
                      <a:pt x="0" y="2367"/>
                    </a:lnTo>
                    <a:lnTo>
                      <a:pt x="0" y="2518"/>
                    </a:lnTo>
                    <a:lnTo>
                      <a:pt x="0" y="2645"/>
                    </a:lnTo>
                    <a:lnTo>
                      <a:pt x="0" y="2742"/>
                    </a:lnTo>
                    <a:lnTo>
                      <a:pt x="0" y="2804"/>
                    </a:lnTo>
                    <a:lnTo>
                      <a:pt x="0" y="2827"/>
                    </a:lnTo>
                    <a:lnTo>
                      <a:pt x="1892" y="2827"/>
                    </a:lnTo>
                    <a:lnTo>
                      <a:pt x="2020" y="2827"/>
                    </a:lnTo>
                    <a:lnTo>
                      <a:pt x="3913" y="2827"/>
                    </a:lnTo>
                    <a:lnTo>
                      <a:pt x="3913" y="2804"/>
                    </a:lnTo>
                    <a:lnTo>
                      <a:pt x="3913" y="2742"/>
                    </a:lnTo>
                    <a:lnTo>
                      <a:pt x="3913" y="2645"/>
                    </a:lnTo>
                    <a:lnTo>
                      <a:pt x="3913" y="2518"/>
                    </a:lnTo>
                    <a:lnTo>
                      <a:pt x="3913" y="2367"/>
                    </a:lnTo>
                    <a:lnTo>
                      <a:pt x="3913" y="2200"/>
                    </a:lnTo>
                    <a:lnTo>
                      <a:pt x="3913" y="2019"/>
                    </a:lnTo>
                    <a:lnTo>
                      <a:pt x="3913" y="1831"/>
                    </a:lnTo>
                    <a:lnTo>
                      <a:pt x="3913" y="1643"/>
                    </a:lnTo>
                    <a:lnTo>
                      <a:pt x="3913" y="1459"/>
                    </a:lnTo>
                    <a:lnTo>
                      <a:pt x="3913" y="1287"/>
                    </a:lnTo>
                    <a:lnTo>
                      <a:pt x="3913" y="1129"/>
                    </a:lnTo>
                    <a:lnTo>
                      <a:pt x="3913" y="993"/>
                    </a:lnTo>
                    <a:lnTo>
                      <a:pt x="3913" y="885"/>
                    </a:lnTo>
                    <a:lnTo>
                      <a:pt x="3913" y="809"/>
                    </a:lnTo>
                    <a:lnTo>
                      <a:pt x="3913" y="772"/>
                    </a:lnTo>
                    <a:lnTo>
                      <a:pt x="3913" y="733"/>
                    </a:lnTo>
                    <a:lnTo>
                      <a:pt x="3911" y="684"/>
                    </a:lnTo>
                    <a:lnTo>
                      <a:pt x="3908" y="656"/>
                    </a:lnTo>
                    <a:lnTo>
                      <a:pt x="3905" y="625"/>
                    </a:lnTo>
                    <a:lnTo>
                      <a:pt x="3901" y="593"/>
                    </a:lnTo>
                    <a:lnTo>
                      <a:pt x="3894" y="559"/>
                    </a:lnTo>
                    <a:lnTo>
                      <a:pt x="3887" y="523"/>
                    </a:lnTo>
                    <a:lnTo>
                      <a:pt x="3877" y="487"/>
                    </a:lnTo>
                    <a:lnTo>
                      <a:pt x="3871" y="469"/>
                    </a:lnTo>
                    <a:lnTo>
                      <a:pt x="3865" y="450"/>
                    </a:lnTo>
                    <a:lnTo>
                      <a:pt x="3857" y="430"/>
                    </a:lnTo>
                    <a:lnTo>
                      <a:pt x="3849" y="411"/>
                    </a:lnTo>
                    <a:lnTo>
                      <a:pt x="3841" y="393"/>
                    </a:lnTo>
                    <a:lnTo>
                      <a:pt x="3832" y="373"/>
                    </a:lnTo>
                    <a:lnTo>
                      <a:pt x="3823" y="354"/>
                    </a:lnTo>
                    <a:lnTo>
                      <a:pt x="3813" y="335"/>
                    </a:lnTo>
                    <a:lnTo>
                      <a:pt x="3801" y="315"/>
                    </a:lnTo>
                    <a:lnTo>
                      <a:pt x="3790" y="296"/>
                    </a:lnTo>
                    <a:lnTo>
                      <a:pt x="3777" y="277"/>
                    </a:lnTo>
                    <a:lnTo>
                      <a:pt x="3764" y="258"/>
                    </a:lnTo>
                    <a:lnTo>
                      <a:pt x="3749" y="239"/>
                    </a:lnTo>
                    <a:lnTo>
                      <a:pt x="3733" y="221"/>
                    </a:lnTo>
                    <a:lnTo>
                      <a:pt x="3716" y="204"/>
                    </a:lnTo>
                    <a:lnTo>
                      <a:pt x="3699" y="188"/>
                    </a:lnTo>
                    <a:lnTo>
                      <a:pt x="3682" y="173"/>
                    </a:lnTo>
                    <a:lnTo>
                      <a:pt x="3663" y="159"/>
                    </a:lnTo>
                    <a:lnTo>
                      <a:pt x="3645" y="145"/>
                    </a:lnTo>
                    <a:lnTo>
                      <a:pt x="3626" y="132"/>
                    </a:lnTo>
                    <a:lnTo>
                      <a:pt x="3605" y="119"/>
                    </a:lnTo>
                    <a:lnTo>
                      <a:pt x="3585" y="108"/>
                    </a:lnTo>
                    <a:lnTo>
                      <a:pt x="3565" y="97"/>
                    </a:lnTo>
                    <a:lnTo>
                      <a:pt x="3546" y="87"/>
                    </a:lnTo>
                    <a:lnTo>
                      <a:pt x="3505" y="69"/>
                    </a:lnTo>
                    <a:lnTo>
                      <a:pt x="3467" y="53"/>
                    </a:lnTo>
                    <a:lnTo>
                      <a:pt x="3430" y="40"/>
                    </a:lnTo>
                    <a:lnTo>
                      <a:pt x="3396" y="29"/>
                    </a:lnTo>
                    <a:lnTo>
                      <a:pt x="3364" y="19"/>
                    </a:lnTo>
                    <a:lnTo>
                      <a:pt x="3337" y="12"/>
                    </a:lnTo>
                    <a:lnTo>
                      <a:pt x="3298" y="3"/>
                    </a:lnTo>
                    <a:lnTo>
                      <a:pt x="3284" y="0"/>
                    </a:lnTo>
                    <a:lnTo>
                      <a:pt x="2790" y="0"/>
                    </a:lnTo>
                    <a:lnTo>
                      <a:pt x="1956" y="129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76" name="Freeform 23"/>
              <p:cNvSpPr>
                <a:spLocks/>
              </p:cNvSpPr>
              <p:nvPr/>
            </p:nvSpPr>
            <p:spPr bwMode="auto">
              <a:xfrm>
                <a:off x="-857266" y="-196421"/>
                <a:ext cx="9466" cy="7888"/>
              </a:xfrm>
              <a:custGeom>
                <a:avLst/>
                <a:gdLst/>
                <a:ahLst/>
                <a:cxnLst>
                  <a:cxn ang="0">
                    <a:pos x="84" y="148"/>
                  </a:cxn>
                  <a:cxn ang="0">
                    <a:pos x="127" y="74"/>
                  </a:cxn>
                  <a:cxn ang="0">
                    <a:pos x="169" y="0"/>
                  </a:cxn>
                  <a:cxn ang="0">
                    <a:pos x="84" y="0"/>
                  </a:cxn>
                  <a:cxn ang="0">
                    <a:pos x="0" y="0"/>
                  </a:cxn>
                  <a:cxn ang="0">
                    <a:pos x="42" y="74"/>
                  </a:cxn>
                  <a:cxn ang="0">
                    <a:pos x="84" y="148"/>
                  </a:cxn>
                </a:cxnLst>
                <a:rect l="0" t="0" r="r" b="b"/>
                <a:pathLst>
                  <a:path w="169" h="148">
                    <a:moveTo>
                      <a:pt x="84" y="148"/>
                    </a:moveTo>
                    <a:lnTo>
                      <a:pt x="127" y="74"/>
                    </a:lnTo>
                    <a:lnTo>
                      <a:pt x="169" y="0"/>
                    </a:lnTo>
                    <a:lnTo>
                      <a:pt x="84" y="0"/>
                    </a:lnTo>
                    <a:lnTo>
                      <a:pt x="0" y="0"/>
                    </a:lnTo>
                    <a:lnTo>
                      <a:pt x="42" y="74"/>
                    </a:lnTo>
                    <a:lnTo>
                      <a:pt x="84" y="14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77" name="Freeform 24"/>
              <p:cNvSpPr>
                <a:spLocks/>
              </p:cNvSpPr>
              <p:nvPr/>
            </p:nvSpPr>
            <p:spPr bwMode="auto">
              <a:xfrm>
                <a:off x="-863577" y="-190899"/>
                <a:ext cx="22087" cy="54430"/>
              </a:xfrm>
              <a:custGeom>
                <a:avLst/>
                <a:gdLst/>
                <a:ahLst/>
                <a:cxnLst>
                  <a:cxn ang="0">
                    <a:pos x="196" y="0"/>
                  </a:cxn>
                  <a:cxn ang="0">
                    <a:pos x="295" y="358"/>
                  </a:cxn>
                  <a:cxn ang="0">
                    <a:pos x="388" y="697"/>
                  </a:cxn>
                  <a:cxn ang="0">
                    <a:pos x="393" y="697"/>
                  </a:cxn>
                  <a:cxn ang="0">
                    <a:pos x="389" y="702"/>
                  </a:cxn>
                  <a:cxn ang="0">
                    <a:pos x="393" y="716"/>
                  </a:cxn>
                  <a:cxn ang="0">
                    <a:pos x="379" y="716"/>
                  </a:cxn>
                  <a:cxn ang="0">
                    <a:pos x="295" y="830"/>
                  </a:cxn>
                  <a:cxn ang="0">
                    <a:pos x="196" y="963"/>
                  </a:cxn>
                  <a:cxn ang="0">
                    <a:pos x="97" y="830"/>
                  </a:cxn>
                  <a:cxn ang="0">
                    <a:pos x="14" y="716"/>
                  </a:cxn>
                  <a:cxn ang="0">
                    <a:pos x="0" y="716"/>
                  </a:cxn>
                  <a:cxn ang="0">
                    <a:pos x="3" y="702"/>
                  </a:cxn>
                  <a:cxn ang="0">
                    <a:pos x="0" y="697"/>
                  </a:cxn>
                  <a:cxn ang="0">
                    <a:pos x="5" y="697"/>
                  </a:cxn>
                  <a:cxn ang="0">
                    <a:pos x="97" y="358"/>
                  </a:cxn>
                  <a:cxn ang="0">
                    <a:pos x="196" y="0"/>
                  </a:cxn>
                </a:cxnLst>
                <a:rect l="0" t="0" r="r" b="b"/>
                <a:pathLst>
                  <a:path w="393" h="963">
                    <a:moveTo>
                      <a:pt x="196" y="0"/>
                    </a:moveTo>
                    <a:lnTo>
                      <a:pt x="295" y="358"/>
                    </a:lnTo>
                    <a:lnTo>
                      <a:pt x="388" y="697"/>
                    </a:lnTo>
                    <a:lnTo>
                      <a:pt x="393" y="697"/>
                    </a:lnTo>
                    <a:lnTo>
                      <a:pt x="389" y="702"/>
                    </a:lnTo>
                    <a:lnTo>
                      <a:pt x="393" y="716"/>
                    </a:lnTo>
                    <a:lnTo>
                      <a:pt x="379" y="716"/>
                    </a:lnTo>
                    <a:lnTo>
                      <a:pt x="295" y="830"/>
                    </a:lnTo>
                    <a:lnTo>
                      <a:pt x="196" y="963"/>
                    </a:lnTo>
                    <a:lnTo>
                      <a:pt x="97" y="830"/>
                    </a:lnTo>
                    <a:lnTo>
                      <a:pt x="14" y="716"/>
                    </a:lnTo>
                    <a:lnTo>
                      <a:pt x="0" y="716"/>
                    </a:lnTo>
                    <a:lnTo>
                      <a:pt x="3" y="702"/>
                    </a:lnTo>
                    <a:lnTo>
                      <a:pt x="0" y="697"/>
                    </a:lnTo>
                    <a:lnTo>
                      <a:pt x="5" y="697"/>
                    </a:lnTo>
                    <a:lnTo>
                      <a:pt x="97" y="358"/>
                    </a:lnTo>
                    <a:lnTo>
                      <a:pt x="196"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78" name="Freeform 25"/>
              <p:cNvSpPr>
                <a:spLocks/>
              </p:cNvSpPr>
              <p:nvPr/>
            </p:nvSpPr>
            <p:spPr bwMode="auto">
              <a:xfrm>
                <a:off x="-685300" y="-332889"/>
                <a:ext cx="119903" cy="120692"/>
              </a:xfrm>
              <a:custGeom>
                <a:avLst/>
                <a:gdLst/>
                <a:ahLst/>
                <a:cxnLst>
                  <a:cxn ang="0">
                    <a:pos x="1175" y="2128"/>
                  </a:cxn>
                  <a:cxn ang="0">
                    <a:pos x="1331" y="2100"/>
                  </a:cxn>
                  <a:cxn ang="0">
                    <a:pos x="1479" y="2050"/>
                  </a:cxn>
                  <a:cxn ang="0">
                    <a:pos x="1617" y="1979"/>
                  </a:cxn>
                  <a:cxn ang="0">
                    <a:pos x="1742" y="1889"/>
                  </a:cxn>
                  <a:cxn ang="0">
                    <a:pos x="1853" y="1783"/>
                  </a:cxn>
                  <a:cxn ang="0">
                    <a:pos x="1948" y="1662"/>
                  </a:cxn>
                  <a:cxn ang="0">
                    <a:pos x="2026" y="1529"/>
                  </a:cxn>
                  <a:cxn ang="0">
                    <a:pos x="2083" y="1383"/>
                  </a:cxn>
                  <a:cxn ang="0">
                    <a:pos x="2119" y="1229"/>
                  </a:cxn>
                  <a:cxn ang="0">
                    <a:pos x="2131" y="1066"/>
                  </a:cxn>
                  <a:cxn ang="0">
                    <a:pos x="2119" y="905"/>
                  </a:cxn>
                  <a:cxn ang="0">
                    <a:pos x="2083" y="750"/>
                  </a:cxn>
                  <a:cxn ang="0">
                    <a:pos x="2026" y="605"/>
                  </a:cxn>
                  <a:cxn ang="0">
                    <a:pos x="1948" y="471"/>
                  </a:cxn>
                  <a:cxn ang="0">
                    <a:pos x="1853" y="350"/>
                  </a:cxn>
                  <a:cxn ang="0">
                    <a:pos x="1742" y="244"/>
                  </a:cxn>
                  <a:cxn ang="0">
                    <a:pos x="1617" y="154"/>
                  </a:cxn>
                  <a:cxn ang="0">
                    <a:pos x="1479" y="84"/>
                  </a:cxn>
                  <a:cxn ang="0">
                    <a:pos x="1331" y="33"/>
                  </a:cxn>
                  <a:cxn ang="0">
                    <a:pos x="1175" y="5"/>
                  </a:cxn>
                  <a:cxn ang="0">
                    <a:pos x="1011" y="1"/>
                  </a:cxn>
                  <a:cxn ang="0">
                    <a:pos x="851" y="21"/>
                  </a:cxn>
                  <a:cxn ang="0">
                    <a:pos x="700" y="65"/>
                  </a:cxn>
                  <a:cxn ang="0">
                    <a:pos x="558" y="129"/>
                  </a:cxn>
                  <a:cxn ang="0">
                    <a:pos x="428" y="212"/>
                  </a:cxn>
                  <a:cxn ang="0">
                    <a:pos x="312" y="313"/>
                  </a:cxn>
                  <a:cxn ang="0">
                    <a:pos x="212" y="429"/>
                  </a:cxn>
                  <a:cxn ang="0">
                    <a:pos x="129" y="558"/>
                  </a:cxn>
                  <a:cxn ang="0">
                    <a:pos x="65" y="701"/>
                  </a:cxn>
                  <a:cxn ang="0">
                    <a:pos x="22" y="852"/>
                  </a:cxn>
                  <a:cxn ang="0">
                    <a:pos x="2" y="1012"/>
                  </a:cxn>
                  <a:cxn ang="0">
                    <a:pos x="6" y="1175"/>
                  </a:cxn>
                  <a:cxn ang="0">
                    <a:pos x="34" y="1333"/>
                  </a:cxn>
                  <a:cxn ang="0">
                    <a:pos x="84" y="1481"/>
                  </a:cxn>
                  <a:cxn ang="0">
                    <a:pos x="155" y="1620"/>
                  </a:cxn>
                  <a:cxn ang="0">
                    <a:pos x="244" y="1745"/>
                  </a:cxn>
                  <a:cxn ang="0">
                    <a:pos x="350" y="1856"/>
                  </a:cxn>
                  <a:cxn ang="0">
                    <a:pos x="471" y="1951"/>
                  </a:cxn>
                  <a:cxn ang="0">
                    <a:pos x="604" y="2028"/>
                  </a:cxn>
                  <a:cxn ang="0">
                    <a:pos x="749" y="2085"/>
                  </a:cxn>
                  <a:cxn ang="0">
                    <a:pos x="903" y="2121"/>
                  </a:cxn>
                  <a:cxn ang="0">
                    <a:pos x="1066" y="2134"/>
                  </a:cxn>
                </a:cxnLst>
                <a:rect l="0" t="0" r="r" b="b"/>
                <a:pathLst>
                  <a:path w="2131" h="2134">
                    <a:moveTo>
                      <a:pt x="1066" y="2134"/>
                    </a:moveTo>
                    <a:lnTo>
                      <a:pt x="1120" y="2133"/>
                    </a:lnTo>
                    <a:lnTo>
                      <a:pt x="1175" y="2128"/>
                    </a:lnTo>
                    <a:lnTo>
                      <a:pt x="1227" y="2121"/>
                    </a:lnTo>
                    <a:lnTo>
                      <a:pt x="1279" y="2111"/>
                    </a:lnTo>
                    <a:lnTo>
                      <a:pt x="1331" y="2100"/>
                    </a:lnTo>
                    <a:lnTo>
                      <a:pt x="1381" y="2085"/>
                    </a:lnTo>
                    <a:lnTo>
                      <a:pt x="1431" y="2069"/>
                    </a:lnTo>
                    <a:lnTo>
                      <a:pt x="1479" y="2050"/>
                    </a:lnTo>
                    <a:lnTo>
                      <a:pt x="1527" y="2028"/>
                    </a:lnTo>
                    <a:lnTo>
                      <a:pt x="1573" y="2004"/>
                    </a:lnTo>
                    <a:lnTo>
                      <a:pt x="1617" y="1979"/>
                    </a:lnTo>
                    <a:lnTo>
                      <a:pt x="1661" y="1951"/>
                    </a:lnTo>
                    <a:lnTo>
                      <a:pt x="1702" y="1922"/>
                    </a:lnTo>
                    <a:lnTo>
                      <a:pt x="1742" y="1889"/>
                    </a:lnTo>
                    <a:lnTo>
                      <a:pt x="1782" y="1856"/>
                    </a:lnTo>
                    <a:lnTo>
                      <a:pt x="1818" y="1821"/>
                    </a:lnTo>
                    <a:lnTo>
                      <a:pt x="1853" y="1783"/>
                    </a:lnTo>
                    <a:lnTo>
                      <a:pt x="1887" y="1745"/>
                    </a:lnTo>
                    <a:lnTo>
                      <a:pt x="1919" y="1704"/>
                    </a:lnTo>
                    <a:lnTo>
                      <a:pt x="1948" y="1662"/>
                    </a:lnTo>
                    <a:lnTo>
                      <a:pt x="1976" y="1620"/>
                    </a:lnTo>
                    <a:lnTo>
                      <a:pt x="2002" y="1574"/>
                    </a:lnTo>
                    <a:lnTo>
                      <a:pt x="2026" y="1529"/>
                    </a:lnTo>
                    <a:lnTo>
                      <a:pt x="2047" y="1481"/>
                    </a:lnTo>
                    <a:lnTo>
                      <a:pt x="2066" y="1433"/>
                    </a:lnTo>
                    <a:lnTo>
                      <a:pt x="2083" y="1383"/>
                    </a:lnTo>
                    <a:lnTo>
                      <a:pt x="2097" y="1333"/>
                    </a:lnTo>
                    <a:lnTo>
                      <a:pt x="2110" y="1281"/>
                    </a:lnTo>
                    <a:lnTo>
                      <a:pt x="2119" y="1229"/>
                    </a:lnTo>
                    <a:lnTo>
                      <a:pt x="2126" y="1175"/>
                    </a:lnTo>
                    <a:lnTo>
                      <a:pt x="2130" y="1122"/>
                    </a:lnTo>
                    <a:lnTo>
                      <a:pt x="2131" y="1066"/>
                    </a:lnTo>
                    <a:lnTo>
                      <a:pt x="2130" y="1012"/>
                    </a:lnTo>
                    <a:lnTo>
                      <a:pt x="2126" y="958"/>
                    </a:lnTo>
                    <a:lnTo>
                      <a:pt x="2119" y="905"/>
                    </a:lnTo>
                    <a:lnTo>
                      <a:pt x="2110" y="852"/>
                    </a:lnTo>
                    <a:lnTo>
                      <a:pt x="2097" y="801"/>
                    </a:lnTo>
                    <a:lnTo>
                      <a:pt x="2083" y="750"/>
                    </a:lnTo>
                    <a:lnTo>
                      <a:pt x="2066" y="701"/>
                    </a:lnTo>
                    <a:lnTo>
                      <a:pt x="2047" y="652"/>
                    </a:lnTo>
                    <a:lnTo>
                      <a:pt x="2026" y="605"/>
                    </a:lnTo>
                    <a:lnTo>
                      <a:pt x="2002" y="558"/>
                    </a:lnTo>
                    <a:lnTo>
                      <a:pt x="1976" y="514"/>
                    </a:lnTo>
                    <a:lnTo>
                      <a:pt x="1948" y="471"/>
                    </a:lnTo>
                    <a:lnTo>
                      <a:pt x="1919" y="429"/>
                    </a:lnTo>
                    <a:lnTo>
                      <a:pt x="1887" y="389"/>
                    </a:lnTo>
                    <a:lnTo>
                      <a:pt x="1853" y="350"/>
                    </a:lnTo>
                    <a:lnTo>
                      <a:pt x="1818" y="313"/>
                    </a:lnTo>
                    <a:lnTo>
                      <a:pt x="1782" y="278"/>
                    </a:lnTo>
                    <a:lnTo>
                      <a:pt x="1742" y="244"/>
                    </a:lnTo>
                    <a:lnTo>
                      <a:pt x="1702" y="212"/>
                    </a:lnTo>
                    <a:lnTo>
                      <a:pt x="1661" y="183"/>
                    </a:lnTo>
                    <a:lnTo>
                      <a:pt x="1617" y="154"/>
                    </a:lnTo>
                    <a:lnTo>
                      <a:pt x="1573" y="129"/>
                    </a:lnTo>
                    <a:lnTo>
                      <a:pt x="1527" y="105"/>
                    </a:lnTo>
                    <a:lnTo>
                      <a:pt x="1479" y="84"/>
                    </a:lnTo>
                    <a:lnTo>
                      <a:pt x="1431" y="65"/>
                    </a:lnTo>
                    <a:lnTo>
                      <a:pt x="1381" y="47"/>
                    </a:lnTo>
                    <a:lnTo>
                      <a:pt x="1331" y="33"/>
                    </a:lnTo>
                    <a:lnTo>
                      <a:pt x="1279" y="21"/>
                    </a:lnTo>
                    <a:lnTo>
                      <a:pt x="1227" y="12"/>
                    </a:lnTo>
                    <a:lnTo>
                      <a:pt x="1175" y="5"/>
                    </a:lnTo>
                    <a:lnTo>
                      <a:pt x="1120" y="1"/>
                    </a:lnTo>
                    <a:lnTo>
                      <a:pt x="1066" y="0"/>
                    </a:lnTo>
                    <a:lnTo>
                      <a:pt x="1011" y="1"/>
                    </a:lnTo>
                    <a:lnTo>
                      <a:pt x="957" y="5"/>
                    </a:lnTo>
                    <a:lnTo>
                      <a:pt x="903" y="12"/>
                    </a:lnTo>
                    <a:lnTo>
                      <a:pt x="851" y="21"/>
                    </a:lnTo>
                    <a:lnTo>
                      <a:pt x="799" y="33"/>
                    </a:lnTo>
                    <a:lnTo>
                      <a:pt x="749" y="47"/>
                    </a:lnTo>
                    <a:lnTo>
                      <a:pt x="700" y="65"/>
                    </a:lnTo>
                    <a:lnTo>
                      <a:pt x="651" y="84"/>
                    </a:lnTo>
                    <a:lnTo>
                      <a:pt x="604" y="105"/>
                    </a:lnTo>
                    <a:lnTo>
                      <a:pt x="558" y="129"/>
                    </a:lnTo>
                    <a:lnTo>
                      <a:pt x="514" y="154"/>
                    </a:lnTo>
                    <a:lnTo>
                      <a:pt x="471" y="183"/>
                    </a:lnTo>
                    <a:lnTo>
                      <a:pt x="428" y="212"/>
                    </a:lnTo>
                    <a:lnTo>
                      <a:pt x="388" y="244"/>
                    </a:lnTo>
                    <a:lnTo>
                      <a:pt x="350" y="278"/>
                    </a:lnTo>
                    <a:lnTo>
                      <a:pt x="312" y="313"/>
                    </a:lnTo>
                    <a:lnTo>
                      <a:pt x="277" y="350"/>
                    </a:lnTo>
                    <a:lnTo>
                      <a:pt x="244" y="389"/>
                    </a:lnTo>
                    <a:lnTo>
                      <a:pt x="212" y="429"/>
                    </a:lnTo>
                    <a:lnTo>
                      <a:pt x="182" y="471"/>
                    </a:lnTo>
                    <a:lnTo>
                      <a:pt x="155" y="514"/>
                    </a:lnTo>
                    <a:lnTo>
                      <a:pt x="129" y="558"/>
                    </a:lnTo>
                    <a:lnTo>
                      <a:pt x="106" y="605"/>
                    </a:lnTo>
                    <a:lnTo>
                      <a:pt x="84" y="652"/>
                    </a:lnTo>
                    <a:lnTo>
                      <a:pt x="65" y="701"/>
                    </a:lnTo>
                    <a:lnTo>
                      <a:pt x="48" y="750"/>
                    </a:lnTo>
                    <a:lnTo>
                      <a:pt x="34" y="801"/>
                    </a:lnTo>
                    <a:lnTo>
                      <a:pt x="22" y="852"/>
                    </a:lnTo>
                    <a:lnTo>
                      <a:pt x="12" y="905"/>
                    </a:lnTo>
                    <a:lnTo>
                      <a:pt x="6" y="958"/>
                    </a:lnTo>
                    <a:lnTo>
                      <a:pt x="2" y="1012"/>
                    </a:lnTo>
                    <a:lnTo>
                      <a:pt x="0" y="1066"/>
                    </a:lnTo>
                    <a:lnTo>
                      <a:pt x="2" y="1122"/>
                    </a:lnTo>
                    <a:lnTo>
                      <a:pt x="6" y="1175"/>
                    </a:lnTo>
                    <a:lnTo>
                      <a:pt x="12" y="1229"/>
                    </a:lnTo>
                    <a:lnTo>
                      <a:pt x="22" y="1281"/>
                    </a:lnTo>
                    <a:lnTo>
                      <a:pt x="34" y="1333"/>
                    </a:lnTo>
                    <a:lnTo>
                      <a:pt x="48" y="1383"/>
                    </a:lnTo>
                    <a:lnTo>
                      <a:pt x="65" y="1433"/>
                    </a:lnTo>
                    <a:lnTo>
                      <a:pt x="84" y="1481"/>
                    </a:lnTo>
                    <a:lnTo>
                      <a:pt x="106" y="1529"/>
                    </a:lnTo>
                    <a:lnTo>
                      <a:pt x="129" y="1574"/>
                    </a:lnTo>
                    <a:lnTo>
                      <a:pt x="155" y="1620"/>
                    </a:lnTo>
                    <a:lnTo>
                      <a:pt x="182" y="1662"/>
                    </a:lnTo>
                    <a:lnTo>
                      <a:pt x="212" y="1704"/>
                    </a:lnTo>
                    <a:lnTo>
                      <a:pt x="244" y="1745"/>
                    </a:lnTo>
                    <a:lnTo>
                      <a:pt x="277" y="1783"/>
                    </a:lnTo>
                    <a:lnTo>
                      <a:pt x="312" y="1821"/>
                    </a:lnTo>
                    <a:lnTo>
                      <a:pt x="350" y="1856"/>
                    </a:lnTo>
                    <a:lnTo>
                      <a:pt x="388" y="1889"/>
                    </a:lnTo>
                    <a:lnTo>
                      <a:pt x="428" y="1922"/>
                    </a:lnTo>
                    <a:lnTo>
                      <a:pt x="471" y="1951"/>
                    </a:lnTo>
                    <a:lnTo>
                      <a:pt x="514" y="1979"/>
                    </a:lnTo>
                    <a:lnTo>
                      <a:pt x="558" y="2004"/>
                    </a:lnTo>
                    <a:lnTo>
                      <a:pt x="604" y="2028"/>
                    </a:lnTo>
                    <a:lnTo>
                      <a:pt x="651" y="2050"/>
                    </a:lnTo>
                    <a:lnTo>
                      <a:pt x="700" y="2069"/>
                    </a:lnTo>
                    <a:lnTo>
                      <a:pt x="749" y="2085"/>
                    </a:lnTo>
                    <a:lnTo>
                      <a:pt x="799" y="2100"/>
                    </a:lnTo>
                    <a:lnTo>
                      <a:pt x="851" y="2111"/>
                    </a:lnTo>
                    <a:lnTo>
                      <a:pt x="903" y="2121"/>
                    </a:lnTo>
                    <a:lnTo>
                      <a:pt x="957" y="2128"/>
                    </a:lnTo>
                    <a:lnTo>
                      <a:pt x="1011" y="2133"/>
                    </a:lnTo>
                    <a:lnTo>
                      <a:pt x="1066" y="213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79" name="Freeform 26"/>
              <p:cNvSpPr>
                <a:spLocks/>
              </p:cNvSpPr>
              <p:nvPr/>
            </p:nvSpPr>
            <p:spPr bwMode="auto">
              <a:xfrm>
                <a:off x="-734996" y="-196421"/>
                <a:ext cx="220085" cy="159345"/>
              </a:xfrm>
              <a:custGeom>
                <a:avLst/>
                <a:gdLst/>
                <a:ahLst/>
                <a:cxnLst>
                  <a:cxn ang="0">
                    <a:pos x="1123" y="0"/>
                  </a:cxn>
                  <a:cxn ang="0">
                    <a:pos x="615" y="3"/>
                  </a:cxn>
                  <a:cxn ang="0">
                    <a:pos x="549" y="19"/>
                  </a:cxn>
                  <a:cxn ang="0">
                    <a:pos x="483" y="40"/>
                  </a:cxn>
                  <a:cxn ang="0">
                    <a:pos x="408" y="69"/>
                  </a:cxn>
                  <a:cxn ang="0">
                    <a:pos x="347" y="97"/>
                  </a:cxn>
                  <a:cxn ang="0">
                    <a:pos x="308" y="119"/>
                  </a:cxn>
                  <a:cxn ang="0">
                    <a:pos x="268" y="145"/>
                  </a:cxn>
                  <a:cxn ang="0">
                    <a:pos x="231" y="173"/>
                  </a:cxn>
                  <a:cxn ang="0">
                    <a:pos x="196" y="204"/>
                  </a:cxn>
                  <a:cxn ang="0">
                    <a:pos x="164" y="239"/>
                  </a:cxn>
                  <a:cxn ang="0">
                    <a:pos x="136" y="277"/>
                  </a:cxn>
                  <a:cxn ang="0">
                    <a:pos x="111" y="315"/>
                  </a:cxn>
                  <a:cxn ang="0">
                    <a:pos x="90" y="354"/>
                  </a:cxn>
                  <a:cxn ang="0">
                    <a:pos x="72" y="393"/>
                  </a:cxn>
                  <a:cxn ang="0">
                    <a:pos x="56" y="430"/>
                  </a:cxn>
                  <a:cxn ang="0">
                    <a:pos x="42" y="469"/>
                  </a:cxn>
                  <a:cxn ang="0">
                    <a:pos x="26" y="523"/>
                  </a:cxn>
                  <a:cxn ang="0">
                    <a:pos x="12" y="593"/>
                  </a:cxn>
                  <a:cxn ang="0">
                    <a:pos x="5" y="656"/>
                  </a:cxn>
                  <a:cxn ang="0">
                    <a:pos x="0" y="733"/>
                  </a:cxn>
                  <a:cxn ang="0">
                    <a:pos x="0" y="809"/>
                  </a:cxn>
                  <a:cxn ang="0">
                    <a:pos x="0" y="993"/>
                  </a:cxn>
                  <a:cxn ang="0">
                    <a:pos x="0" y="1287"/>
                  </a:cxn>
                  <a:cxn ang="0">
                    <a:pos x="0" y="1643"/>
                  </a:cxn>
                  <a:cxn ang="0">
                    <a:pos x="0" y="2019"/>
                  </a:cxn>
                  <a:cxn ang="0">
                    <a:pos x="0" y="2367"/>
                  </a:cxn>
                  <a:cxn ang="0">
                    <a:pos x="0" y="2645"/>
                  </a:cxn>
                  <a:cxn ang="0">
                    <a:pos x="0" y="2804"/>
                  </a:cxn>
                  <a:cxn ang="0">
                    <a:pos x="1893" y="2827"/>
                  </a:cxn>
                  <a:cxn ang="0">
                    <a:pos x="3913" y="2827"/>
                  </a:cxn>
                  <a:cxn ang="0">
                    <a:pos x="3913" y="2742"/>
                  </a:cxn>
                  <a:cxn ang="0">
                    <a:pos x="3913" y="2518"/>
                  </a:cxn>
                  <a:cxn ang="0">
                    <a:pos x="3913" y="2200"/>
                  </a:cxn>
                  <a:cxn ang="0">
                    <a:pos x="3913" y="1831"/>
                  </a:cxn>
                  <a:cxn ang="0">
                    <a:pos x="3913" y="1459"/>
                  </a:cxn>
                  <a:cxn ang="0">
                    <a:pos x="3913" y="1129"/>
                  </a:cxn>
                  <a:cxn ang="0">
                    <a:pos x="3913" y="885"/>
                  </a:cxn>
                  <a:cxn ang="0">
                    <a:pos x="3913" y="772"/>
                  </a:cxn>
                  <a:cxn ang="0">
                    <a:pos x="3911" y="684"/>
                  </a:cxn>
                  <a:cxn ang="0">
                    <a:pos x="3905" y="625"/>
                  </a:cxn>
                  <a:cxn ang="0">
                    <a:pos x="3895" y="559"/>
                  </a:cxn>
                  <a:cxn ang="0">
                    <a:pos x="3877" y="487"/>
                  </a:cxn>
                  <a:cxn ang="0">
                    <a:pos x="3865" y="450"/>
                  </a:cxn>
                  <a:cxn ang="0">
                    <a:pos x="3851" y="411"/>
                  </a:cxn>
                  <a:cxn ang="0">
                    <a:pos x="3834" y="373"/>
                  </a:cxn>
                  <a:cxn ang="0">
                    <a:pos x="3814" y="335"/>
                  </a:cxn>
                  <a:cxn ang="0">
                    <a:pos x="3790" y="296"/>
                  </a:cxn>
                  <a:cxn ang="0">
                    <a:pos x="3764" y="258"/>
                  </a:cxn>
                  <a:cxn ang="0">
                    <a:pos x="3734" y="221"/>
                  </a:cxn>
                  <a:cxn ang="0">
                    <a:pos x="3701" y="188"/>
                  </a:cxn>
                  <a:cxn ang="0">
                    <a:pos x="3664" y="159"/>
                  </a:cxn>
                  <a:cxn ang="0">
                    <a:pos x="3626" y="132"/>
                  </a:cxn>
                  <a:cxn ang="0">
                    <a:pos x="3587" y="108"/>
                  </a:cxn>
                  <a:cxn ang="0">
                    <a:pos x="3546" y="87"/>
                  </a:cxn>
                  <a:cxn ang="0">
                    <a:pos x="3468" y="53"/>
                  </a:cxn>
                  <a:cxn ang="0">
                    <a:pos x="3396" y="29"/>
                  </a:cxn>
                  <a:cxn ang="0">
                    <a:pos x="3337" y="12"/>
                  </a:cxn>
                  <a:cxn ang="0">
                    <a:pos x="3284" y="0"/>
                  </a:cxn>
                  <a:cxn ang="0">
                    <a:pos x="1957" y="1290"/>
                  </a:cxn>
                </a:cxnLst>
                <a:rect l="0" t="0" r="r" b="b"/>
                <a:pathLst>
                  <a:path w="3913" h="2827">
                    <a:moveTo>
                      <a:pt x="1957" y="1290"/>
                    </a:moveTo>
                    <a:lnTo>
                      <a:pt x="1123" y="0"/>
                    </a:lnTo>
                    <a:lnTo>
                      <a:pt x="630" y="0"/>
                    </a:lnTo>
                    <a:lnTo>
                      <a:pt x="615" y="3"/>
                    </a:lnTo>
                    <a:lnTo>
                      <a:pt x="576" y="12"/>
                    </a:lnTo>
                    <a:lnTo>
                      <a:pt x="549" y="19"/>
                    </a:lnTo>
                    <a:lnTo>
                      <a:pt x="517" y="29"/>
                    </a:lnTo>
                    <a:lnTo>
                      <a:pt x="483" y="40"/>
                    </a:lnTo>
                    <a:lnTo>
                      <a:pt x="446" y="53"/>
                    </a:lnTo>
                    <a:lnTo>
                      <a:pt x="408" y="69"/>
                    </a:lnTo>
                    <a:lnTo>
                      <a:pt x="367" y="87"/>
                    </a:lnTo>
                    <a:lnTo>
                      <a:pt x="347" y="97"/>
                    </a:lnTo>
                    <a:lnTo>
                      <a:pt x="328" y="108"/>
                    </a:lnTo>
                    <a:lnTo>
                      <a:pt x="308" y="119"/>
                    </a:lnTo>
                    <a:lnTo>
                      <a:pt x="287" y="132"/>
                    </a:lnTo>
                    <a:lnTo>
                      <a:pt x="268" y="145"/>
                    </a:lnTo>
                    <a:lnTo>
                      <a:pt x="249" y="159"/>
                    </a:lnTo>
                    <a:lnTo>
                      <a:pt x="231" y="173"/>
                    </a:lnTo>
                    <a:lnTo>
                      <a:pt x="213" y="188"/>
                    </a:lnTo>
                    <a:lnTo>
                      <a:pt x="196" y="204"/>
                    </a:lnTo>
                    <a:lnTo>
                      <a:pt x="180" y="221"/>
                    </a:lnTo>
                    <a:lnTo>
                      <a:pt x="164" y="239"/>
                    </a:lnTo>
                    <a:lnTo>
                      <a:pt x="149" y="258"/>
                    </a:lnTo>
                    <a:lnTo>
                      <a:pt x="136" y="277"/>
                    </a:lnTo>
                    <a:lnTo>
                      <a:pt x="123" y="296"/>
                    </a:lnTo>
                    <a:lnTo>
                      <a:pt x="111" y="315"/>
                    </a:lnTo>
                    <a:lnTo>
                      <a:pt x="100" y="335"/>
                    </a:lnTo>
                    <a:lnTo>
                      <a:pt x="90" y="354"/>
                    </a:lnTo>
                    <a:lnTo>
                      <a:pt x="81" y="373"/>
                    </a:lnTo>
                    <a:lnTo>
                      <a:pt x="72" y="393"/>
                    </a:lnTo>
                    <a:lnTo>
                      <a:pt x="64" y="411"/>
                    </a:lnTo>
                    <a:lnTo>
                      <a:pt x="56" y="430"/>
                    </a:lnTo>
                    <a:lnTo>
                      <a:pt x="48" y="450"/>
                    </a:lnTo>
                    <a:lnTo>
                      <a:pt x="42" y="469"/>
                    </a:lnTo>
                    <a:lnTo>
                      <a:pt x="36" y="487"/>
                    </a:lnTo>
                    <a:lnTo>
                      <a:pt x="26" y="523"/>
                    </a:lnTo>
                    <a:lnTo>
                      <a:pt x="19" y="559"/>
                    </a:lnTo>
                    <a:lnTo>
                      <a:pt x="12" y="593"/>
                    </a:lnTo>
                    <a:lnTo>
                      <a:pt x="8" y="625"/>
                    </a:lnTo>
                    <a:lnTo>
                      <a:pt x="5" y="656"/>
                    </a:lnTo>
                    <a:lnTo>
                      <a:pt x="2" y="684"/>
                    </a:lnTo>
                    <a:lnTo>
                      <a:pt x="0" y="733"/>
                    </a:lnTo>
                    <a:lnTo>
                      <a:pt x="0" y="772"/>
                    </a:lnTo>
                    <a:lnTo>
                      <a:pt x="0" y="809"/>
                    </a:lnTo>
                    <a:lnTo>
                      <a:pt x="0" y="885"/>
                    </a:lnTo>
                    <a:lnTo>
                      <a:pt x="0" y="993"/>
                    </a:lnTo>
                    <a:lnTo>
                      <a:pt x="0" y="1129"/>
                    </a:lnTo>
                    <a:lnTo>
                      <a:pt x="0" y="1287"/>
                    </a:lnTo>
                    <a:lnTo>
                      <a:pt x="0" y="1459"/>
                    </a:lnTo>
                    <a:lnTo>
                      <a:pt x="0" y="1643"/>
                    </a:lnTo>
                    <a:lnTo>
                      <a:pt x="0" y="1831"/>
                    </a:lnTo>
                    <a:lnTo>
                      <a:pt x="0" y="2019"/>
                    </a:lnTo>
                    <a:lnTo>
                      <a:pt x="0" y="2200"/>
                    </a:lnTo>
                    <a:lnTo>
                      <a:pt x="0" y="2367"/>
                    </a:lnTo>
                    <a:lnTo>
                      <a:pt x="0" y="2518"/>
                    </a:lnTo>
                    <a:lnTo>
                      <a:pt x="0" y="2645"/>
                    </a:lnTo>
                    <a:lnTo>
                      <a:pt x="0" y="2742"/>
                    </a:lnTo>
                    <a:lnTo>
                      <a:pt x="0" y="2804"/>
                    </a:lnTo>
                    <a:lnTo>
                      <a:pt x="0" y="2827"/>
                    </a:lnTo>
                    <a:lnTo>
                      <a:pt x="1893" y="2827"/>
                    </a:lnTo>
                    <a:lnTo>
                      <a:pt x="2021" y="2827"/>
                    </a:lnTo>
                    <a:lnTo>
                      <a:pt x="3913" y="2827"/>
                    </a:lnTo>
                    <a:lnTo>
                      <a:pt x="3913" y="2804"/>
                    </a:lnTo>
                    <a:lnTo>
                      <a:pt x="3913" y="2742"/>
                    </a:lnTo>
                    <a:lnTo>
                      <a:pt x="3913" y="2645"/>
                    </a:lnTo>
                    <a:lnTo>
                      <a:pt x="3913" y="2518"/>
                    </a:lnTo>
                    <a:lnTo>
                      <a:pt x="3913" y="2367"/>
                    </a:lnTo>
                    <a:lnTo>
                      <a:pt x="3913" y="2200"/>
                    </a:lnTo>
                    <a:lnTo>
                      <a:pt x="3913" y="2019"/>
                    </a:lnTo>
                    <a:lnTo>
                      <a:pt x="3913" y="1831"/>
                    </a:lnTo>
                    <a:lnTo>
                      <a:pt x="3913" y="1643"/>
                    </a:lnTo>
                    <a:lnTo>
                      <a:pt x="3913" y="1459"/>
                    </a:lnTo>
                    <a:lnTo>
                      <a:pt x="3913" y="1287"/>
                    </a:lnTo>
                    <a:lnTo>
                      <a:pt x="3913" y="1129"/>
                    </a:lnTo>
                    <a:lnTo>
                      <a:pt x="3913" y="993"/>
                    </a:lnTo>
                    <a:lnTo>
                      <a:pt x="3913" y="885"/>
                    </a:lnTo>
                    <a:lnTo>
                      <a:pt x="3913" y="809"/>
                    </a:lnTo>
                    <a:lnTo>
                      <a:pt x="3913" y="772"/>
                    </a:lnTo>
                    <a:lnTo>
                      <a:pt x="3913" y="733"/>
                    </a:lnTo>
                    <a:lnTo>
                      <a:pt x="3911" y="684"/>
                    </a:lnTo>
                    <a:lnTo>
                      <a:pt x="3909" y="656"/>
                    </a:lnTo>
                    <a:lnTo>
                      <a:pt x="3905" y="625"/>
                    </a:lnTo>
                    <a:lnTo>
                      <a:pt x="3901" y="593"/>
                    </a:lnTo>
                    <a:lnTo>
                      <a:pt x="3895" y="559"/>
                    </a:lnTo>
                    <a:lnTo>
                      <a:pt x="3887" y="523"/>
                    </a:lnTo>
                    <a:lnTo>
                      <a:pt x="3877" y="487"/>
                    </a:lnTo>
                    <a:lnTo>
                      <a:pt x="3871" y="469"/>
                    </a:lnTo>
                    <a:lnTo>
                      <a:pt x="3865" y="450"/>
                    </a:lnTo>
                    <a:lnTo>
                      <a:pt x="3858" y="430"/>
                    </a:lnTo>
                    <a:lnTo>
                      <a:pt x="3851" y="411"/>
                    </a:lnTo>
                    <a:lnTo>
                      <a:pt x="3842" y="393"/>
                    </a:lnTo>
                    <a:lnTo>
                      <a:pt x="3834" y="373"/>
                    </a:lnTo>
                    <a:lnTo>
                      <a:pt x="3824" y="354"/>
                    </a:lnTo>
                    <a:lnTo>
                      <a:pt x="3814" y="335"/>
                    </a:lnTo>
                    <a:lnTo>
                      <a:pt x="3802" y="315"/>
                    </a:lnTo>
                    <a:lnTo>
                      <a:pt x="3790" y="296"/>
                    </a:lnTo>
                    <a:lnTo>
                      <a:pt x="3777" y="277"/>
                    </a:lnTo>
                    <a:lnTo>
                      <a:pt x="3764" y="258"/>
                    </a:lnTo>
                    <a:lnTo>
                      <a:pt x="3749" y="239"/>
                    </a:lnTo>
                    <a:lnTo>
                      <a:pt x="3734" y="221"/>
                    </a:lnTo>
                    <a:lnTo>
                      <a:pt x="3718" y="204"/>
                    </a:lnTo>
                    <a:lnTo>
                      <a:pt x="3701" y="188"/>
                    </a:lnTo>
                    <a:lnTo>
                      <a:pt x="3682" y="173"/>
                    </a:lnTo>
                    <a:lnTo>
                      <a:pt x="3664" y="159"/>
                    </a:lnTo>
                    <a:lnTo>
                      <a:pt x="3645" y="145"/>
                    </a:lnTo>
                    <a:lnTo>
                      <a:pt x="3626" y="132"/>
                    </a:lnTo>
                    <a:lnTo>
                      <a:pt x="3606" y="119"/>
                    </a:lnTo>
                    <a:lnTo>
                      <a:pt x="3587" y="108"/>
                    </a:lnTo>
                    <a:lnTo>
                      <a:pt x="3566" y="97"/>
                    </a:lnTo>
                    <a:lnTo>
                      <a:pt x="3546" y="87"/>
                    </a:lnTo>
                    <a:lnTo>
                      <a:pt x="3507" y="69"/>
                    </a:lnTo>
                    <a:lnTo>
                      <a:pt x="3468" y="53"/>
                    </a:lnTo>
                    <a:lnTo>
                      <a:pt x="3430" y="40"/>
                    </a:lnTo>
                    <a:lnTo>
                      <a:pt x="3396" y="29"/>
                    </a:lnTo>
                    <a:lnTo>
                      <a:pt x="3365" y="19"/>
                    </a:lnTo>
                    <a:lnTo>
                      <a:pt x="3337" y="12"/>
                    </a:lnTo>
                    <a:lnTo>
                      <a:pt x="3298" y="3"/>
                    </a:lnTo>
                    <a:lnTo>
                      <a:pt x="3284" y="0"/>
                    </a:lnTo>
                    <a:lnTo>
                      <a:pt x="2791" y="0"/>
                    </a:lnTo>
                    <a:lnTo>
                      <a:pt x="1957" y="129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80" name="Freeform 27"/>
              <p:cNvSpPr>
                <a:spLocks/>
              </p:cNvSpPr>
              <p:nvPr/>
            </p:nvSpPr>
            <p:spPr bwMode="auto">
              <a:xfrm>
                <a:off x="-630081" y="-196421"/>
                <a:ext cx="9466" cy="7888"/>
              </a:xfrm>
              <a:custGeom>
                <a:avLst/>
                <a:gdLst/>
                <a:ahLst/>
                <a:cxnLst>
                  <a:cxn ang="0">
                    <a:pos x="85" y="148"/>
                  </a:cxn>
                  <a:cxn ang="0">
                    <a:pos x="127" y="74"/>
                  </a:cxn>
                  <a:cxn ang="0">
                    <a:pos x="169" y="0"/>
                  </a:cxn>
                  <a:cxn ang="0">
                    <a:pos x="85" y="0"/>
                  </a:cxn>
                  <a:cxn ang="0">
                    <a:pos x="0" y="0"/>
                  </a:cxn>
                  <a:cxn ang="0">
                    <a:pos x="42" y="74"/>
                  </a:cxn>
                  <a:cxn ang="0">
                    <a:pos x="85" y="148"/>
                  </a:cxn>
                </a:cxnLst>
                <a:rect l="0" t="0" r="r" b="b"/>
                <a:pathLst>
                  <a:path w="169" h="148">
                    <a:moveTo>
                      <a:pt x="85" y="148"/>
                    </a:moveTo>
                    <a:lnTo>
                      <a:pt x="127" y="74"/>
                    </a:lnTo>
                    <a:lnTo>
                      <a:pt x="169" y="0"/>
                    </a:lnTo>
                    <a:lnTo>
                      <a:pt x="85" y="0"/>
                    </a:lnTo>
                    <a:lnTo>
                      <a:pt x="0" y="0"/>
                    </a:lnTo>
                    <a:lnTo>
                      <a:pt x="42" y="74"/>
                    </a:lnTo>
                    <a:lnTo>
                      <a:pt x="85" y="14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81" name="Freeform 28"/>
              <p:cNvSpPr>
                <a:spLocks/>
              </p:cNvSpPr>
              <p:nvPr/>
            </p:nvSpPr>
            <p:spPr bwMode="auto">
              <a:xfrm>
                <a:off x="-636392" y="-190899"/>
                <a:ext cx="22087" cy="54430"/>
              </a:xfrm>
              <a:custGeom>
                <a:avLst/>
                <a:gdLst/>
                <a:ahLst/>
                <a:cxnLst>
                  <a:cxn ang="0">
                    <a:pos x="197" y="0"/>
                  </a:cxn>
                  <a:cxn ang="0">
                    <a:pos x="296" y="358"/>
                  </a:cxn>
                  <a:cxn ang="0">
                    <a:pos x="388" y="697"/>
                  </a:cxn>
                  <a:cxn ang="0">
                    <a:pos x="393" y="697"/>
                  </a:cxn>
                  <a:cxn ang="0">
                    <a:pos x="390" y="702"/>
                  </a:cxn>
                  <a:cxn ang="0">
                    <a:pos x="393" y="716"/>
                  </a:cxn>
                  <a:cxn ang="0">
                    <a:pos x="380" y="716"/>
                  </a:cxn>
                  <a:cxn ang="0">
                    <a:pos x="296" y="830"/>
                  </a:cxn>
                  <a:cxn ang="0">
                    <a:pos x="197" y="963"/>
                  </a:cxn>
                  <a:cxn ang="0">
                    <a:pos x="99" y="830"/>
                  </a:cxn>
                  <a:cxn ang="0">
                    <a:pos x="14" y="716"/>
                  </a:cxn>
                  <a:cxn ang="0">
                    <a:pos x="0" y="716"/>
                  </a:cxn>
                  <a:cxn ang="0">
                    <a:pos x="4" y="702"/>
                  </a:cxn>
                  <a:cxn ang="0">
                    <a:pos x="0" y="697"/>
                  </a:cxn>
                  <a:cxn ang="0">
                    <a:pos x="5" y="697"/>
                  </a:cxn>
                  <a:cxn ang="0">
                    <a:pos x="99" y="358"/>
                  </a:cxn>
                  <a:cxn ang="0">
                    <a:pos x="197" y="0"/>
                  </a:cxn>
                </a:cxnLst>
                <a:rect l="0" t="0" r="r" b="b"/>
                <a:pathLst>
                  <a:path w="393" h="963">
                    <a:moveTo>
                      <a:pt x="197" y="0"/>
                    </a:moveTo>
                    <a:lnTo>
                      <a:pt x="296" y="358"/>
                    </a:lnTo>
                    <a:lnTo>
                      <a:pt x="388" y="697"/>
                    </a:lnTo>
                    <a:lnTo>
                      <a:pt x="393" y="697"/>
                    </a:lnTo>
                    <a:lnTo>
                      <a:pt x="390" y="702"/>
                    </a:lnTo>
                    <a:lnTo>
                      <a:pt x="393" y="716"/>
                    </a:lnTo>
                    <a:lnTo>
                      <a:pt x="380" y="716"/>
                    </a:lnTo>
                    <a:lnTo>
                      <a:pt x="296" y="830"/>
                    </a:lnTo>
                    <a:lnTo>
                      <a:pt x="197" y="963"/>
                    </a:lnTo>
                    <a:lnTo>
                      <a:pt x="99" y="830"/>
                    </a:lnTo>
                    <a:lnTo>
                      <a:pt x="14" y="716"/>
                    </a:lnTo>
                    <a:lnTo>
                      <a:pt x="0" y="716"/>
                    </a:lnTo>
                    <a:lnTo>
                      <a:pt x="4" y="702"/>
                    </a:lnTo>
                    <a:lnTo>
                      <a:pt x="0" y="697"/>
                    </a:lnTo>
                    <a:lnTo>
                      <a:pt x="5" y="697"/>
                    </a:lnTo>
                    <a:lnTo>
                      <a:pt x="99" y="358"/>
                    </a:lnTo>
                    <a:lnTo>
                      <a:pt x="19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grpSp>
      </p:grpSp>
      <p:grpSp>
        <p:nvGrpSpPr>
          <p:cNvPr id="96" name="组合 288"/>
          <p:cNvGrpSpPr/>
          <p:nvPr/>
        </p:nvGrpSpPr>
        <p:grpSpPr>
          <a:xfrm>
            <a:off x="4071018" y="7782286"/>
            <a:ext cx="3289210" cy="982373"/>
            <a:chOff x="2481985" y="3857536"/>
            <a:chExt cx="1644319" cy="491035"/>
          </a:xfrm>
        </p:grpSpPr>
        <p:sp>
          <p:nvSpPr>
            <p:cNvPr id="258" name="矩形 257"/>
            <p:cNvSpPr/>
            <p:nvPr/>
          </p:nvSpPr>
          <p:spPr>
            <a:xfrm>
              <a:off x="3008243" y="3865008"/>
              <a:ext cx="1118061" cy="348706"/>
            </a:xfrm>
            <a:prstGeom prst="rect">
              <a:avLst/>
            </a:prstGeom>
          </p:spPr>
          <p:txBody>
            <a:bodyPr wrap="none">
              <a:spAutoFit/>
            </a:bodyPr>
            <a:lstStyle/>
            <a:p>
              <a:pPr eaLnBrk="0" hangingPunct="0">
                <a:spcAft>
                  <a:spcPts val="400"/>
                </a:spcAft>
                <a:buClr>
                  <a:srgbClr val="777777"/>
                </a:buClr>
                <a:buSzPct val="60000"/>
                <a:defRPr/>
              </a:pPr>
              <a:r>
                <a:rPr lang="en-US" altLang="zh-CN" b="1" kern="0" dirty="0" smtClean="0">
                  <a:latin typeface="Arial" pitchFamily="34" charset="0"/>
                  <a:ea typeface="微软雅黑" pitchFamily="34" charset="-122"/>
                  <a:cs typeface="Arial" pitchFamily="34" charset="0"/>
                </a:rPr>
                <a:t>VC:</a:t>
              </a:r>
            </a:p>
            <a:p>
              <a:pPr eaLnBrk="0" hangingPunct="0">
                <a:buClr>
                  <a:srgbClr val="777777"/>
                </a:buClr>
                <a:buSzPct val="60000"/>
                <a:defRPr/>
              </a:pPr>
              <a:r>
                <a:rPr lang="en-US" altLang="zh-CN" kern="0" dirty="0" smtClean="0">
                  <a:solidFill>
                    <a:srgbClr val="C00000"/>
                  </a:solidFill>
                  <a:latin typeface="Arial" pitchFamily="34" charset="0"/>
                  <a:ea typeface="微软雅黑" pitchFamily="34" charset="-122"/>
                  <a:cs typeface="Arial" pitchFamily="34" charset="0"/>
                </a:rPr>
                <a:t>31K</a:t>
              </a:r>
              <a:r>
                <a:rPr lang="en-US" altLang="zh-CN" kern="0" dirty="0" smtClean="0">
                  <a:latin typeface="Arial" pitchFamily="34" charset="0"/>
                  <a:ea typeface="微软雅黑" pitchFamily="34" charset="-122"/>
                  <a:cs typeface="Arial" pitchFamily="34" charset="0"/>
                </a:rPr>
                <a:t> units, </a:t>
              </a:r>
              <a:r>
                <a:rPr lang="en-US" altLang="zh-CN" kern="0" dirty="0" smtClean="0">
                  <a:solidFill>
                    <a:srgbClr val="C00000"/>
                  </a:solidFill>
                  <a:latin typeface="Arial" pitchFamily="34" charset="0"/>
                  <a:ea typeface="微软雅黑" pitchFamily="34" charset="-122"/>
                  <a:cs typeface="Arial" pitchFamily="34" charset="0"/>
                </a:rPr>
                <a:t>14% </a:t>
              </a:r>
              <a:r>
                <a:rPr lang="en-US" altLang="zh-CN" kern="0" dirty="0" err="1" smtClean="0">
                  <a:latin typeface="Arial" pitchFamily="34" charset="0"/>
                  <a:ea typeface="微软雅黑" pitchFamily="34" charset="-122"/>
                  <a:cs typeface="Arial" pitchFamily="34" charset="0"/>
                </a:rPr>
                <a:t>YoY</a:t>
              </a:r>
              <a:endParaRPr lang="en-US" altLang="zh-CN" kern="0" dirty="0" smtClean="0">
                <a:latin typeface="Arial" pitchFamily="34" charset="0"/>
                <a:ea typeface="微软雅黑" pitchFamily="34" charset="-122"/>
                <a:cs typeface="Arial" pitchFamily="34" charset="0"/>
              </a:endParaRPr>
            </a:p>
          </p:txBody>
        </p:sp>
        <p:sp>
          <p:nvSpPr>
            <p:cNvPr id="285" name="圆角矩形 284"/>
            <p:cNvSpPr/>
            <p:nvPr/>
          </p:nvSpPr>
          <p:spPr bwMode="auto">
            <a:xfrm>
              <a:off x="2481985" y="3857536"/>
              <a:ext cx="500968" cy="491035"/>
            </a:xfrm>
            <a:prstGeom prst="roundRect">
              <a:avLst/>
            </a:prstGeom>
            <a:solidFill>
              <a:schemeClr val="bg1">
                <a:lumMod val="50000"/>
              </a:schemeClr>
            </a:solidFill>
            <a:ln w="12700">
              <a:noFill/>
            </a:ln>
            <a:effectLst/>
          </p:spPr>
          <p:txBody>
            <a:bodyPr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grpSp>
          <p:nvGrpSpPr>
            <p:cNvPr id="97" name="组合 333"/>
            <p:cNvGrpSpPr>
              <a:grpSpLocks noChangeAspect="1"/>
            </p:cNvGrpSpPr>
            <p:nvPr/>
          </p:nvGrpSpPr>
          <p:grpSpPr>
            <a:xfrm>
              <a:off x="2592428" y="3933790"/>
              <a:ext cx="267367" cy="360000"/>
              <a:chOff x="-6559550" y="2457450"/>
              <a:chExt cx="1612900" cy="2171701"/>
            </a:xfrm>
            <a:solidFill>
              <a:srgbClr val="F9F9F9"/>
            </a:solidFill>
          </p:grpSpPr>
          <p:sp>
            <p:nvSpPr>
              <p:cNvPr id="283" name="Freeform 17"/>
              <p:cNvSpPr>
                <a:spLocks noEditPoints="1"/>
              </p:cNvSpPr>
              <p:nvPr/>
            </p:nvSpPr>
            <p:spPr bwMode="auto">
              <a:xfrm>
                <a:off x="-6559550" y="2457450"/>
                <a:ext cx="1612900" cy="1611313"/>
              </a:xfrm>
              <a:custGeom>
                <a:avLst/>
                <a:gdLst/>
                <a:ahLst/>
                <a:cxnLst>
                  <a:cxn ang="0">
                    <a:pos x="5423" y="5270"/>
                  </a:cxn>
                  <a:cxn ang="0">
                    <a:pos x="5837" y="5481"/>
                  </a:cxn>
                  <a:cxn ang="0">
                    <a:pos x="6155" y="5814"/>
                  </a:cxn>
                  <a:cxn ang="0">
                    <a:pos x="6347" y="6240"/>
                  </a:cxn>
                  <a:cxn ang="0">
                    <a:pos x="6384" y="6723"/>
                  </a:cxn>
                  <a:cxn ang="0">
                    <a:pos x="6255" y="7178"/>
                  </a:cxn>
                  <a:cxn ang="0">
                    <a:pos x="5987" y="7554"/>
                  </a:cxn>
                  <a:cxn ang="0">
                    <a:pos x="5610" y="7822"/>
                  </a:cxn>
                  <a:cxn ang="0">
                    <a:pos x="5155" y="7952"/>
                  </a:cxn>
                  <a:cxn ang="0">
                    <a:pos x="4671" y="7915"/>
                  </a:cxn>
                  <a:cxn ang="0">
                    <a:pos x="4245" y="7723"/>
                  </a:cxn>
                  <a:cxn ang="0">
                    <a:pos x="3912" y="7405"/>
                  </a:cxn>
                  <a:cxn ang="0">
                    <a:pos x="3700" y="6991"/>
                  </a:cxn>
                  <a:cxn ang="0">
                    <a:pos x="3640" y="6512"/>
                  </a:cxn>
                  <a:cxn ang="0">
                    <a:pos x="3746" y="6048"/>
                  </a:cxn>
                  <a:cxn ang="0">
                    <a:pos x="3996" y="5658"/>
                  </a:cxn>
                  <a:cxn ang="0">
                    <a:pos x="4359" y="5374"/>
                  </a:cxn>
                  <a:cxn ang="0">
                    <a:pos x="4805" y="5223"/>
                  </a:cxn>
                  <a:cxn ang="0">
                    <a:pos x="7023" y="71"/>
                  </a:cxn>
                  <a:cxn ang="0">
                    <a:pos x="8998" y="737"/>
                  </a:cxn>
                  <a:cxn ang="0">
                    <a:pos x="10605" y="2000"/>
                  </a:cxn>
                  <a:cxn ang="0">
                    <a:pos x="11712" y="3724"/>
                  </a:cxn>
                  <a:cxn ang="0">
                    <a:pos x="12184" y="5779"/>
                  </a:cxn>
                  <a:cxn ang="0">
                    <a:pos x="11917" y="7900"/>
                  </a:cxn>
                  <a:cxn ang="0">
                    <a:pos x="10978" y="9733"/>
                  </a:cxn>
                  <a:cxn ang="0">
                    <a:pos x="9500" y="11140"/>
                  </a:cxn>
                  <a:cxn ang="0">
                    <a:pos x="7616" y="11991"/>
                  </a:cxn>
                  <a:cxn ang="0">
                    <a:pos x="5474" y="12152"/>
                  </a:cxn>
                  <a:cxn ang="0">
                    <a:pos x="3457" y="11581"/>
                  </a:cxn>
                  <a:cxn ang="0">
                    <a:pos x="1789" y="10395"/>
                  </a:cxn>
                  <a:cxn ang="0">
                    <a:pos x="603" y="8728"/>
                  </a:cxn>
                  <a:cxn ang="0">
                    <a:pos x="32" y="6713"/>
                  </a:cxn>
                  <a:cxn ang="0">
                    <a:pos x="192" y="4572"/>
                  </a:cxn>
                  <a:cxn ang="0">
                    <a:pos x="1043" y="2690"/>
                  </a:cxn>
                  <a:cxn ang="0">
                    <a:pos x="2453" y="1213"/>
                  </a:cxn>
                  <a:cxn ang="0">
                    <a:pos x="4286" y="275"/>
                  </a:cxn>
                  <a:cxn ang="0">
                    <a:pos x="5014" y="3439"/>
                  </a:cxn>
                  <a:cxn ang="0">
                    <a:pos x="6094" y="3630"/>
                  </a:cxn>
                  <a:cxn ang="0">
                    <a:pos x="7013" y="4158"/>
                  </a:cxn>
                  <a:cxn ang="0">
                    <a:pos x="7704" y="4955"/>
                  </a:cxn>
                  <a:cxn ang="0">
                    <a:pos x="8097" y="5951"/>
                  </a:cxn>
                  <a:cxn ang="0">
                    <a:pos x="8124" y="7061"/>
                  </a:cxn>
                  <a:cxn ang="0">
                    <a:pos x="7780" y="8080"/>
                  </a:cxn>
                  <a:cxn ang="0">
                    <a:pos x="7128" y="8909"/>
                  </a:cxn>
                  <a:cxn ang="0">
                    <a:pos x="6237" y="9479"/>
                  </a:cxn>
                  <a:cxn ang="0">
                    <a:pos x="5176" y="9722"/>
                  </a:cxn>
                  <a:cxn ang="0">
                    <a:pos x="4080" y="9585"/>
                  </a:cxn>
                  <a:cxn ang="0">
                    <a:pos x="3133" y="9101"/>
                  </a:cxn>
                  <a:cxn ang="0">
                    <a:pos x="2407" y="8338"/>
                  </a:cxn>
                  <a:cxn ang="0">
                    <a:pos x="1967" y="7367"/>
                  </a:cxn>
                  <a:cxn ang="0">
                    <a:pos x="1884" y="6263"/>
                  </a:cxn>
                  <a:cxn ang="0">
                    <a:pos x="2179" y="5222"/>
                  </a:cxn>
                  <a:cxn ang="0">
                    <a:pos x="2792" y="4362"/>
                  </a:cxn>
                  <a:cxn ang="0">
                    <a:pos x="3652" y="3750"/>
                  </a:cxn>
                  <a:cxn ang="0">
                    <a:pos x="4693" y="3456"/>
                  </a:cxn>
                </a:cxnLst>
                <a:rect l="0" t="0" r="r" b="b"/>
                <a:pathLst>
                  <a:path w="12192" h="12184">
                    <a:moveTo>
                      <a:pt x="5014" y="5207"/>
                    </a:moveTo>
                    <a:lnTo>
                      <a:pt x="5085" y="5209"/>
                    </a:lnTo>
                    <a:lnTo>
                      <a:pt x="5155" y="5214"/>
                    </a:lnTo>
                    <a:lnTo>
                      <a:pt x="5224" y="5223"/>
                    </a:lnTo>
                    <a:lnTo>
                      <a:pt x="5292" y="5236"/>
                    </a:lnTo>
                    <a:lnTo>
                      <a:pt x="5357" y="5251"/>
                    </a:lnTo>
                    <a:lnTo>
                      <a:pt x="5423" y="5270"/>
                    </a:lnTo>
                    <a:lnTo>
                      <a:pt x="5487" y="5291"/>
                    </a:lnTo>
                    <a:lnTo>
                      <a:pt x="5549" y="5316"/>
                    </a:lnTo>
                    <a:lnTo>
                      <a:pt x="5610" y="5343"/>
                    </a:lnTo>
                    <a:lnTo>
                      <a:pt x="5669" y="5374"/>
                    </a:lnTo>
                    <a:lnTo>
                      <a:pt x="5727" y="5407"/>
                    </a:lnTo>
                    <a:lnTo>
                      <a:pt x="5783" y="5443"/>
                    </a:lnTo>
                    <a:lnTo>
                      <a:pt x="5837" y="5481"/>
                    </a:lnTo>
                    <a:lnTo>
                      <a:pt x="5889" y="5522"/>
                    </a:lnTo>
                    <a:lnTo>
                      <a:pt x="5939" y="5565"/>
                    </a:lnTo>
                    <a:lnTo>
                      <a:pt x="5987" y="5611"/>
                    </a:lnTo>
                    <a:lnTo>
                      <a:pt x="6033" y="5658"/>
                    </a:lnTo>
                    <a:lnTo>
                      <a:pt x="6076" y="5709"/>
                    </a:lnTo>
                    <a:lnTo>
                      <a:pt x="6117" y="5761"/>
                    </a:lnTo>
                    <a:lnTo>
                      <a:pt x="6155" y="5814"/>
                    </a:lnTo>
                    <a:lnTo>
                      <a:pt x="6191" y="5871"/>
                    </a:lnTo>
                    <a:lnTo>
                      <a:pt x="6225" y="5928"/>
                    </a:lnTo>
                    <a:lnTo>
                      <a:pt x="6255" y="5988"/>
                    </a:lnTo>
                    <a:lnTo>
                      <a:pt x="6282" y="6048"/>
                    </a:lnTo>
                    <a:lnTo>
                      <a:pt x="6307" y="6111"/>
                    </a:lnTo>
                    <a:lnTo>
                      <a:pt x="6329" y="6174"/>
                    </a:lnTo>
                    <a:lnTo>
                      <a:pt x="6347" y="6240"/>
                    </a:lnTo>
                    <a:lnTo>
                      <a:pt x="6362" y="6306"/>
                    </a:lnTo>
                    <a:lnTo>
                      <a:pt x="6375" y="6374"/>
                    </a:lnTo>
                    <a:lnTo>
                      <a:pt x="6384" y="6442"/>
                    </a:lnTo>
                    <a:lnTo>
                      <a:pt x="6389" y="6512"/>
                    </a:lnTo>
                    <a:lnTo>
                      <a:pt x="6391" y="6583"/>
                    </a:lnTo>
                    <a:lnTo>
                      <a:pt x="6389" y="6654"/>
                    </a:lnTo>
                    <a:lnTo>
                      <a:pt x="6384" y="6723"/>
                    </a:lnTo>
                    <a:lnTo>
                      <a:pt x="6375" y="6792"/>
                    </a:lnTo>
                    <a:lnTo>
                      <a:pt x="6362" y="6860"/>
                    </a:lnTo>
                    <a:lnTo>
                      <a:pt x="6347" y="6926"/>
                    </a:lnTo>
                    <a:lnTo>
                      <a:pt x="6329" y="6991"/>
                    </a:lnTo>
                    <a:lnTo>
                      <a:pt x="6307" y="7055"/>
                    </a:lnTo>
                    <a:lnTo>
                      <a:pt x="6282" y="7117"/>
                    </a:lnTo>
                    <a:lnTo>
                      <a:pt x="6255" y="7178"/>
                    </a:lnTo>
                    <a:lnTo>
                      <a:pt x="6225" y="7237"/>
                    </a:lnTo>
                    <a:lnTo>
                      <a:pt x="6191" y="7295"/>
                    </a:lnTo>
                    <a:lnTo>
                      <a:pt x="6155" y="7351"/>
                    </a:lnTo>
                    <a:lnTo>
                      <a:pt x="6117" y="7405"/>
                    </a:lnTo>
                    <a:lnTo>
                      <a:pt x="6076" y="7457"/>
                    </a:lnTo>
                    <a:lnTo>
                      <a:pt x="6033" y="7507"/>
                    </a:lnTo>
                    <a:lnTo>
                      <a:pt x="5987" y="7554"/>
                    </a:lnTo>
                    <a:lnTo>
                      <a:pt x="5939" y="7601"/>
                    </a:lnTo>
                    <a:lnTo>
                      <a:pt x="5889" y="7644"/>
                    </a:lnTo>
                    <a:lnTo>
                      <a:pt x="5837" y="7685"/>
                    </a:lnTo>
                    <a:lnTo>
                      <a:pt x="5783" y="7723"/>
                    </a:lnTo>
                    <a:lnTo>
                      <a:pt x="5727" y="7759"/>
                    </a:lnTo>
                    <a:lnTo>
                      <a:pt x="5669" y="7792"/>
                    </a:lnTo>
                    <a:lnTo>
                      <a:pt x="5610" y="7822"/>
                    </a:lnTo>
                    <a:lnTo>
                      <a:pt x="5549" y="7850"/>
                    </a:lnTo>
                    <a:lnTo>
                      <a:pt x="5487" y="7875"/>
                    </a:lnTo>
                    <a:lnTo>
                      <a:pt x="5423" y="7896"/>
                    </a:lnTo>
                    <a:lnTo>
                      <a:pt x="5357" y="7915"/>
                    </a:lnTo>
                    <a:lnTo>
                      <a:pt x="5292" y="7930"/>
                    </a:lnTo>
                    <a:lnTo>
                      <a:pt x="5224" y="7942"/>
                    </a:lnTo>
                    <a:lnTo>
                      <a:pt x="5155" y="7952"/>
                    </a:lnTo>
                    <a:lnTo>
                      <a:pt x="5085" y="7957"/>
                    </a:lnTo>
                    <a:lnTo>
                      <a:pt x="5014" y="7959"/>
                    </a:lnTo>
                    <a:lnTo>
                      <a:pt x="4944" y="7957"/>
                    </a:lnTo>
                    <a:lnTo>
                      <a:pt x="4874" y="7952"/>
                    </a:lnTo>
                    <a:lnTo>
                      <a:pt x="4805" y="7942"/>
                    </a:lnTo>
                    <a:lnTo>
                      <a:pt x="4737" y="7930"/>
                    </a:lnTo>
                    <a:lnTo>
                      <a:pt x="4671" y="7915"/>
                    </a:lnTo>
                    <a:lnTo>
                      <a:pt x="4606" y="7896"/>
                    </a:lnTo>
                    <a:lnTo>
                      <a:pt x="4542" y="7875"/>
                    </a:lnTo>
                    <a:lnTo>
                      <a:pt x="4479" y="7850"/>
                    </a:lnTo>
                    <a:lnTo>
                      <a:pt x="4419" y="7822"/>
                    </a:lnTo>
                    <a:lnTo>
                      <a:pt x="4359" y="7792"/>
                    </a:lnTo>
                    <a:lnTo>
                      <a:pt x="4302" y="7759"/>
                    </a:lnTo>
                    <a:lnTo>
                      <a:pt x="4245" y="7723"/>
                    </a:lnTo>
                    <a:lnTo>
                      <a:pt x="4192" y="7685"/>
                    </a:lnTo>
                    <a:lnTo>
                      <a:pt x="4140" y="7644"/>
                    </a:lnTo>
                    <a:lnTo>
                      <a:pt x="4089" y="7601"/>
                    </a:lnTo>
                    <a:lnTo>
                      <a:pt x="4042" y="7554"/>
                    </a:lnTo>
                    <a:lnTo>
                      <a:pt x="3996" y="7507"/>
                    </a:lnTo>
                    <a:lnTo>
                      <a:pt x="3953" y="7457"/>
                    </a:lnTo>
                    <a:lnTo>
                      <a:pt x="3912" y="7405"/>
                    </a:lnTo>
                    <a:lnTo>
                      <a:pt x="3874" y="7351"/>
                    </a:lnTo>
                    <a:lnTo>
                      <a:pt x="3838" y="7295"/>
                    </a:lnTo>
                    <a:lnTo>
                      <a:pt x="3805" y="7237"/>
                    </a:lnTo>
                    <a:lnTo>
                      <a:pt x="3774" y="7178"/>
                    </a:lnTo>
                    <a:lnTo>
                      <a:pt x="3746" y="7117"/>
                    </a:lnTo>
                    <a:lnTo>
                      <a:pt x="3722" y="7055"/>
                    </a:lnTo>
                    <a:lnTo>
                      <a:pt x="3700" y="6991"/>
                    </a:lnTo>
                    <a:lnTo>
                      <a:pt x="3682" y="6926"/>
                    </a:lnTo>
                    <a:lnTo>
                      <a:pt x="3666" y="6860"/>
                    </a:lnTo>
                    <a:lnTo>
                      <a:pt x="3654" y="6792"/>
                    </a:lnTo>
                    <a:lnTo>
                      <a:pt x="3645" y="6723"/>
                    </a:lnTo>
                    <a:lnTo>
                      <a:pt x="3640" y="6654"/>
                    </a:lnTo>
                    <a:lnTo>
                      <a:pt x="3638" y="6583"/>
                    </a:lnTo>
                    <a:lnTo>
                      <a:pt x="3640" y="6512"/>
                    </a:lnTo>
                    <a:lnTo>
                      <a:pt x="3645" y="6442"/>
                    </a:lnTo>
                    <a:lnTo>
                      <a:pt x="3654" y="6374"/>
                    </a:lnTo>
                    <a:lnTo>
                      <a:pt x="3666" y="6306"/>
                    </a:lnTo>
                    <a:lnTo>
                      <a:pt x="3682" y="6240"/>
                    </a:lnTo>
                    <a:lnTo>
                      <a:pt x="3700" y="6174"/>
                    </a:lnTo>
                    <a:lnTo>
                      <a:pt x="3722" y="6111"/>
                    </a:lnTo>
                    <a:lnTo>
                      <a:pt x="3746" y="6048"/>
                    </a:lnTo>
                    <a:lnTo>
                      <a:pt x="3774" y="5988"/>
                    </a:lnTo>
                    <a:lnTo>
                      <a:pt x="3805" y="5928"/>
                    </a:lnTo>
                    <a:lnTo>
                      <a:pt x="3838" y="5871"/>
                    </a:lnTo>
                    <a:lnTo>
                      <a:pt x="3874" y="5814"/>
                    </a:lnTo>
                    <a:lnTo>
                      <a:pt x="3912" y="5761"/>
                    </a:lnTo>
                    <a:lnTo>
                      <a:pt x="3953" y="5709"/>
                    </a:lnTo>
                    <a:lnTo>
                      <a:pt x="3996" y="5658"/>
                    </a:lnTo>
                    <a:lnTo>
                      <a:pt x="4042" y="5611"/>
                    </a:lnTo>
                    <a:lnTo>
                      <a:pt x="4089" y="5565"/>
                    </a:lnTo>
                    <a:lnTo>
                      <a:pt x="4140" y="5522"/>
                    </a:lnTo>
                    <a:lnTo>
                      <a:pt x="4192" y="5481"/>
                    </a:lnTo>
                    <a:lnTo>
                      <a:pt x="4245" y="5443"/>
                    </a:lnTo>
                    <a:lnTo>
                      <a:pt x="4302" y="5407"/>
                    </a:lnTo>
                    <a:lnTo>
                      <a:pt x="4359" y="5374"/>
                    </a:lnTo>
                    <a:lnTo>
                      <a:pt x="4419" y="5343"/>
                    </a:lnTo>
                    <a:lnTo>
                      <a:pt x="4479" y="5316"/>
                    </a:lnTo>
                    <a:lnTo>
                      <a:pt x="4542" y="5291"/>
                    </a:lnTo>
                    <a:lnTo>
                      <a:pt x="4606" y="5270"/>
                    </a:lnTo>
                    <a:lnTo>
                      <a:pt x="4671" y="5251"/>
                    </a:lnTo>
                    <a:lnTo>
                      <a:pt x="4737" y="5236"/>
                    </a:lnTo>
                    <a:lnTo>
                      <a:pt x="4805" y="5223"/>
                    </a:lnTo>
                    <a:lnTo>
                      <a:pt x="4874" y="5214"/>
                    </a:lnTo>
                    <a:lnTo>
                      <a:pt x="4944" y="5209"/>
                    </a:lnTo>
                    <a:lnTo>
                      <a:pt x="5014" y="5207"/>
                    </a:lnTo>
                    <a:close/>
                    <a:moveTo>
                      <a:pt x="6097" y="0"/>
                    </a:moveTo>
                    <a:lnTo>
                      <a:pt x="6409" y="8"/>
                    </a:lnTo>
                    <a:lnTo>
                      <a:pt x="6718" y="32"/>
                    </a:lnTo>
                    <a:lnTo>
                      <a:pt x="7023" y="71"/>
                    </a:lnTo>
                    <a:lnTo>
                      <a:pt x="7322" y="124"/>
                    </a:lnTo>
                    <a:lnTo>
                      <a:pt x="7616" y="193"/>
                    </a:lnTo>
                    <a:lnTo>
                      <a:pt x="7906" y="275"/>
                    </a:lnTo>
                    <a:lnTo>
                      <a:pt x="8188" y="370"/>
                    </a:lnTo>
                    <a:lnTo>
                      <a:pt x="8465" y="480"/>
                    </a:lnTo>
                    <a:lnTo>
                      <a:pt x="8735" y="602"/>
                    </a:lnTo>
                    <a:lnTo>
                      <a:pt x="8998" y="737"/>
                    </a:lnTo>
                    <a:lnTo>
                      <a:pt x="9253" y="884"/>
                    </a:lnTo>
                    <a:lnTo>
                      <a:pt x="9500" y="1042"/>
                    </a:lnTo>
                    <a:lnTo>
                      <a:pt x="9739" y="1213"/>
                    </a:lnTo>
                    <a:lnTo>
                      <a:pt x="9970" y="1394"/>
                    </a:lnTo>
                    <a:lnTo>
                      <a:pt x="10191" y="1586"/>
                    </a:lnTo>
                    <a:lnTo>
                      <a:pt x="10403" y="1787"/>
                    </a:lnTo>
                    <a:lnTo>
                      <a:pt x="10605" y="2000"/>
                    </a:lnTo>
                    <a:lnTo>
                      <a:pt x="10797" y="2220"/>
                    </a:lnTo>
                    <a:lnTo>
                      <a:pt x="10978" y="2451"/>
                    </a:lnTo>
                    <a:lnTo>
                      <a:pt x="11149" y="2690"/>
                    </a:lnTo>
                    <a:lnTo>
                      <a:pt x="11307" y="2937"/>
                    </a:lnTo>
                    <a:lnTo>
                      <a:pt x="11455" y="3192"/>
                    </a:lnTo>
                    <a:lnTo>
                      <a:pt x="11589" y="3455"/>
                    </a:lnTo>
                    <a:lnTo>
                      <a:pt x="11712" y="3724"/>
                    </a:lnTo>
                    <a:lnTo>
                      <a:pt x="11821" y="4000"/>
                    </a:lnTo>
                    <a:lnTo>
                      <a:pt x="11917" y="4284"/>
                    </a:lnTo>
                    <a:lnTo>
                      <a:pt x="11999" y="4572"/>
                    </a:lnTo>
                    <a:lnTo>
                      <a:pt x="12068" y="4866"/>
                    </a:lnTo>
                    <a:lnTo>
                      <a:pt x="12121" y="5166"/>
                    </a:lnTo>
                    <a:lnTo>
                      <a:pt x="12160" y="5471"/>
                    </a:lnTo>
                    <a:lnTo>
                      <a:pt x="12184" y="5779"/>
                    </a:lnTo>
                    <a:lnTo>
                      <a:pt x="12192" y="6091"/>
                    </a:lnTo>
                    <a:lnTo>
                      <a:pt x="12184" y="6404"/>
                    </a:lnTo>
                    <a:lnTo>
                      <a:pt x="12160" y="6713"/>
                    </a:lnTo>
                    <a:lnTo>
                      <a:pt x="12121" y="7017"/>
                    </a:lnTo>
                    <a:lnTo>
                      <a:pt x="12068" y="7316"/>
                    </a:lnTo>
                    <a:lnTo>
                      <a:pt x="11999" y="7611"/>
                    </a:lnTo>
                    <a:lnTo>
                      <a:pt x="11917" y="7900"/>
                    </a:lnTo>
                    <a:lnTo>
                      <a:pt x="11821" y="8182"/>
                    </a:lnTo>
                    <a:lnTo>
                      <a:pt x="11712" y="8459"/>
                    </a:lnTo>
                    <a:lnTo>
                      <a:pt x="11589" y="8728"/>
                    </a:lnTo>
                    <a:lnTo>
                      <a:pt x="11455" y="8991"/>
                    </a:lnTo>
                    <a:lnTo>
                      <a:pt x="11307" y="9246"/>
                    </a:lnTo>
                    <a:lnTo>
                      <a:pt x="11149" y="9494"/>
                    </a:lnTo>
                    <a:lnTo>
                      <a:pt x="10978" y="9733"/>
                    </a:lnTo>
                    <a:lnTo>
                      <a:pt x="10797" y="9962"/>
                    </a:lnTo>
                    <a:lnTo>
                      <a:pt x="10605" y="10184"/>
                    </a:lnTo>
                    <a:lnTo>
                      <a:pt x="10403" y="10395"/>
                    </a:lnTo>
                    <a:lnTo>
                      <a:pt x="10191" y="10598"/>
                    </a:lnTo>
                    <a:lnTo>
                      <a:pt x="9970" y="10789"/>
                    </a:lnTo>
                    <a:lnTo>
                      <a:pt x="9739" y="10970"/>
                    </a:lnTo>
                    <a:lnTo>
                      <a:pt x="9500" y="11140"/>
                    </a:lnTo>
                    <a:lnTo>
                      <a:pt x="9253" y="11299"/>
                    </a:lnTo>
                    <a:lnTo>
                      <a:pt x="8998" y="11446"/>
                    </a:lnTo>
                    <a:lnTo>
                      <a:pt x="8735" y="11581"/>
                    </a:lnTo>
                    <a:lnTo>
                      <a:pt x="8465" y="11704"/>
                    </a:lnTo>
                    <a:lnTo>
                      <a:pt x="8188" y="11812"/>
                    </a:lnTo>
                    <a:lnTo>
                      <a:pt x="7906" y="11909"/>
                    </a:lnTo>
                    <a:lnTo>
                      <a:pt x="7616" y="11991"/>
                    </a:lnTo>
                    <a:lnTo>
                      <a:pt x="7322" y="12060"/>
                    </a:lnTo>
                    <a:lnTo>
                      <a:pt x="7023" y="12113"/>
                    </a:lnTo>
                    <a:lnTo>
                      <a:pt x="6718" y="12152"/>
                    </a:lnTo>
                    <a:lnTo>
                      <a:pt x="6409" y="12176"/>
                    </a:lnTo>
                    <a:lnTo>
                      <a:pt x="6097" y="12184"/>
                    </a:lnTo>
                    <a:lnTo>
                      <a:pt x="5783" y="12176"/>
                    </a:lnTo>
                    <a:lnTo>
                      <a:pt x="5474" y="12152"/>
                    </a:lnTo>
                    <a:lnTo>
                      <a:pt x="5169" y="12113"/>
                    </a:lnTo>
                    <a:lnTo>
                      <a:pt x="4870" y="12060"/>
                    </a:lnTo>
                    <a:lnTo>
                      <a:pt x="4576" y="11991"/>
                    </a:lnTo>
                    <a:lnTo>
                      <a:pt x="4286" y="11909"/>
                    </a:lnTo>
                    <a:lnTo>
                      <a:pt x="4004" y="11812"/>
                    </a:lnTo>
                    <a:lnTo>
                      <a:pt x="3727" y="11704"/>
                    </a:lnTo>
                    <a:lnTo>
                      <a:pt x="3457" y="11581"/>
                    </a:lnTo>
                    <a:lnTo>
                      <a:pt x="3194" y="11446"/>
                    </a:lnTo>
                    <a:lnTo>
                      <a:pt x="2939" y="11299"/>
                    </a:lnTo>
                    <a:lnTo>
                      <a:pt x="2692" y="11140"/>
                    </a:lnTo>
                    <a:lnTo>
                      <a:pt x="2453" y="10970"/>
                    </a:lnTo>
                    <a:lnTo>
                      <a:pt x="2222" y="10789"/>
                    </a:lnTo>
                    <a:lnTo>
                      <a:pt x="2001" y="10598"/>
                    </a:lnTo>
                    <a:lnTo>
                      <a:pt x="1789" y="10395"/>
                    </a:lnTo>
                    <a:lnTo>
                      <a:pt x="1587" y="10184"/>
                    </a:lnTo>
                    <a:lnTo>
                      <a:pt x="1395" y="9962"/>
                    </a:lnTo>
                    <a:lnTo>
                      <a:pt x="1214" y="9733"/>
                    </a:lnTo>
                    <a:lnTo>
                      <a:pt x="1043" y="9494"/>
                    </a:lnTo>
                    <a:lnTo>
                      <a:pt x="885" y="9246"/>
                    </a:lnTo>
                    <a:lnTo>
                      <a:pt x="737" y="8991"/>
                    </a:lnTo>
                    <a:lnTo>
                      <a:pt x="603" y="8728"/>
                    </a:lnTo>
                    <a:lnTo>
                      <a:pt x="480" y="8459"/>
                    </a:lnTo>
                    <a:lnTo>
                      <a:pt x="371" y="8182"/>
                    </a:lnTo>
                    <a:lnTo>
                      <a:pt x="275" y="7900"/>
                    </a:lnTo>
                    <a:lnTo>
                      <a:pt x="192" y="7611"/>
                    </a:lnTo>
                    <a:lnTo>
                      <a:pt x="124" y="7316"/>
                    </a:lnTo>
                    <a:lnTo>
                      <a:pt x="71" y="7017"/>
                    </a:lnTo>
                    <a:lnTo>
                      <a:pt x="32" y="6713"/>
                    </a:lnTo>
                    <a:lnTo>
                      <a:pt x="8" y="6404"/>
                    </a:lnTo>
                    <a:lnTo>
                      <a:pt x="0" y="6091"/>
                    </a:lnTo>
                    <a:lnTo>
                      <a:pt x="8" y="5779"/>
                    </a:lnTo>
                    <a:lnTo>
                      <a:pt x="32" y="5471"/>
                    </a:lnTo>
                    <a:lnTo>
                      <a:pt x="71" y="5166"/>
                    </a:lnTo>
                    <a:lnTo>
                      <a:pt x="124" y="4866"/>
                    </a:lnTo>
                    <a:lnTo>
                      <a:pt x="192" y="4572"/>
                    </a:lnTo>
                    <a:lnTo>
                      <a:pt x="275" y="4284"/>
                    </a:lnTo>
                    <a:lnTo>
                      <a:pt x="371" y="4000"/>
                    </a:lnTo>
                    <a:lnTo>
                      <a:pt x="480" y="3724"/>
                    </a:lnTo>
                    <a:lnTo>
                      <a:pt x="603" y="3455"/>
                    </a:lnTo>
                    <a:lnTo>
                      <a:pt x="737" y="3192"/>
                    </a:lnTo>
                    <a:lnTo>
                      <a:pt x="885" y="2937"/>
                    </a:lnTo>
                    <a:lnTo>
                      <a:pt x="1043" y="2690"/>
                    </a:lnTo>
                    <a:lnTo>
                      <a:pt x="1214" y="2451"/>
                    </a:lnTo>
                    <a:lnTo>
                      <a:pt x="1395" y="2220"/>
                    </a:lnTo>
                    <a:lnTo>
                      <a:pt x="1587" y="2000"/>
                    </a:lnTo>
                    <a:lnTo>
                      <a:pt x="1789" y="1787"/>
                    </a:lnTo>
                    <a:lnTo>
                      <a:pt x="2001" y="1586"/>
                    </a:lnTo>
                    <a:lnTo>
                      <a:pt x="2222" y="1394"/>
                    </a:lnTo>
                    <a:lnTo>
                      <a:pt x="2453" y="1213"/>
                    </a:lnTo>
                    <a:lnTo>
                      <a:pt x="2692" y="1042"/>
                    </a:lnTo>
                    <a:lnTo>
                      <a:pt x="2939" y="884"/>
                    </a:lnTo>
                    <a:lnTo>
                      <a:pt x="3194" y="737"/>
                    </a:lnTo>
                    <a:lnTo>
                      <a:pt x="3457" y="602"/>
                    </a:lnTo>
                    <a:lnTo>
                      <a:pt x="3727" y="480"/>
                    </a:lnTo>
                    <a:lnTo>
                      <a:pt x="4004" y="370"/>
                    </a:lnTo>
                    <a:lnTo>
                      <a:pt x="4286" y="275"/>
                    </a:lnTo>
                    <a:lnTo>
                      <a:pt x="4576" y="193"/>
                    </a:lnTo>
                    <a:lnTo>
                      <a:pt x="4870" y="124"/>
                    </a:lnTo>
                    <a:lnTo>
                      <a:pt x="5169" y="71"/>
                    </a:lnTo>
                    <a:lnTo>
                      <a:pt x="5474" y="32"/>
                    </a:lnTo>
                    <a:lnTo>
                      <a:pt x="5783" y="8"/>
                    </a:lnTo>
                    <a:lnTo>
                      <a:pt x="6097" y="0"/>
                    </a:lnTo>
                    <a:close/>
                    <a:moveTo>
                      <a:pt x="5014" y="3439"/>
                    </a:moveTo>
                    <a:lnTo>
                      <a:pt x="5176" y="3443"/>
                    </a:lnTo>
                    <a:lnTo>
                      <a:pt x="5336" y="3456"/>
                    </a:lnTo>
                    <a:lnTo>
                      <a:pt x="5493" y="3475"/>
                    </a:lnTo>
                    <a:lnTo>
                      <a:pt x="5647" y="3503"/>
                    </a:lnTo>
                    <a:lnTo>
                      <a:pt x="5799" y="3538"/>
                    </a:lnTo>
                    <a:lnTo>
                      <a:pt x="5949" y="3581"/>
                    </a:lnTo>
                    <a:lnTo>
                      <a:pt x="6094" y="3630"/>
                    </a:lnTo>
                    <a:lnTo>
                      <a:pt x="6237" y="3686"/>
                    </a:lnTo>
                    <a:lnTo>
                      <a:pt x="6377" y="3750"/>
                    </a:lnTo>
                    <a:lnTo>
                      <a:pt x="6512" y="3819"/>
                    </a:lnTo>
                    <a:lnTo>
                      <a:pt x="6644" y="3895"/>
                    </a:lnTo>
                    <a:lnTo>
                      <a:pt x="6771" y="3977"/>
                    </a:lnTo>
                    <a:lnTo>
                      <a:pt x="6895" y="4065"/>
                    </a:lnTo>
                    <a:lnTo>
                      <a:pt x="7013" y="4158"/>
                    </a:lnTo>
                    <a:lnTo>
                      <a:pt x="7128" y="4257"/>
                    </a:lnTo>
                    <a:lnTo>
                      <a:pt x="7237" y="4362"/>
                    </a:lnTo>
                    <a:lnTo>
                      <a:pt x="7342" y="4470"/>
                    </a:lnTo>
                    <a:lnTo>
                      <a:pt x="7440" y="4585"/>
                    </a:lnTo>
                    <a:lnTo>
                      <a:pt x="7534" y="4704"/>
                    </a:lnTo>
                    <a:lnTo>
                      <a:pt x="7622" y="4827"/>
                    </a:lnTo>
                    <a:lnTo>
                      <a:pt x="7704" y="4955"/>
                    </a:lnTo>
                    <a:lnTo>
                      <a:pt x="7780" y="5086"/>
                    </a:lnTo>
                    <a:lnTo>
                      <a:pt x="7850" y="5222"/>
                    </a:lnTo>
                    <a:lnTo>
                      <a:pt x="7913" y="5361"/>
                    </a:lnTo>
                    <a:lnTo>
                      <a:pt x="7969" y="5503"/>
                    </a:lnTo>
                    <a:lnTo>
                      <a:pt x="8018" y="5650"/>
                    </a:lnTo>
                    <a:lnTo>
                      <a:pt x="8062" y="5799"/>
                    </a:lnTo>
                    <a:lnTo>
                      <a:pt x="8097" y="5951"/>
                    </a:lnTo>
                    <a:lnTo>
                      <a:pt x="8124" y="6105"/>
                    </a:lnTo>
                    <a:lnTo>
                      <a:pt x="8145" y="6263"/>
                    </a:lnTo>
                    <a:lnTo>
                      <a:pt x="8157" y="6422"/>
                    </a:lnTo>
                    <a:lnTo>
                      <a:pt x="8161" y="6583"/>
                    </a:lnTo>
                    <a:lnTo>
                      <a:pt x="8157" y="6744"/>
                    </a:lnTo>
                    <a:lnTo>
                      <a:pt x="8145" y="6904"/>
                    </a:lnTo>
                    <a:lnTo>
                      <a:pt x="8124" y="7061"/>
                    </a:lnTo>
                    <a:lnTo>
                      <a:pt x="8097" y="7215"/>
                    </a:lnTo>
                    <a:lnTo>
                      <a:pt x="8062" y="7367"/>
                    </a:lnTo>
                    <a:lnTo>
                      <a:pt x="8018" y="7516"/>
                    </a:lnTo>
                    <a:lnTo>
                      <a:pt x="7969" y="7662"/>
                    </a:lnTo>
                    <a:lnTo>
                      <a:pt x="7913" y="7805"/>
                    </a:lnTo>
                    <a:lnTo>
                      <a:pt x="7850" y="7944"/>
                    </a:lnTo>
                    <a:lnTo>
                      <a:pt x="7780" y="8080"/>
                    </a:lnTo>
                    <a:lnTo>
                      <a:pt x="7704" y="8211"/>
                    </a:lnTo>
                    <a:lnTo>
                      <a:pt x="7622" y="8338"/>
                    </a:lnTo>
                    <a:lnTo>
                      <a:pt x="7534" y="8462"/>
                    </a:lnTo>
                    <a:lnTo>
                      <a:pt x="7440" y="8580"/>
                    </a:lnTo>
                    <a:lnTo>
                      <a:pt x="7342" y="8695"/>
                    </a:lnTo>
                    <a:lnTo>
                      <a:pt x="7237" y="8804"/>
                    </a:lnTo>
                    <a:lnTo>
                      <a:pt x="7128" y="8909"/>
                    </a:lnTo>
                    <a:lnTo>
                      <a:pt x="7013" y="9007"/>
                    </a:lnTo>
                    <a:lnTo>
                      <a:pt x="6895" y="9101"/>
                    </a:lnTo>
                    <a:lnTo>
                      <a:pt x="6771" y="9189"/>
                    </a:lnTo>
                    <a:lnTo>
                      <a:pt x="6644" y="9271"/>
                    </a:lnTo>
                    <a:lnTo>
                      <a:pt x="6512" y="9347"/>
                    </a:lnTo>
                    <a:lnTo>
                      <a:pt x="6377" y="9417"/>
                    </a:lnTo>
                    <a:lnTo>
                      <a:pt x="6237" y="9479"/>
                    </a:lnTo>
                    <a:lnTo>
                      <a:pt x="6094" y="9536"/>
                    </a:lnTo>
                    <a:lnTo>
                      <a:pt x="5949" y="9585"/>
                    </a:lnTo>
                    <a:lnTo>
                      <a:pt x="5799" y="9628"/>
                    </a:lnTo>
                    <a:lnTo>
                      <a:pt x="5647" y="9663"/>
                    </a:lnTo>
                    <a:lnTo>
                      <a:pt x="5493" y="9691"/>
                    </a:lnTo>
                    <a:lnTo>
                      <a:pt x="5336" y="9711"/>
                    </a:lnTo>
                    <a:lnTo>
                      <a:pt x="5176" y="9722"/>
                    </a:lnTo>
                    <a:lnTo>
                      <a:pt x="5014" y="9726"/>
                    </a:lnTo>
                    <a:lnTo>
                      <a:pt x="4853" y="9722"/>
                    </a:lnTo>
                    <a:lnTo>
                      <a:pt x="4693" y="9711"/>
                    </a:lnTo>
                    <a:lnTo>
                      <a:pt x="4536" y="9691"/>
                    </a:lnTo>
                    <a:lnTo>
                      <a:pt x="4382" y="9663"/>
                    </a:lnTo>
                    <a:lnTo>
                      <a:pt x="4230" y="9628"/>
                    </a:lnTo>
                    <a:lnTo>
                      <a:pt x="4080" y="9585"/>
                    </a:lnTo>
                    <a:lnTo>
                      <a:pt x="3934" y="9536"/>
                    </a:lnTo>
                    <a:lnTo>
                      <a:pt x="3792" y="9479"/>
                    </a:lnTo>
                    <a:lnTo>
                      <a:pt x="3652" y="9417"/>
                    </a:lnTo>
                    <a:lnTo>
                      <a:pt x="3516" y="9347"/>
                    </a:lnTo>
                    <a:lnTo>
                      <a:pt x="3385" y="9271"/>
                    </a:lnTo>
                    <a:lnTo>
                      <a:pt x="3258" y="9189"/>
                    </a:lnTo>
                    <a:lnTo>
                      <a:pt x="3133" y="9101"/>
                    </a:lnTo>
                    <a:lnTo>
                      <a:pt x="3015" y="9007"/>
                    </a:lnTo>
                    <a:lnTo>
                      <a:pt x="2900" y="8909"/>
                    </a:lnTo>
                    <a:lnTo>
                      <a:pt x="2792" y="8804"/>
                    </a:lnTo>
                    <a:lnTo>
                      <a:pt x="2687" y="8695"/>
                    </a:lnTo>
                    <a:lnTo>
                      <a:pt x="2588" y="8580"/>
                    </a:lnTo>
                    <a:lnTo>
                      <a:pt x="2495" y="8462"/>
                    </a:lnTo>
                    <a:lnTo>
                      <a:pt x="2407" y="8338"/>
                    </a:lnTo>
                    <a:lnTo>
                      <a:pt x="2324" y="8211"/>
                    </a:lnTo>
                    <a:lnTo>
                      <a:pt x="2248" y="8080"/>
                    </a:lnTo>
                    <a:lnTo>
                      <a:pt x="2179" y="7944"/>
                    </a:lnTo>
                    <a:lnTo>
                      <a:pt x="2116" y="7805"/>
                    </a:lnTo>
                    <a:lnTo>
                      <a:pt x="2060" y="7662"/>
                    </a:lnTo>
                    <a:lnTo>
                      <a:pt x="2010" y="7516"/>
                    </a:lnTo>
                    <a:lnTo>
                      <a:pt x="1967" y="7367"/>
                    </a:lnTo>
                    <a:lnTo>
                      <a:pt x="1932" y="7215"/>
                    </a:lnTo>
                    <a:lnTo>
                      <a:pt x="1905" y="7061"/>
                    </a:lnTo>
                    <a:lnTo>
                      <a:pt x="1884" y="6904"/>
                    </a:lnTo>
                    <a:lnTo>
                      <a:pt x="1873" y="6744"/>
                    </a:lnTo>
                    <a:lnTo>
                      <a:pt x="1869" y="6583"/>
                    </a:lnTo>
                    <a:lnTo>
                      <a:pt x="1873" y="6422"/>
                    </a:lnTo>
                    <a:lnTo>
                      <a:pt x="1884" y="6263"/>
                    </a:lnTo>
                    <a:lnTo>
                      <a:pt x="1905" y="6105"/>
                    </a:lnTo>
                    <a:lnTo>
                      <a:pt x="1932" y="5951"/>
                    </a:lnTo>
                    <a:lnTo>
                      <a:pt x="1967" y="5799"/>
                    </a:lnTo>
                    <a:lnTo>
                      <a:pt x="2010" y="5650"/>
                    </a:lnTo>
                    <a:lnTo>
                      <a:pt x="2060" y="5503"/>
                    </a:lnTo>
                    <a:lnTo>
                      <a:pt x="2116" y="5361"/>
                    </a:lnTo>
                    <a:lnTo>
                      <a:pt x="2179" y="5222"/>
                    </a:lnTo>
                    <a:lnTo>
                      <a:pt x="2248" y="5086"/>
                    </a:lnTo>
                    <a:lnTo>
                      <a:pt x="2324" y="4955"/>
                    </a:lnTo>
                    <a:lnTo>
                      <a:pt x="2407" y="4827"/>
                    </a:lnTo>
                    <a:lnTo>
                      <a:pt x="2495" y="4704"/>
                    </a:lnTo>
                    <a:lnTo>
                      <a:pt x="2588" y="4585"/>
                    </a:lnTo>
                    <a:lnTo>
                      <a:pt x="2687" y="4470"/>
                    </a:lnTo>
                    <a:lnTo>
                      <a:pt x="2792" y="4362"/>
                    </a:lnTo>
                    <a:lnTo>
                      <a:pt x="2900" y="4257"/>
                    </a:lnTo>
                    <a:lnTo>
                      <a:pt x="3015" y="4158"/>
                    </a:lnTo>
                    <a:lnTo>
                      <a:pt x="3133" y="4065"/>
                    </a:lnTo>
                    <a:lnTo>
                      <a:pt x="3258" y="3977"/>
                    </a:lnTo>
                    <a:lnTo>
                      <a:pt x="3385" y="3895"/>
                    </a:lnTo>
                    <a:lnTo>
                      <a:pt x="3516" y="3819"/>
                    </a:lnTo>
                    <a:lnTo>
                      <a:pt x="3652" y="3750"/>
                    </a:lnTo>
                    <a:lnTo>
                      <a:pt x="3792" y="3686"/>
                    </a:lnTo>
                    <a:lnTo>
                      <a:pt x="3934" y="3630"/>
                    </a:lnTo>
                    <a:lnTo>
                      <a:pt x="4080" y="3581"/>
                    </a:lnTo>
                    <a:lnTo>
                      <a:pt x="4230" y="3538"/>
                    </a:lnTo>
                    <a:lnTo>
                      <a:pt x="4382" y="3503"/>
                    </a:lnTo>
                    <a:lnTo>
                      <a:pt x="4536" y="3475"/>
                    </a:lnTo>
                    <a:lnTo>
                      <a:pt x="4693" y="3456"/>
                    </a:lnTo>
                    <a:lnTo>
                      <a:pt x="4853" y="3443"/>
                    </a:lnTo>
                    <a:lnTo>
                      <a:pt x="5014" y="3439"/>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84" name="Freeform 18"/>
              <p:cNvSpPr>
                <a:spLocks noEditPoints="1"/>
              </p:cNvSpPr>
              <p:nvPr/>
            </p:nvSpPr>
            <p:spPr bwMode="auto">
              <a:xfrm>
                <a:off x="-6246813" y="4160838"/>
                <a:ext cx="987425" cy="468313"/>
              </a:xfrm>
              <a:custGeom>
                <a:avLst/>
                <a:gdLst/>
                <a:ahLst/>
                <a:cxnLst>
                  <a:cxn ang="0">
                    <a:pos x="4376" y="1769"/>
                  </a:cxn>
                  <a:cxn ang="0">
                    <a:pos x="638" y="2271"/>
                  </a:cxn>
                  <a:cxn ang="0">
                    <a:pos x="6901" y="2275"/>
                  </a:cxn>
                  <a:cxn ang="0">
                    <a:pos x="6994" y="2291"/>
                  </a:cxn>
                  <a:cxn ang="0">
                    <a:pos x="7084" y="2321"/>
                  </a:cxn>
                  <a:cxn ang="0">
                    <a:pos x="7166" y="2364"/>
                  </a:cxn>
                  <a:cxn ang="0">
                    <a:pos x="7241" y="2417"/>
                  </a:cxn>
                  <a:cxn ang="0">
                    <a:pos x="7307" y="2480"/>
                  </a:cxn>
                  <a:cxn ang="0">
                    <a:pos x="7364" y="2553"/>
                  </a:cxn>
                  <a:cxn ang="0">
                    <a:pos x="7410" y="2633"/>
                  </a:cxn>
                  <a:cxn ang="0">
                    <a:pos x="7445" y="2719"/>
                  </a:cxn>
                  <a:cxn ang="0">
                    <a:pos x="7465" y="2811"/>
                  </a:cxn>
                  <a:cxn ang="0">
                    <a:pos x="7474" y="2908"/>
                  </a:cxn>
                  <a:cxn ang="0">
                    <a:pos x="7465" y="3004"/>
                  </a:cxn>
                  <a:cxn ang="0">
                    <a:pos x="7445" y="3097"/>
                  </a:cxn>
                  <a:cxn ang="0">
                    <a:pos x="7410" y="3184"/>
                  </a:cxn>
                  <a:cxn ang="0">
                    <a:pos x="7364" y="3264"/>
                  </a:cxn>
                  <a:cxn ang="0">
                    <a:pos x="7307" y="3336"/>
                  </a:cxn>
                  <a:cxn ang="0">
                    <a:pos x="7241" y="3399"/>
                  </a:cxn>
                  <a:cxn ang="0">
                    <a:pos x="7166" y="3453"/>
                  </a:cxn>
                  <a:cxn ang="0">
                    <a:pos x="7084" y="3495"/>
                  </a:cxn>
                  <a:cxn ang="0">
                    <a:pos x="6994" y="3524"/>
                  </a:cxn>
                  <a:cxn ang="0">
                    <a:pos x="6901" y="3542"/>
                  </a:cxn>
                  <a:cxn ang="0">
                    <a:pos x="638" y="3545"/>
                  </a:cxn>
                  <a:cxn ang="0">
                    <a:pos x="541" y="3538"/>
                  </a:cxn>
                  <a:cxn ang="0">
                    <a:pos x="449" y="3516"/>
                  </a:cxn>
                  <a:cxn ang="0">
                    <a:pos x="363" y="3482"/>
                  </a:cxn>
                  <a:cxn ang="0">
                    <a:pos x="283" y="3436"/>
                  </a:cxn>
                  <a:cxn ang="0">
                    <a:pos x="210" y="3379"/>
                  </a:cxn>
                  <a:cxn ang="0">
                    <a:pos x="147" y="3313"/>
                  </a:cxn>
                  <a:cxn ang="0">
                    <a:pos x="94" y="3238"/>
                  </a:cxn>
                  <a:cxn ang="0">
                    <a:pos x="51" y="3155"/>
                  </a:cxn>
                  <a:cxn ang="0">
                    <a:pos x="21" y="3067"/>
                  </a:cxn>
                  <a:cxn ang="0">
                    <a:pos x="4" y="2972"/>
                  </a:cxn>
                  <a:cxn ang="0">
                    <a:pos x="1" y="2875"/>
                  </a:cxn>
                  <a:cxn ang="0">
                    <a:pos x="14" y="2780"/>
                  </a:cxn>
                  <a:cxn ang="0">
                    <a:pos x="39" y="2689"/>
                  </a:cxn>
                  <a:cxn ang="0">
                    <a:pos x="78" y="2605"/>
                  </a:cxn>
                  <a:cxn ang="0">
                    <a:pos x="128" y="2527"/>
                  </a:cxn>
                  <a:cxn ang="0">
                    <a:pos x="188" y="2458"/>
                  </a:cxn>
                  <a:cxn ang="0">
                    <a:pos x="257" y="2398"/>
                  </a:cxn>
                  <a:cxn ang="0">
                    <a:pos x="335" y="2349"/>
                  </a:cxn>
                  <a:cxn ang="0">
                    <a:pos x="419" y="2310"/>
                  </a:cxn>
                  <a:cxn ang="0">
                    <a:pos x="511" y="2284"/>
                  </a:cxn>
                  <a:cxn ang="0">
                    <a:pos x="605" y="2272"/>
                  </a:cxn>
                </a:cxnLst>
                <a:rect l="0" t="0" r="r" b="b"/>
                <a:pathLst>
                  <a:path w="7474" h="3545">
                    <a:moveTo>
                      <a:pt x="3098" y="0"/>
                    </a:moveTo>
                    <a:lnTo>
                      <a:pt x="4376" y="0"/>
                    </a:lnTo>
                    <a:lnTo>
                      <a:pt x="4376" y="1769"/>
                    </a:lnTo>
                    <a:lnTo>
                      <a:pt x="3098" y="1769"/>
                    </a:lnTo>
                    <a:lnTo>
                      <a:pt x="3098" y="0"/>
                    </a:lnTo>
                    <a:close/>
                    <a:moveTo>
                      <a:pt x="638" y="2271"/>
                    </a:moveTo>
                    <a:lnTo>
                      <a:pt x="6836" y="2271"/>
                    </a:lnTo>
                    <a:lnTo>
                      <a:pt x="6869" y="2272"/>
                    </a:lnTo>
                    <a:lnTo>
                      <a:pt x="6901" y="2275"/>
                    </a:lnTo>
                    <a:lnTo>
                      <a:pt x="6933" y="2279"/>
                    </a:lnTo>
                    <a:lnTo>
                      <a:pt x="6963" y="2284"/>
                    </a:lnTo>
                    <a:lnTo>
                      <a:pt x="6994" y="2291"/>
                    </a:lnTo>
                    <a:lnTo>
                      <a:pt x="7025" y="2299"/>
                    </a:lnTo>
                    <a:lnTo>
                      <a:pt x="7055" y="2310"/>
                    </a:lnTo>
                    <a:lnTo>
                      <a:pt x="7084" y="2321"/>
                    </a:lnTo>
                    <a:lnTo>
                      <a:pt x="7111" y="2334"/>
                    </a:lnTo>
                    <a:lnTo>
                      <a:pt x="7139" y="2349"/>
                    </a:lnTo>
                    <a:lnTo>
                      <a:pt x="7166" y="2364"/>
                    </a:lnTo>
                    <a:lnTo>
                      <a:pt x="7191" y="2380"/>
                    </a:lnTo>
                    <a:lnTo>
                      <a:pt x="7217" y="2398"/>
                    </a:lnTo>
                    <a:lnTo>
                      <a:pt x="7241" y="2417"/>
                    </a:lnTo>
                    <a:lnTo>
                      <a:pt x="7264" y="2437"/>
                    </a:lnTo>
                    <a:lnTo>
                      <a:pt x="7286" y="2458"/>
                    </a:lnTo>
                    <a:lnTo>
                      <a:pt x="7307" y="2480"/>
                    </a:lnTo>
                    <a:lnTo>
                      <a:pt x="7327" y="2504"/>
                    </a:lnTo>
                    <a:lnTo>
                      <a:pt x="7346" y="2527"/>
                    </a:lnTo>
                    <a:lnTo>
                      <a:pt x="7364" y="2553"/>
                    </a:lnTo>
                    <a:lnTo>
                      <a:pt x="7380" y="2579"/>
                    </a:lnTo>
                    <a:lnTo>
                      <a:pt x="7396" y="2605"/>
                    </a:lnTo>
                    <a:lnTo>
                      <a:pt x="7410" y="2633"/>
                    </a:lnTo>
                    <a:lnTo>
                      <a:pt x="7423" y="2661"/>
                    </a:lnTo>
                    <a:lnTo>
                      <a:pt x="7435" y="2689"/>
                    </a:lnTo>
                    <a:lnTo>
                      <a:pt x="7445" y="2719"/>
                    </a:lnTo>
                    <a:lnTo>
                      <a:pt x="7453" y="2750"/>
                    </a:lnTo>
                    <a:lnTo>
                      <a:pt x="7460" y="2780"/>
                    </a:lnTo>
                    <a:lnTo>
                      <a:pt x="7465" y="2811"/>
                    </a:lnTo>
                    <a:lnTo>
                      <a:pt x="7470" y="2843"/>
                    </a:lnTo>
                    <a:lnTo>
                      <a:pt x="7473" y="2875"/>
                    </a:lnTo>
                    <a:lnTo>
                      <a:pt x="7474" y="2908"/>
                    </a:lnTo>
                    <a:lnTo>
                      <a:pt x="7473" y="2941"/>
                    </a:lnTo>
                    <a:lnTo>
                      <a:pt x="7470" y="2972"/>
                    </a:lnTo>
                    <a:lnTo>
                      <a:pt x="7465" y="3004"/>
                    </a:lnTo>
                    <a:lnTo>
                      <a:pt x="7460" y="3036"/>
                    </a:lnTo>
                    <a:lnTo>
                      <a:pt x="7453" y="3067"/>
                    </a:lnTo>
                    <a:lnTo>
                      <a:pt x="7445" y="3097"/>
                    </a:lnTo>
                    <a:lnTo>
                      <a:pt x="7435" y="3126"/>
                    </a:lnTo>
                    <a:lnTo>
                      <a:pt x="7423" y="3155"/>
                    </a:lnTo>
                    <a:lnTo>
                      <a:pt x="7410" y="3184"/>
                    </a:lnTo>
                    <a:lnTo>
                      <a:pt x="7396" y="3212"/>
                    </a:lnTo>
                    <a:lnTo>
                      <a:pt x="7380" y="3238"/>
                    </a:lnTo>
                    <a:lnTo>
                      <a:pt x="7364" y="3264"/>
                    </a:lnTo>
                    <a:lnTo>
                      <a:pt x="7346" y="3289"/>
                    </a:lnTo>
                    <a:lnTo>
                      <a:pt x="7327" y="3313"/>
                    </a:lnTo>
                    <a:lnTo>
                      <a:pt x="7307" y="3336"/>
                    </a:lnTo>
                    <a:lnTo>
                      <a:pt x="7286" y="3358"/>
                    </a:lnTo>
                    <a:lnTo>
                      <a:pt x="7264" y="3379"/>
                    </a:lnTo>
                    <a:lnTo>
                      <a:pt x="7241" y="3399"/>
                    </a:lnTo>
                    <a:lnTo>
                      <a:pt x="7217" y="3418"/>
                    </a:lnTo>
                    <a:lnTo>
                      <a:pt x="7191" y="3436"/>
                    </a:lnTo>
                    <a:lnTo>
                      <a:pt x="7166" y="3453"/>
                    </a:lnTo>
                    <a:lnTo>
                      <a:pt x="7139" y="3468"/>
                    </a:lnTo>
                    <a:lnTo>
                      <a:pt x="7111" y="3482"/>
                    </a:lnTo>
                    <a:lnTo>
                      <a:pt x="7084" y="3495"/>
                    </a:lnTo>
                    <a:lnTo>
                      <a:pt x="7055" y="3506"/>
                    </a:lnTo>
                    <a:lnTo>
                      <a:pt x="7025" y="3516"/>
                    </a:lnTo>
                    <a:lnTo>
                      <a:pt x="6994" y="3524"/>
                    </a:lnTo>
                    <a:lnTo>
                      <a:pt x="6963" y="3532"/>
                    </a:lnTo>
                    <a:lnTo>
                      <a:pt x="6933" y="3538"/>
                    </a:lnTo>
                    <a:lnTo>
                      <a:pt x="6901" y="3542"/>
                    </a:lnTo>
                    <a:lnTo>
                      <a:pt x="6869" y="3544"/>
                    </a:lnTo>
                    <a:lnTo>
                      <a:pt x="6836" y="3545"/>
                    </a:lnTo>
                    <a:lnTo>
                      <a:pt x="638" y="3545"/>
                    </a:lnTo>
                    <a:lnTo>
                      <a:pt x="605" y="3544"/>
                    </a:lnTo>
                    <a:lnTo>
                      <a:pt x="573" y="3542"/>
                    </a:lnTo>
                    <a:lnTo>
                      <a:pt x="541" y="3538"/>
                    </a:lnTo>
                    <a:lnTo>
                      <a:pt x="511" y="3532"/>
                    </a:lnTo>
                    <a:lnTo>
                      <a:pt x="480" y="3524"/>
                    </a:lnTo>
                    <a:lnTo>
                      <a:pt x="449" y="3516"/>
                    </a:lnTo>
                    <a:lnTo>
                      <a:pt x="419" y="3506"/>
                    </a:lnTo>
                    <a:lnTo>
                      <a:pt x="390" y="3495"/>
                    </a:lnTo>
                    <a:lnTo>
                      <a:pt x="363" y="3482"/>
                    </a:lnTo>
                    <a:lnTo>
                      <a:pt x="335" y="3468"/>
                    </a:lnTo>
                    <a:lnTo>
                      <a:pt x="308" y="3453"/>
                    </a:lnTo>
                    <a:lnTo>
                      <a:pt x="283" y="3436"/>
                    </a:lnTo>
                    <a:lnTo>
                      <a:pt x="257" y="3418"/>
                    </a:lnTo>
                    <a:lnTo>
                      <a:pt x="233" y="3399"/>
                    </a:lnTo>
                    <a:lnTo>
                      <a:pt x="210" y="3379"/>
                    </a:lnTo>
                    <a:lnTo>
                      <a:pt x="188" y="3358"/>
                    </a:lnTo>
                    <a:lnTo>
                      <a:pt x="167" y="3336"/>
                    </a:lnTo>
                    <a:lnTo>
                      <a:pt x="147" y="3313"/>
                    </a:lnTo>
                    <a:lnTo>
                      <a:pt x="128" y="3289"/>
                    </a:lnTo>
                    <a:lnTo>
                      <a:pt x="110" y="3264"/>
                    </a:lnTo>
                    <a:lnTo>
                      <a:pt x="94" y="3238"/>
                    </a:lnTo>
                    <a:lnTo>
                      <a:pt x="78" y="3212"/>
                    </a:lnTo>
                    <a:lnTo>
                      <a:pt x="64" y="3184"/>
                    </a:lnTo>
                    <a:lnTo>
                      <a:pt x="51" y="3155"/>
                    </a:lnTo>
                    <a:lnTo>
                      <a:pt x="39" y="3126"/>
                    </a:lnTo>
                    <a:lnTo>
                      <a:pt x="29" y="3097"/>
                    </a:lnTo>
                    <a:lnTo>
                      <a:pt x="21" y="3067"/>
                    </a:lnTo>
                    <a:lnTo>
                      <a:pt x="14" y="3036"/>
                    </a:lnTo>
                    <a:lnTo>
                      <a:pt x="9" y="3004"/>
                    </a:lnTo>
                    <a:lnTo>
                      <a:pt x="4" y="2972"/>
                    </a:lnTo>
                    <a:lnTo>
                      <a:pt x="1" y="2941"/>
                    </a:lnTo>
                    <a:lnTo>
                      <a:pt x="0" y="2908"/>
                    </a:lnTo>
                    <a:lnTo>
                      <a:pt x="1" y="2875"/>
                    </a:lnTo>
                    <a:lnTo>
                      <a:pt x="4" y="2843"/>
                    </a:lnTo>
                    <a:lnTo>
                      <a:pt x="9" y="2811"/>
                    </a:lnTo>
                    <a:lnTo>
                      <a:pt x="14" y="2780"/>
                    </a:lnTo>
                    <a:lnTo>
                      <a:pt x="21" y="2750"/>
                    </a:lnTo>
                    <a:lnTo>
                      <a:pt x="29" y="2719"/>
                    </a:lnTo>
                    <a:lnTo>
                      <a:pt x="39" y="2689"/>
                    </a:lnTo>
                    <a:lnTo>
                      <a:pt x="51" y="2661"/>
                    </a:lnTo>
                    <a:lnTo>
                      <a:pt x="64" y="2633"/>
                    </a:lnTo>
                    <a:lnTo>
                      <a:pt x="78" y="2605"/>
                    </a:lnTo>
                    <a:lnTo>
                      <a:pt x="94" y="2579"/>
                    </a:lnTo>
                    <a:lnTo>
                      <a:pt x="110" y="2553"/>
                    </a:lnTo>
                    <a:lnTo>
                      <a:pt x="128" y="2527"/>
                    </a:lnTo>
                    <a:lnTo>
                      <a:pt x="147" y="2504"/>
                    </a:lnTo>
                    <a:lnTo>
                      <a:pt x="167" y="2480"/>
                    </a:lnTo>
                    <a:lnTo>
                      <a:pt x="188" y="2458"/>
                    </a:lnTo>
                    <a:lnTo>
                      <a:pt x="210" y="2437"/>
                    </a:lnTo>
                    <a:lnTo>
                      <a:pt x="233" y="2417"/>
                    </a:lnTo>
                    <a:lnTo>
                      <a:pt x="257" y="2398"/>
                    </a:lnTo>
                    <a:lnTo>
                      <a:pt x="283" y="2380"/>
                    </a:lnTo>
                    <a:lnTo>
                      <a:pt x="308" y="2364"/>
                    </a:lnTo>
                    <a:lnTo>
                      <a:pt x="335" y="2349"/>
                    </a:lnTo>
                    <a:lnTo>
                      <a:pt x="363" y="2334"/>
                    </a:lnTo>
                    <a:lnTo>
                      <a:pt x="390" y="2321"/>
                    </a:lnTo>
                    <a:lnTo>
                      <a:pt x="419" y="2310"/>
                    </a:lnTo>
                    <a:lnTo>
                      <a:pt x="449" y="2299"/>
                    </a:lnTo>
                    <a:lnTo>
                      <a:pt x="480" y="2291"/>
                    </a:lnTo>
                    <a:lnTo>
                      <a:pt x="511" y="2284"/>
                    </a:lnTo>
                    <a:lnTo>
                      <a:pt x="541" y="2279"/>
                    </a:lnTo>
                    <a:lnTo>
                      <a:pt x="573" y="2275"/>
                    </a:lnTo>
                    <a:lnTo>
                      <a:pt x="605" y="2272"/>
                    </a:lnTo>
                    <a:lnTo>
                      <a:pt x="638" y="2271"/>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grpSp>
      </p:grpSp>
      <p:grpSp>
        <p:nvGrpSpPr>
          <p:cNvPr id="98" name="组合 285"/>
          <p:cNvGrpSpPr/>
          <p:nvPr/>
        </p:nvGrpSpPr>
        <p:grpSpPr>
          <a:xfrm>
            <a:off x="12752850" y="7813578"/>
            <a:ext cx="4474885" cy="1248163"/>
            <a:chOff x="4864402" y="3926849"/>
            <a:chExt cx="2237054" cy="623889"/>
          </a:xfrm>
        </p:grpSpPr>
        <p:sp>
          <p:nvSpPr>
            <p:cNvPr id="249" name="圆角矩形 248"/>
            <p:cNvSpPr/>
            <p:nvPr/>
          </p:nvSpPr>
          <p:spPr bwMode="auto">
            <a:xfrm>
              <a:off x="4864402" y="3926849"/>
              <a:ext cx="500968" cy="491035"/>
            </a:xfrm>
            <a:prstGeom prst="roundRect">
              <a:avLst/>
            </a:prstGeom>
            <a:solidFill>
              <a:schemeClr val="bg1">
                <a:lumMod val="50000"/>
              </a:schemeClr>
            </a:solidFill>
            <a:ln w="12700">
              <a:noFill/>
            </a:ln>
            <a:effectLst/>
          </p:spPr>
          <p:txBody>
            <a:bodyPr lIns="34405" tIns="17202" rIns="34405" bIns="17202" anchor="ctr"/>
            <a:lstStyle/>
            <a:p>
              <a:pPr algn="ctr" fontAlgn="auto">
                <a:lnSpc>
                  <a:spcPct val="120000"/>
                </a:lnSpc>
                <a:spcBef>
                  <a:spcPts val="0"/>
                </a:spcBef>
                <a:spcAft>
                  <a:spcPts val="0"/>
                </a:spcAft>
              </a:pPr>
              <a:endParaRPr lang="en-US" altLang="zh-CN" b="1" kern="0" dirty="0">
                <a:solidFill>
                  <a:srgbClr val="FFFFFF">
                    <a:lumMod val="75000"/>
                  </a:srgbClr>
                </a:solidFill>
                <a:latin typeface="Arial" pitchFamily="34" charset="0"/>
                <a:ea typeface="华文细黑" pitchFamily="2" charset="-122"/>
                <a:cs typeface="Arial" pitchFamily="34" charset="0"/>
              </a:endParaRPr>
            </a:p>
          </p:txBody>
        </p:sp>
        <p:sp>
          <p:nvSpPr>
            <p:cNvPr id="254" name="Content Placeholder 3"/>
            <p:cNvSpPr txBox="1">
              <a:spLocks/>
            </p:cNvSpPr>
            <p:nvPr/>
          </p:nvSpPr>
          <p:spPr>
            <a:xfrm>
              <a:off x="5419890" y="3933675"/>
              <a:ext cx="1681566" cy="617063"/>
            </a:xfrm>
            <a:prstGeom prst="rect">
              <a:avLst/>
            </a:prstGeom>
          </p:spPr>
          <p:txBody>
            <a:bodyPr lIns="68540" tIns="34270" rIns="68540" bIns="34270"/>
            <a:lstStyle/>
            <a:p>
              <a:pPr eaLnBrk="0" hangingPunct="0">
                <a:spcAft>
                  <a:spcPts val="400"/>
                </a:spcAft>
                <a:buClr>
                  <a:srgbClr val="777777"/>
                </a:buClr>
                <a:buSzPct val="60000"/>
                <a:defRPr/>
              </a:pPr>
              <a:r>
                <a:rPr lang="en-US" altLang="zh-CN" b="1" kern="0" dirty="0" smtClean="0">
                  <a:latin typeface="Arial" pitchFamily="34" charset="0"/>
                  <a:ea typeface="微软雅黑" pitchFamily="34" charset="-122"/>
                  <a:cs typeface="Arial" pitchFamily="34" charset="0"/>
                </a:rPr>
                <a:t>VTM:</a:t>
              </a:r>
            </a:p>
            <a:p>
              <a:pPr>
                <a:buNone/>
              </a:pPr>
              <a:r>
                <a:rPr lang="en-US" altLang="zh-CN" kern="0" dirty="0" smtClean="0">
                  <a:latin typeface="Arial" pitchFamily="34" charset="0"/>
                  <a:ea typeface="微软雅黑" pitchFamily="34" charset="-122"/>
                  <a:cs typeface="Arial" pitchFamily="34" charset="0"/>
                </a:rPr>
                <a:t>&gt;20 Banking customers</a:t>
              </a:r>
            </a:p>
            <a:p>
              <a:pPr>
                <a:buFont typeface="Wingdings"/>
                <a:buChar char="Ø"/>
              </a:pPr>
              <a:r>
                <a:rPr lang="en-US" altLang="zh-CN" kern="0" dirty="0" smtClean="0">
                  <a:solidFill>
                    <a:srgbClr val="FF0000"/>
                  </a:solidFill>
                  <a:latin typeface="Arial" pitchFamily="34" charset="0"/>
                  <a:ea typeface="微软雅黑" pitchFamily="34" charset="-122"/>
                  <a:cs typeface="Arial" pitchFamily="34" charset="0"/>
                  <a:sym typeface="Wingdings" pitchFamily="2" charset="2"/>
                </a:rPr>
                <a:t>No. 1</a:t>
              </a:r>
            </a:p>
            <a:p>
              <a:pPr>
                <a:buFont typeface="Wingdings"/>
                <a:buChar char="Ø"/>
              </a:pPr>
              <a:r>
                <a:rPr lang="en-US" altLang="zh-CN" kern="0" dirty="0" smtClean="0">
                  <a:latin typeface="Arial" pitchFamily="34" charset="0"/>
                  <a:ea typeface="微软雅黑" pitchFamily="34" charset="-122"/>
                  <a:cs typeface="Arial" pitchFamily="34" charset="0"/>
                  <a:sym typeface="Wingdings" pitchFamily="2" charset="2"/>
                </a:rPr>
                <a:t>Large Scale Deployment</a:t>
              </a:r>
              <a:endParaRPr lang="zh-CN" altLang="en-US" kern="0" dirty="0" smtClean="0">
                <a:latin typeface="Arial" pitchFamily="34" charset="0"/>
                <a:ea typeface="微软雅黑" pitchFamily="34" charset="-122"/>
                <a:cs typeface="Arial" pitchFamily="34" charset="0"/>
              </a:endParaRPr>
            </a:p>
            <a:p>
              <a:pPr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a:p>
              <a:pPr defTabSz="1828328" eaLnBrk="0" hangingPunct="0">
                <a:spcAft>
                  <a:spcPts val="400"/>
                </a:spcAft>
                <a:buClr>
                  <a:srgbClr val="777777"/>
                </a:buClr>
                <a:buSzPct val="60000"/>
                <a:defRPr/>
              </a:pPr>
              <a:endParaRPr lang="en-US" altLang="zh-CN" kern="0" dirty="0" smtClean="0">
                <a:solidFill>
                  <a:srgbClr val="000000">
                    <a:lumMod val="75000"/>
                    <a:lumOff val="25000"/>
                  </a:srgbClr>
                </a:solidFill>
                <a:latin typeface="Arial" pitchFamily="34" charset="0"/>
                <a:ea typeface="微软雅黑" pitchFamily="34" charset="-122"/>
                <a:cs typeface="Arial" pitchFamily="34" charset="0"/>
              </a:endParaRPr>
            </a:p>
          </p:txBody>
        </p:sp>
        <p:grpSp>
          <p:nvGrpSpPr>
            <p:cNvPr id="99" name="组合 335"/>
            <p:cNvGrpSpPr>
              <a:grpSpLocks noChangeAspect="1"/>
            </p:cNvGrpSpPr>
            <p:nvPr/>
          </p:nvGrpSpPr>
          <p:grpSpPr>
            <a:xfrm>
              <a:off x="4958768" y="3973076"/>
              <a:ext cx="318603" cy="396001"/>
              <a:chOff x="-1059997" y="-455159"/>
              <a:chExt cx="642113" cy="910317"/>
            </a:xfrm>
            <a:solidFill>
              <a:srgbClr val="F9F9F9"/>
            </a:solidFill>
          </p:grpSpPr>
          <p:sp>
            <p:nvSpPr>
              <p:cNvPr id="282" name="Rectangle 10"/>
              <p:cNvSpPr>
                <a:spLocks noChangeArrowheads="1"/>
              </p:cNvSpPr>
              <p:nvPr/>
            </p:nvSpPr>
            <p:spPr bwMode="auto">
              <a:xfrm>
                <a:off x="-890397" y="74150"/>
                <a:ext cx="302913" cy="325789"/>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86" name="Freeform 11"/>
              <p:cNvSpPr>
                <a:spLocks/>
              </p:cNvSpPr>
              <p:nvPr/>
            </p:nvSpPr>
            <p:spPr bwMode="auto">
              <a:xfrm>
                <a:off x="-954293" y="436226"/>
                <a:ext cx="430705" cy="18932"/>
              </a:xfrm>
              <a:custGeom>
                <a:avLst/>
                <a:gdLst/>
                <a:ahLst/>
                <a:cxnLst>
                  <a:cxn ang="0">
                    <a:pos x="7541" y="0"/>
                  </a:cxn>
                  <a:cxn ang="0">
                    <a:pos x="7561" y="2"/>
                  </a:cxn>
                  <a:cxn ang="0">
                    <a:pos x="7579" y="7"/>
                  </a:cxn>
                  <a:cxn ang="0">
                    <a:pos x="7597" y="17"/>
                  </a:cxn>
                  <a:cxn ang="0">
                    <a:pos x="7611" y="29"/>
                  </a:cxn>
                  <a:cxn ang="0">
                    <a:pos x="7623" y="43"/>
                  </a:cxn>
                  <a:cxn ang="0">
                    <a:pos x="7633" y="60"/>
                  </a:cxn>
                  <a:cxn ang="0">
                    <a:pos x="7638" y="78"/>
                  </a:cxn>
                  <a:cxn ang="0">
                    <a:pos x="7640" y="99"/>
                  </a:cxn>
                  <a:cxn ang="0">
                    <a:pos x="7640" y="251"/>
                  </a:cxn>
                  <a:cxn ang="0">
                    <a:pos x="7636" y="270"/>
                  </a:cxn>
                  <a:cxn ang="0">
                    <a:pos x="7628" y="287"/>
                  </a:cxn>
                  <a:cxn ang="0">
                    <a:pos x="7618" y="304"/>
                  </a:cxn>
                  <a:cxn ang="0">
                    <a:pos x="7604" y="318"/>
                  </a:cxn>
                  <a:cxn ang="0">
                    <a:pos x="7589" y="328"/>
                  </a:cxn>
                  <a:cxn ang="0">
                    <a:pos x="7570" y="336"/>
                  </a:cxn>
                  <a:cxn ang="0">
                    <a:pos x="7551" y="340"/>
                  </a:cxn>
                  <a:cxn ang="0">
                    <a:pos x="99" y="340"/>
                  </a:cxn>
                  <a:cxn ang="0">
                    <a:pos x="79" y="338"/>
                  </a:cxn>
                  <a:cxn ang="0">
                    <a:pos x="61" y="332"/>
                  </a:cxn>
                  <a:cxn ang="0">
                    <a:pos x="43" y="323"/>
                  </a:cxn>
                  <a:cxn ang="0">
                    <a:pos x="29" y="311"/>
                  </a:cxn>
                  <a:cxn ang="0">
                    <a:pos x="17" y="297"/>
                  </a:cxn>
                  <a:cxn ang="0">
                    <a:pos x="7" y="279"/>
                  </a:cxn>
                  <a:cxn ang="0">
                    <a:pos x="2" y="260"/>
                  </a:cxn>
                  <a:cxn ang="0">
                    <a:pos x="0" y="241"/>
                  </a:cxn>
                  <a:cxn ang="0">
                    <a:pos x="0" y="89"/>
                  </a:cxn>
                  <a:cxn ang="0">
                    <a:pos x="4" y="69"/>
                  </a:cxn>
                  <a:cxn ang="0">
                    <a:pos x="12" y="51"/>
                  </a:cxn>
                  <a:cxn ang="0">
                    <a:pos x="22" y="36"/>
                  </a:cxn>
                  <a:cxn ang="0">
                    <a:pos x="36" y="22"/>
                  </a:cxn>
                  <a:cxn ang="0">
                    <a:pos x="51" y="12"/>
                  </a:cxn>
                  <a:cxn ang="0">
                    <a:pos x="70" y="4"/>
                  </a:cxn>
                  <a:cxn ang="0">
                    <a:pos x="89" y="0"/>
                  </a:cxn>
                </a:cxnLst>
                <a:rect l="0" t="0" r="r" b="b"/>
                <a:pathLst>
                  <a:path w="7640" h="340">
                    <a:moveTo>
                      <a:pt x="99" y="0"/>
                    </a:moveTo>
                    <a:lnTo>
                      <a:pt x="7541" y="0"/>
                    </a:lnTo>
                    <a:lnTo>
                      <a:pt x="7551" y="0"/>
                    </a:lnTo>
                    <a:lnTo>
                      <a:pt x="7561" y="2"/>
                    </a:lnTo>
                    <a:lnTo>
                      <a:pt x="7570" y="4"/>
                    </a:lnTo>
                    <a:lnTo>
                      <a:pt x="7579" y="7"/>
                    </a:lnTo>
                    <a:lnTo>
                      <a:pt x="7589" y="12"/>
                    </a:lnTo>
                    <a:lnTo>
                      <a:pt x="7597" y="17"/>
                    </a:lnTo>
                    <a:lnTo>
                      <a:pt x="7604" y="22"/>
                    </a:lnTo>
                    <a:lnTo>
                      <a:pt x="7611" y="29"/>
                    </a:lnTo>
                    <a:lnTo>
                      <a:pt x="7618" y="36"/>
                    </a:lnTo>
                    <a:lnTo>
                      <a:pt x="7623" y="43"/>
                    </a:lnTo>
                    <a:lnTo>
                      <a:pt x="7628" y="51"/>
                    </a:lnTo>
                    <a:lnTo>
                      <a:pt x="7633" y="60"/>
                    </a:lnTo>
                    <a:lnTo>
                      <a:pt x="7636" y="69"/>
                    </a:lnTo>
                    <a:lnTo>
                      <a:pt x="7638" y="78"/>
                    </a:lnTo>
                    <a:lnTo>
                      <a:pt x="7640" y="89"/>
                    </a:lnTo>
                    <a:lnTo>
                      <a:pt x="7640" y="99"/>
                    </a:lnTo>
                    <a:lnTo>
                      <a:pt x="7640" y="241"/>
                    </a:lnTo>
                    <a:lnTo>
                      <a:pt x="7640" y="251"/>
                    </a:lnTo>
                    <a:lnTo>
                      <a:pt x="7638" y="260"/>
                    </a:lnTo>
                    <a:lnTo>
                      <a:pt x="7636" y="270"/>
                    </a:lnTo>
                    <a:lnTo>
                      <a:pt x="7633" y="279"/>
                    </a:lnTo>
                    <a:lnTo>
                      <a:pt x="7628" y="287"/>
                    </a:lnTo>
                    <a:lnTo>
                      <a:pt x="7623" y="297"/>
                    </a:lnTo>
                    <a:lnTo>
                      <a:pt x="7618" y="304"/>
                    </a:lnTo>
                    <a:lnTo>
                      <a:pt x="7611" y="311"/>
                    </a:lnTo>
                    <a:lnTo>
                      <a:pt x="7604" y="318"/>
                    </a:lnTo>
                    <a:lnTo>
                      <a:pt x="7597" y="323"/>
                    </a:lnTo>
                    <a:lnTo>
                      <a:pt x="7589" y="328"/>
                    </a:lnTo>
                    <a:lnTo>
                      <a:pt x="7579" y="332"/>
                    </a:lnTo>
                    <a:lnTo>
                      <a:pt x="7570" y="336"/>
                    </a:lnTo>
                    <a:lnTo>
                      <a:pt x="7561" y="338"/>
                    </a:lnTo>
                    <a:lnTo>
                      <a:pt x="7551" y="340"/>
                    </a:lnTo>
                    <a:lnTo>
                      <a:pt x="7541" y="340"/>
                    </a:lnTo>
                    <a:lnTo>
                      <a:pt x="99" y="340"/>
                    </a:lnTo>
                    <a:lnTo>
                      <a:pt x="89" y="340"/>
                    </a:lnTo>
                    <a:lnTo>
                      <a:pt x="79" y="338"/>
                    </a:lnTo>
                    <a:lnTo>
                      <a:pt x="70" y="336"/>
                    </a:lnTo>
                    <a:lnTo>
                      <a:pt x="61" y="332"/>
                    </a:lnTo>
                    <a:lnTo>
                      <a:pt x="51" y="328"/>
                    </a:lnTo>
                    <a:lnTo>
                      <a:pt x="43" y="323"/>
                    </a:lnTo>
                    <a:lnTo>
                      <a:pt x="36" y="318"/>
                    </a:lnTo>
                    <a:lnTo>
                      <a:pt x="29" y="311"/>
                    </a:lnTo>
                    <a:lnTo>
                      <a:pt x="22" y="304"/>
                    </a:lnTo>
                    <a:lnTo>
                      <a:pt x="17" y="297"/>
                    </a:lnTo>
                    <a:lnTo>
                      <a:pt x="12" y="287"/>
                    </a:lnTo>
                    <a:lnTo>
                      <a:pt x="7" y="279"/>
                    </a:lnTo>
                    <a:lnTo>
                      <a:pt x="4" y="270"/>
                    </a:lnTo>
                    <a:lnTo>
                      <a:pt x="2" y="260"/>
                    </a:lnTo>
                    <a:lnTo>
                      <a:pt x="0" y="251"/>
                    </a:lnTo>
                    <a:lnTo>
                      <a:pt x="0" y="241"/>
                    </a:lnTo>
                    <a:lnTo>
                      <a:pt x="0" y="99"/>
                    </a:lnTo>
                    <a:lnTo>
                      <a:pt x="0" y="89"/>
                    </a:lnTo>
                    <a:lnTo>
                      <a:pt x="2" y="78"/>
                    </a:lnTo>
                    <a:lnTo>
                      <a:pt x="4" y="69"/>
                    </a:lnTo>
                    <a:lnTo>
                      <a:pt x="7" y="60"/>
                    </a:lnTo>
                    <a:lnTo>
                      <a:pt x="12" y="51"/>
                    </a:lnTo>
                    <a:lnTo>
                      <a:pt x="17" y="43"/>
                    </a:lnTo>
                    <a:lnTo>
                      <a:pt x="22" y="36"/>
                    </a:lnTo>
                    <a:lnTo>
                      <a:pt x="29" y="29"/>
                    </a:lnTo>
                    <a:lnTo>
                      <a:pt x="36" y="22"/>
                    </a:lnTo>
                    <a:lnTo>
                      <a:pt x="43" y="17"/>
                    </a:lnTo>
                    <a:lnTo>
                      <a:pt x="51" y="12"/>
                    </a:lnTo>
                    <a:lnTo>
                      <a:pt x="61" y="7"/>
                    </a:lnTo>
                    <a:lnTo>
                      <a:pt x="70" y="4"/>
                    </a:lnTo>
                    <a:lnTo>
                      <a:pt x="79" y="2"/>
                    </a:lnTo>
                    <a:lnTo>
                      <a:pt x="89" y="0"/>
                    </a:lnTo>
                    <a:lnTo>
                      <a:pt x="99"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87" name="Freeform 12"/>
              <p:cNvSpPr>
                <a:spLocks/>
              </p:cNvSpPr>
              <p:nvPr/>
            </p:nvSpPr>
            <p:spPr bwMode="auto">
              <a:xfrm>
                <a:off x="-954293" y="372330"/>
                <a:ext cx="430705" cy="53641"/>
              </a:xfrm>
              <a:custGeom>
                <a:avLst/>
                <a:gdLst/>
                <a:ahLst/>
                <a:cxnLst>
                  <a:cxn ang="0">
                    <a:pos x="439" y="0"/>
                  </a:cxn>
                  <a:cxn ang="0">
                    <a:pos x="1006" y="0"/>
                  </a:cxn>
                  <a:cxn ang="0">
                    <a:pos x="1006" y="584"/>
                  </a:cxn>
                  <a:cxn ang="0">
                    <a:pos x="1006" y="703"/>
                  </a:cxn>
                  <a:cxn ang="0">
                    <a:pos x="6634" y="703"/>
                  </a:cxn>
                  <a:cxn ang="0">
                    <a:pos x="6634" y="584"/>
                  </a:cxn>
                  <a:cxn ang="0">
                    <a:pos x="6634" y="0"/>
                  </a:cxn>
                  <a:cxn ang="0">
                    <a:pos x="7144" y="0"/>
                  </a:cxn>
                  <a:cxn ang="0">
                    <a:pos x="7640" y="951"/>
                  </a:cxn>
                  <a:cxn ang="0">
                    <a:pos x="0" y="951"/>
                  </a:cxn>
                  <a:cxn ang="0">
                    <a:pos x="439" y="0"/>
                  </a:cxn>
                </a:cxnLst>
                <a:rect l="0" t="0" r="r" b="b"/>
                <a:pathLst>
                  <a:path w="7640" h="951">
                    <a:moveTo>
                      <a:pt x="439" y="0"/>
                    </a:moveTo>
                    <a:lnTo>
                      <a:pt x="1006" y="0"/>
                    </a:lnTo>
                    <a:lnTo>
                      <a:pt x="1006" y="584"/>
                    </a:lnTo>
                    <a:lnTo>
                      <a:pt x="1006" y="703"/>
                    </a:lnTo>
                    <a:lnTo>
                      <a:pt x="6634" y="703"/>
                    </a:lnTo>
                    <a:lnTo>
                      <a:pt x="6634" y="584"/>
                    </a:lnTo>
                    <a:lnTo>
                      <a:pt x="6634" y="0"/>
                    </a:lnTo>
                    <a:lnTo>
                      <a:pt x="7144" y="0"/>
                    </a:lnTo>
                    <a:lnTo>
                      <a:pt x="7640" y="951"/>
                    </a:lnTo>
                    <a:lnTo>
                      <a:pt x="0" y="951"/>
                    </a:lnTo>
                    <a:lnTo>
                      <a:pt x="439"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88" name="Rectangle 13"/>
              <p:cNvSpPr>
                <a:spLocks noChangeArrowheads="1"/>
              </p:cNvSpPr>
              <p:nvPr/>
            </p:nvSpPr>
            <p:spPr bwMode="auto">
              <a:xfrm>
                <a:off x="-780749" y="-455159"/>
                <a:ext cx="15777" cy="63896"/>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89" name="Rectangle 14"/>
              <p:cNvSpPr>
                <a:spLocks noChangeArrowheads="1"/>
              </p:cNvSpPr>
              <p:nvPr/>
            </p:nvSpPr>
            <p:spPr bwMode="auto">
              <a:xfrm>
                <a:off x="-712909" y="-455159"/>
                <a:ext cx="15777" cy="63896"/>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0" name="Freeform 15"/>
              <p:cNvSpPr>
                <a:spLocks/>
              </p:cNvSpPr>
              <p:nvPr/>
            </p:nvSpPr>
            <p:spPr bwMode="auto">
              <a:xfrm>
                <a:off x="-756295" y="-444115"/>
                <a:ext cx="34709" cy="35498"/>
              </a:xfrm>
              <a:custGeom>
                <a:avLst/>
                <a:gdLst/>
                <a:ahLst/>
                <a:cxnLst>
                  <a:cxn ang="0">
                    <a:pos x="345" y="625"/>
                  </a:cxn>
                  <a:cxn ang="0">
                    <a:pos x="391" y="617"/>
                  </a:cxn>
                  <a:cxn ang="0">
                    <a:pos x="435" y="602"/>
                  </a:cxn>
                  <a:cxn ang="0">
                    <a:pos x="475" y="581"/>
                  </a:cxn>
                  <a:cxn ang="0">
                    <a:pos x="512" y="554"/>
                  </a:cxn>
                  <a:cxn ang="0">
                    <a:pos x="544" y="524"/>
                  </a:cxn>
                  <a:cxn ang="0">
                    <a:pos x="573" y="488"/>
                  </a:cxn>
                  <a:cxn ang="0">
                    <a:pos x="595" y="448"/>
                  </a:cxn>
                  <a:cxn ang="0">
                    <a:pos x="612" y="406"/>
                  </a:cxn>
                  <a:cxn ang="0">
                    <a:pos x="622" y="360"/>
                  </a:cxn>
                  <a:cxn ang="0">
                    <a:pos x="626" y="313"/>
                  </a:cxn>
                  <a:cxn ang="0">
                    <a:pos x="622" y="265"/>
                  </a:cxn>
                  <a:cxn ang="0">
                    <a:pos x="612" y="220"/>
                  </a:cxn>
                  <a:cxn ang="0">
                    <a:pos x="595" y="178"/>
                  </a:cxn>
                  <a:cxn ang="0">
                    <a:pos x="573" y="138"/>
                  </a:cxn>
                  <a:cxn ang="0">
                    <a:pos x="544" y="103"/>
                  </a:cxn>
                  <a:cxn ang="0">
                    <a:pos x="512" y="72"/>
                  </a:cxn>
                  <a:cxn ang="0">
                    <a:pos x="475" y="45"/>
                  </a:cxn>
                  <a:cxn ang="0">
                    <a:pos x="435" y="24"/>
                  </a:cxn>
                  <a:cxn ang="0">
                    <a:pos x="391" y="10"/>
                  </a:cxn>
                  <a:cxn ang="0">
                    <a:pos x="345" y="1"/>
                  </a:cxn>
                  <a:cxn ang="0">
                    <a:pos x="297" y="0"/>
                  </a:cxn>
                  <a:cxn ang="0">
                    <a:pos x="250" y="6"/>
                  </a:cxn>
                  <a:cxn ang="0">
                    <a:pos x="206" y="19"/>
                  </a:cxn>
                  <a:cxn ang="0">
                    <a:pos x="164" y="37"/>
                  </a:cxn>
                  <a:cxn ang="0">
                    <a:pos x="126" y="63"/>
                  </a:cxn>
                  <a:cxn ang="0">
                    <a:pos x="92" y="92"/>
                  </a:cxn>
                  <a:cxn ang="0">
                    <a:pos x="62" y="126"/>
                  </a:cxn>
                  <a:cxn ang="0">
                    <a:pos x="38" y="164"/>
                  </a:cxn>
                  <a:cxn ang="0">
                    <a:pos x="19" y="206"/>
                  </a:cxn>
                  <a:cxn ang="0">
                    <a:pos x="7" y="250"/>
                  </a:cxn>
                  <a:cxn ang="0">
                    <a:pos x="1" y="297"/>
                  </a:cxn>
                  <a:cxn ang="0">
                    <a:pos x="2" y="345"/>
                  </a:cxn>
                  <a:cxn ang="0">
                    <a:pos x="10" y="392"/>
                  </a:cxn>
                  <a:cxn ang="0">
                    <a:pos x="25" y="435"/>
                  </a:cxn>
                  <a:cxn ang="0">
                    <a:pos x="45" y="476"/>
                  </a:cxn>
                  <a:cxn ang="0">
                    <a:pos x="71" y="512"/>
                  </a:cxn>
                  <a:cxn ang="0">
                    <a:pos x="103" y="545"/>
                  </a:cxn>
                  <a:cxn ang="0">
                    <a:pos x="138" y="572"/>
                  </a:cxn>
                  <a:cxn ang="0">
                    <a:pos x="177" y="596"/>
                  </a:cxn>
                  <a:cxn ang="0">
                    <a:pos x="220" y="612"/>
                  </a:cxn>
                  <a:cxn ang="0">
                    <a:pos x="265" y="623"/>
                  </a:cxn>
                  <a:cxn ang="0">
                    <a:pos x="314" y="626"/>
                  </a:cxn>
                </a:cxnLst>
                <a:rect l="0" t="0" r="r" b="b"/>
                <a:pathLst>
                  <a:path w="626" h="626">
                    <a:moveTo>
                      <a:pt x="314" y="626"/>
                    </a:moveTo>
                    <a:lnTo>
                      <a:pt x="329" y="626"/>
                    </a:lnTo>
                    <a:lnTo>
                      <a:pt x="345" y="625"/>
                    </a:lnTo>
                    <a:lnTo>
                      <a:pt x="361" y="623"/>
                    </a:lnTo>
                    <a:lnTo>
                      <a:pt x="376" y="620"/>
                    </a:lnTo>
                    <a:lnTo>
                      <a:pt x="391" y="617"/>
                    </a:lnTo>
                    <a:lnTo>
                      <a:pt x="406" y="612"/>
                    </a:lnTo>
                    <a:lnTo>
                      <a:pt x="420" y="607"/>
                    </a:lnTo>
                    <a:lnTo>
                      <a:pt x="435" y="602"/>
                    </a:lnTo>
                    <a:lnTo>
                      <a:pt x="449" y="596"/>
                    </a:lnTo>
                    <a:lnTo>
                      <a:pt x="462" y="589"/>
                    </a:lnTo>
                    <a:lnTo>
                      <a:pt x="475" y="581"/>
                    </a:lnTo>
                    <a:lnTo>
                      <a:pt x="488" y="572"/>
                    </a:lnTo>
                    <a:lnTo>
                      <a:pt x="500" y="564"/>
                    </a:lnTo>
                    <a:lnTo>
                      <a:pt x="512" y="554"/>
                    </a:lnTo>
                    <a:lnTo>
                      <a:pt x="523" y="545"/>
                    </a:lnTo>
                    <a:lnTo>
                      <a:pt x="534" y="534"/>
                    </a:lnTo>
                    <a:lnTo>
                      <a:pt x="544" y="524"/>
                    </a:lnTo>
                    <a:lnTo>
                      <a:pt x="555" y="512"/>
                    </a:lnTo>
                    <a:lnTo>
                      <a:pt x="564" y="501"/>
                    </a:lnTo>
                    <a:lnTo>
                      <a:pt x="573" y="488"/>
                    </a:lnTo>
                    <a:lnTo>
                      <a:pt x="581" y="476"/>
                    </a:lnTo>
                    <a:lnTo>
                      <a:pt x="588" y="462"/>
                    </a:lnTo>
                    <a:lnTo>
                      <a:pt x="595" y="448"/>
                    </a:lnTo>
                    <a:lnTo>
                      <a:pt x="601" y="435"/>
                    </a:lnTo>
                    <a:lnTo>
                      <a:pt x="607" y="421"/>
                    </a:lnTo>
                    <a:lnTo>
                      <a:pt x="612" y="406"/>
                    </a:lnTo>
                    <a:lnTo>
                      <a:pt x="616" y="392"/>
                    </a:lnTo>
                    <a:lnTo>
                      <a:pt x="619" y="377"/>
                    </a:lnTo>
                    <a:lnTo>
                      <a:pt x="622" y="360"/>
                    </a:lnTo>
                    <a:lnTo>
                      <a:pt x="624" y="345"/>
                    </a:lnTo>
                    <a:lnTo>
                      <a:pt x="625" y="329"/>
                    </a:lnTo>
                    <a:lnTo>
                      <a:pt x="626" y="313"/>
                    </a:lnTo>
                    <a:lnTo>
                      <a:pt x="625" y="297"/>
                    </a:lnTo>
                    <a:lnTo>
                      <a:pt x="624" y="281"/>
                    </a:lnTo>
                    <a:lnTo>
                      <a:pt x="622" y="265"/>
                    </a:lnTo>
                    <a:lnTo>
                      <a:pt x="619" y="250"/>
                    </a:lnTo>
                    <a:lnTo>
                      <a:pt x="616" y="235"/>
                    </a:lnTo>
                    <a:lnTo>
                      <a:pt x="612" y="220"/>
                    </a:lnTo>
                    <a:lnTo>
                      <a:pt x="607" y="206"/>
                    </a:lnTo>
                    <a:lnTo>
                      <a:pt x="601" y="192"/>
                    </a:lnTo>
                    <a:lnTo>
                      <a:pt x="595" y="178"/>
                    </a:lnTo>
                    <a:lnTo>
                      <a:pt x="588" y="164"/>
                    </a:lnTo>
                    <a:lnTo>
                      <a:pt x="581" y="150"/>
                    </a:lnTo>
                    <a:lnTo>
                      <a:pt x="573" y="138"/>
                    </a:lnTo>
                    <a:lnTo>
                      <a:pt x="564" y="126"/>
                    </a:lnTo>
                    <a:lnTo>
                      <a:pt x="555" y="114"/>
                    </a:lnTo>
                    <a:lnTo>
                      <a:pt x="544" y="103"/>
                    </a:lnTo>
                    <a:lnTo>
                      <a:pt x="534" y="92"/>
                    </a:lnTo>
                    <a:lnTo>
                      <a:pt x="523" y="82"/>
                    </a:lnTo>
                    <a:lnTo>
                      <a:pt x="512" y="72"/>
                    </a:lnTo>
                    <a:lnTo>
                      <a:pt x="500" y="63"/>
                    </a:lnTo>
                    <a:lnTo>
                      <a:pt x="488" y="53"/>
                    </a:lnTo>
                    <a:lnTo>
                      <a:pt x="475" y="45"/>
                    </a:lnTo>
                    <a:lnTo>
                      <a:pt x="462" y="37"/>
                    </a:lnTo>
                    <a:lnTo>
                      <a:pt x="449" y="31"/>
                    </a:lnTo>
                    <a:lnTo>
                      <a:pt x="435" y="24"/>
                    </a:lnTo>
                    <a:lnTo>
                      <a:pt x="420" y="19"/>
                    </a:lnTo>
                    <a:lnTo>
                      <a:pt x="406" y="14"/>
                    </a:lnTo>
                    <a:lnTo>
                      <a:pt x="391" y="10"/>
                    </a:lnTo>
                    <a:lnTo>
                      <a:pt x="376" y="6"/>
                    </a:lnTo>
                    <a:lnTo>
                      <a:pt x="361" y="3"/>
                    </a:lnTo>
                    <a:lnTo>
                      <a:pt x="345" y="1"/>
                    </a:lnTo>
                    <a:lnTo>
                      <a:pt x="329" y="0"/>
                    </a:lnTo>
                    <a:lnTo>
                      <a:pt x="314" y="0"/>
                    </a:lnTo>
                    <a:lnTo>
                      <a:pt x="297" y="0"/>
                    </a:lnTo>
                    <a:lnTo>
                      <a:pt x="281" y="1"/>
                    </a:lnTo>
                    <a:lnTo>
                      <a:pt x="265" y="3"/>
                    </a:lnTo>
                    <a:lnTo>
                      <a:pt x="250" y="6"/>
                    </a:lnTo>
                    <a:lnTo>
                      <a:pt x="235" y="10"/>
                    </a:lnTo>
                    <a:lnTo>
                      <a:pt x="220" y="14"/>
                    </a:lnTo>
                    <a:lnTo>
                      <a:pt x="206" y="19"/>
                    </a:lnTo>
                    <a:lnTo>
                      <a:pt x="191" y="24"/>
                    </a:lnTo>
                    <a:lnTo>
                      <a:pt x="177" y="31"/>
                    </a:lnTo>
                    <a:lnTo>
                      <a:pt x="164" y="37"/>
                    </a:lnTo>
                    <a:lnTo>
                      <a:pt x="151" y="45"/>
                    </a:lnTo>
                    <a:lnTo>
                      <a:pt x="138" y="53"/>
                    </a:lnTo>
                    <a:lnTo>
                      <a:pt x="126" y="63"/>
                    </a:lnTo>
                    <a:lnTo>
                      <a:pt x="114" y="72"/>
                    </a:lnTo>
                    <a:lnTo>
                      <a:pt x="103" y="82"/>
                    </a:lnTo>
                    <a:lnTo>
                      <a:pt x="92" y="92"/>
                    </a:lnTo>
                    <a:lnTo>
                      <a:pt x="82" y="103"/>
                    </a:lnTo>
                    <a:lnTo>
                      <a:pt x="71" y="114"/>
                    </a:lnTo>
                    <a:lnTo>
                      <a:pt x="62" y="126"/>
                    </a:lnTo>
                    <a:lnTo>
                      <a:pt x="53" y="138"/>
                    </a:lnTo>
                    <a:lnTo>
                      <a:pt x="45" y="150"/>
                    </a:lnTo>
                    <a:lnTo>
                      <a:pt x="38" y="164"/>
                    </a:lnTo>
                    <a:lnTo>
                      <a:pt x="31" y="178"/>
                    </a:lnTo>
                    <a:lnTo>
                      <a:pt x="25" y="192"/>
                    </a:lnTo>
                    <a:lnTo>
                      <a:pt x="19" y="206"/>
                    </a:lnTo>
                    <a:lnTo>
                      <a:pt x="14" y="220"/>
                    </a:lnTo>
                    <a:lnTo>
                      <a:pt x="10" y="235"/>
                    </a:lnTo>
                    <a:lnTo>
                      <a:pt x="7" y="250"/>
                    </a:lnTo>
                    <a:lnTo>
                      <a:pt x="4" y="265"/>
                    </a:lnTo>
                    <a:lnTo>
                      <a:pt x="2" y="281"/>
                    </a:lnTo>
                    <a:lnTo>
                      <a:pt x="1" y="297"/>
                    </a:lnTo>
                    <a:lnTo>
                      <a:pt x="0" y="313"/>
                    </a:lnTo>
                    <a:lnTo>
                      <a:pt x="1" y="329"/>
                    </a:lnTo>
                    <a:lnTo>
                      <a:pt x="2" y="345"/>
                    </a:lnTo>
                    <a:lnTo>
                      <a:pt x="4" y="360"/>
                    </a:lnTo>
                    <a:lnTo>
                      <a:pt x="7" y="377"/>
                    </a:lnTo>
                    <a:lnTo>
                      <a:pt x="10" y="392"/>
                    </a:lnTo>
                    <a:lnTo>
                      <a:pt x="14" y="406"/>
                    </a:lnTo>
                    <a:lnTo>
                      <a:pt x="19" y="421"/>
                    </a:lnTo>
                    <a:lnTo>
                      <a:pt x="25" y="435"/>
                    </a:lnTo>
                    <a:lnTo>
                      <a:pt x="31" y="448"/>
                    </a:lnTo>
                    <a:lnTo>
                      <a:pt x="38" y="462"/>
                    </a:lnTo>
                    <a:lnTo>
                      <a:pt x="45" y="476"/>
                    </a:lnTo>
                    <a:lnTo>
                      <a:pt x="53" y="488"/>
                    </a:lnTo>
                    <a:lnTo>
                      <a:pt x="62" y="501"/>
                    </a:lnTo>
                    <a:lnTo>
                      <a:pt x="71" y="512"/>
                    </a:lnTo>
                    <a:lnTo>
                      <a:pt x="82" y="524"/>
                    </a:lnTo>
                    <a:lnTo>
                      <a:pt x="92" y="534"/>
                    </a:lnTo>
                    <a:lnTo>
                      <a:pt x="103" y="545"/>
                    </a:lnTo>
                    <a:lnTo>
                      <a:pt x="114" y="554"/>
                    </a:lnTo>
                    <a:lnTo>
                      <a:pt x="126" y="564"/>
                    </a:lnTo>
                    <a:lnTo>
                      <a:pt x="138" y="572"/>
                    </a:lnTo>
                    <a:lnTo>
                      <a:pt x="151" y="581"/>
                    </a:lnTo>
                    <a:lnTo>
                      <a:pt x="164" y="589"/>
                    </a:lnTo>
                    <a:lnTo>
                      <a:pt x="177" y="596"/>
                    </a:lnTo>
                    <a:lnTo>
                      <a:pt x="191" y="602"/>
                    </a:lnTo>
                    <a:lnTo>
                      <a:pt x="206" y="607"/>
                    </a:lnTo>
                    <a:lnTo>
                      <a:pt x="220" y="612"/>
                    </a:lnTo>
                    <a:lnTo>
                      <a:pt x="235" y="617"/>
                    </a:lnTo>
                    <a:lnTo>
                      <a:pt x="250" y="620"/>
                    </a:lnTo>
                    <a:lnTo>
                      <a:pt x="265" y="623"/>
                    </a:lnTo>
                    <a:lnTo>
                      <a:pt x="281" y="625"/>
                    </a:lnTo>
                    <a:lnTo>
                      <a:pt x="297" y="626"/>
                    </a:lnTo>
                    <a:lnTo>
                      <a:pt x="314" y="62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1" name="Rectangle 16"/>
              <p:cNvSpPr>
                <a:spLocks noChangeArrowheads="1"/>
              </p:cNvSpPr>
              <p:nvPr/>
            </p:nvSpPr>
            <p:spPr bwMode="auto">
              <a:xfrm>
                <a:off x="-771283" y="-407040"/>
                <a:ext cx="64685" cy="15777"/>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2" name="Rectangle 17"/>
              <p:cNvSpPr>
                <a:spLocks noChangeArrowheads="1"/>
              </p:cNvSpPr>
              <p:nvPr/>
            </p:nvSpPr>
            <p:spPr bwMode="auto">
              <a:xfrm>
                <a:off x="-771283" y="-455159"/>
                <a:ext cx="64685" cy="7100"/>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3" name="Freeform 18"/>
              <p:cNvSpPr>
                <a:spLocks noEditPoints="1"/>
              </p:cNvSpPr>
              <p:nvPr/>
            </p:nvSpPr>
            <p:spPr bwMode="auto">
              <a:xfrm>
                <a:off x="-1059997" y="-391263"/>
                <a:ext cx="642113" cy="386530"/>
              </a:xfrm>
              <a:custGeom>
                <a:avLst/>
                <a:gdLst/>
                <a:ahLst/>
                <a:cxnLst>
                  <a:cxn ang="0">
                    <a:pos x="11193" y="1"/>
                  </a:cxn>
                  <a:cxn ang="0">
                    <a:pos x="11237" y="10"/>
                  </a:cxn>
                  <a:cxn ang="0">
                    <a:pos x="11277" y="27"/>
                  </a:cxn>
                  <a:cxn ang="0">
                    <a:pos x="11329" y="67"/>
                  </a:cxn>
                  <a:cxn ang="0">
                    <a:pos x="11369" y="119"/>
                  </a:cxn>
                  <a:cxn ang="0">
                    <a:pos x="11386" y="159"/>
                  </a:cxn>
                  <a:cxn ang="0">
                    <a:pos x="11395" y="204"/>
                  </a:cxn>
                  <a:cxn ang="0">
                    <a:pos x="11396" y="6638"/>
                  </a:cxn>
                  <a:cxn ang="0">
                    <a:pos x="11389" y="6682"/>
                  </a:cxn>
                  <a:cxn ang="0">
                    <a:pos x="11374" y="6724"/>
                  </a:cxn>
                  <a:cxn ang="0">
                    <a:pos x="11351" y="6761"/>
                  </a:cxn>
                  <a:cxn ang="0">
                    <a:pos x="11321" y="6794"/>
                  </a:cxn>
                  <a:cxn ang="0">
                    <a:pos x="11287" y="6820"/>
                  </a:cxn>
                  <a:cxn ang="0">
                    <a:pos x="11248" y="6839"/>
                  </a:cxn>
                  <a:cxn ang="0">
                    <a:pos x="11204" y="6850"/>
                  </a:cxn>
                  <a:cxn ang="0">
                    <a:pos x="226" y="6852"/>
                  </a:cxn>
                  <a:cxn ang="0">
                    <a:pos x="181" y="6848"/>
                  </a:cxn>
                  <a:cxn ang="0">
                    <a:pos x="138" y="6835"/>
                  </a:cxn>
                  <a:cxn ang="0">
                    <a:pos x="100" y="6814"/>
                  </a:cxn>
                  <a:cxn ang="0">
                    <a:pos x="67" y="6786"/>
                  </a:cxn>
                  <a:cxn ang="0">
                    <a:pos x="38" y="6752"/>
                  </a:cxn>
                  <a:cxn ang="0">
                    <a:pos x="18" y="6714"/>
                  </a:cxn>
                  <a:cxn ang="0">
                    <a:pos x="5" y="6671"/>
                  </a:cxn>
                  <a:cxn ang="0">
                    <a:pos x="0" y="6626"/>
                  </a:cxn>
                  <a:cxn ang="0">
                    <a:pos x="3" y="192"/>
                  </a:cxn>
                  <a:cxn ang="0">
                    <a:pos x="14" y="149"/>
                  </a:cxn>
                  <a:cxn ang="0">
                    <a:pos x="32" y="109"/>
                  </a:cxn>
                  <a:cxn ang="0">
                    <a:pos x="58" y="75"/>
                  </a:cxn>
                  <a:cxn ang="0">
                    <a:pos x="91" y="45"/>
                  </a:cxn>
                  <a:cxn ang="0">
                    <a:pos x="128" y="23"/>
                  </a:cxn>
                  <a:cxn ang="0">
                    <a:pos x="169" y="7"/>
                  </a:cxn>
                  <a:cxn ang="0">
                    <a:pos x="214" y="1"/>
                  </a:cxn>
                  <a:cxn ang="0">
                    <a:pos x="10866" y="306"/>
                  </a:cxn>
                  <a:cxn ang="0">
                    <a:pos x="10919" y="315"/>
                  </a:cxn>
                  <a:cxn ang="0">
                    <a:pos x="10992" y="353"/>
                  </a:cxn>
                  <a:cxn ang="0">
                    <a:pos x="11043" y="414"/>
                  </a:cxn>
                  <a:cxn ang="0">
                    <a:pos x="11066" y="481"/>
                  </a:cxn>
                  <a:cxn ang="0">
                    <a:pos x="11069" y="6340"/>
                  </a:cxn>
                  <a:cxn ang="0">
                    <a:pos x="11064" y="6382"/>
                  </a:cxn>
                  <a:cxn ang="0">
                    <a:pos x="11052" y="6421"/>
                  </a:cxn>
                  <a:cxn ang="0">
                    <a:pos x="11007" y="6487"/>
                  </a:cxn>
                  <a:cxn ang="0">
                    <a:pos x="10939" y="6530"/>
                  </a:cxn>
                  <a:cxn ang="0">
                    <a:pos x="10899" y="6542"/>
                  </a:cxn>
                  <a:cxn ang="0">
                    <a:pos x="10856" y="6546"/>
                  </a:cxn>
                  <a:cxn ang="0">
                    <a:pos x="507" y="6544"/>
                  </a:cxn>
                  <a:cxn ang="0">
                    <a:pos x="467" y="6534"/>
                  </a:cxn>
                  <a:cxn ang="0">
                    <a:pos x="404" y="6500"/>
                  </a:cxn>
                  <a:cxn ang="0">
                    <a:pos x="358" y="6447"/>
                  </a:cxn>
                  <a:cxn ang="0">
                    <a:pos x="340" y="6411"/>
                  </a:cxn>
                  <a:cxn ang="0">
                    <a:pos x="330" y="6371"/>
                  </a:cxn>
                  <a:cxn ang="0">
                    <a:pos x="327" y="512"/>
                  </a:cxn>
                  <a:cxn ang="0">
                    <a:pos x="331" y="471"/>
                  </a:cxn>
                  <a:cxn ang="0">
                    <a:pos x="344" y="432"/>
                  </a:cxn>
                  <a:cxn ang="0">
                    <a:pos x="389" y="366"/>
                  </a:cxn>
                  <a:cxn ang="0">
                    <a:pos x="457" y="322"/>
                  </a:cxn>
                  <a:cxn ang="0">
                    <a:pos x="518" y="307"/>
                  </a:cxn>
                </a:cxnLst>
                <a:rect l="0" t="0" r="r" b="b"/>
                <a:pathLst>
                  <a:path w="11396" h="6852">
                    <a:moveTo>
                      <a:pt x="226" y="0"/>
                    </a:moveTo>
                    <a:lnTo>
                      <a:pt x="11170" y="0"/>
                    </a:lnTo>
                    <a:lnTo>
                      <a:pt x="11181" y="1"/>
                    </a:lnTo>
                    <a:lnTo>
                      <a:pt x="11193" y="1"/>
                    </a:lnTo>
                    <a:lnTo>
                      <a:pt x="11204" y="3"/>
                    </a:lnTo>
                    <a:lnTo>
                      <a:pt x="11215" y="5"/>
                    </a:lnTo>
                    <a:lnTo>
                      <a:pt x="11227" y="7"/>
                    </a:lnTo>
                    <a:lnTo>
                      <a:pt x="11237" y="10"/>
                    </a:lnTo>
                    <a:lnTo>
                      <a:pt x="11248" y="14"/>
                    </a:lnTo>
                    <a:lnTo>
                      <a:pt x="11258" y="18"/>
                    </a:lnTo>
                    <a:lnTo>
                      <a:pt x="11268" y="23"/>
                    </a:lnTo>
                    <a:lnTo>
                      <a:pt x="11277" y="27"/>
                    </a:lnTo>
                    <a:lnTo>
                      <a:pt x="11287" y="33"/>
                    </a:lnTo>
                    <a:lnTo>
                      <a:pt x="11296" y="39"/>
                    </a:lnTo>
                    <a:lnTo>
                      <a:pt x="11313" y="52"/>
                    </a:lnTo>
                    <a:lnTo>
                      <a:pt x="11329" y="67"/>
                    </a:lnTo>
                    <a:lnTo>
                      <a:pt x="11345" y="83"/>
                    </a:lnTo>
                    <a:lnTo>
                      <a:pt x="11358" y="100"/>
                    </a:lnTo>
                    <a:lnTo>
                      <a:pt x="11363" y="109"/>
                    </a:lnTo>
                    <a:lnTo>
                      <a:pt x="11369" y="119"/>
                    </a:lnTo>
                    <a:lnTo>
                      <a:pt x="11374" y="128"/>
                    </a:lnTo>
                    <a:lnTo>
                      <a:pt x="11378" y="138"/>
                    </a:lnTo>
                    <a:lnTo>
                      <a:pt x="11382" y="149"/>
                    </a:lnTo>
                    <a:lnTo>
                      <a:pt x="11386" y="159"/>
                    </a:lnTo>
                    <a:lnTo>
                      <a:pt x="11389" y="171"/>
                    </a:lnTo>
                    <a:lnTo>
                      <a:pt x="11391" y="181"/>
                    </a:lnTo>
                    <a:lnTo>
                      <a:pt x="11393" y="192"/>
                    </a:lnTo>
                    <a:lnTo>
                      <a:pt x="11395" y="204"/>
                    </a:lnTo>
                    <a:lnTo>
                      <a:pt x="11396" y="215"/>
                    </a:lnTo>
                    <a:lnTo>
                      <a:pt x="11396" y="226"/>
                    </a:lnTo>
                    <a:lnTo>
                      <a:pt x="11396" y="6626"/>
                    </a:lnTo>
                    <a:lnTo>
                      <a:pt x="11396" y="6638"/>
                    </a:lnTo>
                    <a:lnTo>
                      <a:pt x="11395" y="6649"/>
                    </a:lnTo>
                    <a:lnTo>
                      <a:pt x="11393" y="6660"/>
                    </a:lnTo>
                    <a:lnTo>
                      <a:pt x="11391" y="6671"/>
                    </a:lnTo>
                    <a:lnTo>
                      <a:pt x="11389" y="6682"/>
                    </a:lnTo>
                    <a:lnTo>
                      <a:pt x="11386" y="6694"/>
                    </a:lnTo>
                    <a:lnTo>
                      <a:pt x="11382" y="6704"/>
                    </a:lnTo>
                    <a:lnTo>
                      <a:pt x="11378" y="6714"/>
                    </a:lnTo>
                    <a:lnTo>
                      <a:pt x="11374" y="6724"/>
                    </a:lnTo>
                    <a:lnTo>
                      <a:pt x="11369" y="6734"/>
                    </a:lnTo>
                    <a:lnTo>
                      <a:pt x="11363" y="6743"/>
                    </a:lnTo>
                    <a:lnTo>
                      <a:pt x="11358" y="6752"/>
                    </a:lnTo>
                    <a:lnTo>
                      <a:pt x="11351" y="6761"/>
                    </a:lnTo>
                    <a:lnTo>
                      <a:pt x="11345" y="6770"/>
                    </a:lnTo>
                    <a:lnTo>
                      <a:pt x="11338" y="6778"/>
                    </a:lnTo>
                    <a:lnTo>
                      <a:pt x="11329" y="6786"/>
                    </a:lnTo>
                    <a:lnTo>
                      <a:pt x="11321" y="6794"/>
                    </a:lnTo>
                    <a:lnTo>
                      <a:pt x="11313" y="6801"/>
                    </a:lnTo>
                    <a:lnTo>
                      <a:pt x="11305" y="6808"/>
                    </a:lnTo>
                    <a:lnTo>
                      <a:pt x="11296" y="6814"/>
                    </a:lnTo>
                    <a:lnTo>
                      <a:pt x="11287" y="6820"/>
                    </a:lnTo>
                    <a:lnTo>
                      <a:pt x="11277" y="6825"/>
                    </a:lnTo>
                    <a:lnTo>
                      <a:pt x="11268" y="6830"/>
                    </a:lnTo>
                    <a:lnTo>
                      <a:pt x="11258" y="6835"/>
                    </a:lnTo>
                    <a:lnTo>
                      <a:pt x="11248" y="6839"/>
                    </a:lnTo>
                    <a:lnTo>
                      <a:pt x="11237" y="6842"/>
                    </a:lnTo>
                    <a:lnTo>
                      <a:pt x="11227" y="6845"/>
                    </a:lnTo>
                    <a:lnTo>
                      <a:pt x="11215" y="6848"/>
                    </a:lnTo>
                    <a:lnTo>
                      <a:pt x="11204" y="6850"/>
                    </a:lnTo>
                    <a:lnTo>
                      <a:pt x="11193" y="6851"/>
                    </a:lnTo>
                    <a:lnTo>
                      <a:pt x="11181" y="6852"/>
                    </a:lnTo>
                    <a:lnTo>
                      <a:pt x="11170" y="6852"/>
                    </a:lnTo>
                    <a:lnTo>
                      <a:pt x="226" y="6852"/>
                    </a:lnTo>
                    <a:lnTo>
                      <a:pt x="214" y="6852"/>
                    </a:lnTo>
                    <a:lnTo>
                      <a:pt x="203" y="6851"/>
                    </a:lnTo>
                    <a:lnTo>
                      <a:pt x="192" y="6850"/>
                    </a:lnTo>
                    <a:lnTo>
                      <a:pt x="181" y="6848"/>
                    </a:lnTo>
                    <a:lnTo>
                      <a:pt x="169" y="6845"/>
                    </a:lnTo>
                    <a:lnTo>
                      <a:pt x="159" y="6842"/>
                    </a:lnTo>
                    <a:lnTo>
                      <a:pt x="148" y="6839"/>
                    </a:lnTo>
                    <a:lnTo>
                      <a:pt x="138" y="6835"/>
                    </a:lnTo>
                    <a:lnTo>
                      <a:pt x="128" y="6830"/>
                    </a:lnTo>
                    <a:lnTo>
                      <a:pt x="118" y="6825"/>
                    </a:lnTo>
                    <a:lnTo>
                      <a:pt x="109" y="6820"/>
                    </a:lnTo>
                    <a:lnTo>
                      <a:pt x="100" y="6814"/>
                    </a:lnTo>
                    <a:lnTo>
                      <a:pt x="91" y="6808"/>
                    </a:lnTo>
                    <a:lnTo>
                      <a:pt x="83" y="6801"/>
                    </a:lnTo>
                    <a:lnTo>
                      <a:pt x="75" y="6794"/>
                    </a:lnTo>
                    <a:lnTo>
                      <a:pt x="67" y="6786"/>
                    </a:lnTo>
                    <a:lnTo>
                      <a:pt x="58" y="6778"/>
                    </a:lnTo>
                    <a:lnTo>
                      <a:pt x="51" y="6770"/>
                    </a:lnTo>
                    <a:lnTo>
                      <a:pt x="45" y="6761"/>
                    </a:lnTo>
                    <a:lnTo>
                      <a:pt x="38" y="6752"/>
                    </a:lnTo>
                    <a:lnTo>
                      <a:pt x="32" y="6743"/>
                    </a:lnTo>
                    <a:lnTo>
                      <a:pt x="27" y="6734"/>
                    </a:lnTo>
                    <a:lnTo>
                      <a:pt x="22" y="6724"/>
                    </a:lnTo>
                    <a:lnTo>
                      <a:pt x="18" y="6714"/>
                    </a:lnTo>
                    <a:lnTo>
                      <a:pt x="14" y="6704"/>
                    </a:lnTo>
                    <a:lnTo>
                      <a:pt x="10" y="6694"/>
                    </a:lnTo>
                    <a:lnTo>
                      <a:pt x="7" y="6682"/>
                    </a:lnTo>
                    <a:lnTo>
                      <a:pt x="5" y="6671"/>
                    </a:lnTo>
                    <a:lnTo>
                      <a:pt x="3" y="6660"/>
                    </a:lnTo>
                    <a:lnTo>
                      <a:pt x="1" y="6649"/>
                    </a:lnTo>
                    <a:lnTo>
                      <a:pt x="0" y="6638"/>
                    </a:lnTo>
                    <a:lnTo>
                      <a:pt x="0" y="6626"/>
                    </a:lnTo>
                    <a:lnTo>
                      <a:pt x="0" y="226"/>
                    </a:lnTo>
                    <a:lnTo>
                      <a:pt x="0" y="215"/>
                    </a:lnTo>
                    <a:lnTo>
                      <a:pt x="1" y="204"/>
                    </a:lnTo>
                    <a:lnTo>
                      <a:pt x="3" y="192"/>
                    </a:lnTo>
                    <a:lnTo>
                      <a:pt x="5" y="181"/>
                    </a:lnTo>
                    <a:lnTo>
                      <a:pt x="7" y="171"/>
                    </a:lnTo>
                    <a:lnTo>
                      <a:pt x="10" y="159"/>
                    </a:lnTo>
                    <a:lnTo>
                      <a:pt x="14" y="149"/>
                    </a:lnTo>
                    <a:lnTo>
                      <a:pt x="18" y="138"/>
                    </a:lnTo>
                    <a:lnTo>
                      <a:pt x="22" y="128"/>
                    </a:lnTo>
                    <a:lnTo>
                      <a:pt x="27" y="119"/>
                    </a:lnTo>
                    <a:lnTo>
                      <a:pt x="32" y="109"/>
                    </a:lnTo>
                    <a:lnTo>
                      <a:pt x="38" y="100"/>
                    </a:lnTo>
                    <a:lnTo>
                      <a:pt x="45" y="92"/>
                    </a:lnTo>
                    <a:lnTo>
                      <a:pt x="51" y="83"/>
                    </a:lnTo>
                    <a:lnTo>
                      <a:pt x="58" y="75"/>
                    </a:lnTo>
                    <a:lnTo>
                      <a:pt x="67" y="67"/>
                    </a:lnTo>
                    <a:lnTo>
                      <a:pt x="75" y="60"/>
                    </a:lnTo>
                    <a:lnTo>
                      <a:pt x="83" y="52"/>
                    </a:lnTo>
                    <a:lnTo>
                      <a:pt x="91" y="45"/>
                    </a:lnTo>
                    <a:lnTo>
                      <a:pt x="100" y="39"/>
                    </a:lnTo>
                    <a:lnTo>
                      <a:pt x="109" y="33"/>
                    </a:lnTo>
                    <a:lnTo>
                      <a:pt x="118" y="27"/>
                    </a:lnTo>
                    <a:lnTo>
                      <a:pt x="128" y="23"/>
                    </a:lnTo>
                    <a:lnTo>
                      <a:pt x="138" y="18"/>
                    </a:lnTo>
                    <a:lnTo>
                      <a:pt x="148" y="14"/>
                    </a:lnTo>
                    <a:lnTo>
                      <a:pt x="159" y="10"/>
                    </a:lnTo>
                    <a:lnTo>
                      <a:pt x="169" y="7"/>
                    </a:lnTo>
                    <a:lnTo>
                      <a:pt x="181" y="5"/>
                    </a:lnTo>
                    <a:lnTo>
                      <a:pt x="192" y="3"/>
                    </a:lnTo>
                    <a:lnTo>
                      <a:pt x="203" y="1"/>
                    </a:lnTo>
                    <a:lnTo>
                      <a:pt x="214" y="1"/>
                    </a:lnTo>
                    <a:lnTo>
                      <a:pt x="226" y="0"/>
                    </a:lnTo>
                    <a:close/>
                    <a:moveTo>
                      <a:pt x="540" y="306"/>
                    </a:moveTo>
                    <a:lnTo>
                      <a:pt x="10856" y="306"/>
                    </a:lnTo>
                    <a:lnTo>
                      <a:pt x="10866" y="306"/>
                    </a:lnTo>
                    <a:lnTo>
                      <a:pt x="10878" y="307"/>
                    </a:lnTo>
                    <a:lnTo>
                      <a:pt x="10889" y="309"/>
                    </a:lnTo>
                    <a:lnTo>
                      <a:pt x="10899" y="310"/>
                    </a:lnTo>
                    <a:lnTo>
                      <a:pt x="10919" y="315"/>
                    </a:lnTo>
                    <a:lnTo>
                      <a:pt x="10939" y="322"/>
                    </a:lnTo>
                    <a:lnTo>
                      <a:pt x="10957" y="331"/>
                    </a:lnTo>
                    <a:lnTo>
                      <a:pt x="10974" y="341"/>
                    </a:lnTo>
                    <a:lnTo>
                      <a:pt x="10992" y="353"/>
                    </a:lnTo>
                    <a:lnTo>
                      <a:pt x="11007" y="366"/>
                    </a:lnTo>
                    <a:lnTo>
                      <a:pt x="11020" y="382"/>
                    </a:lnTo>
                    <a:lnTo>
                      <a:pt x="11033" y="397"/>
                    </a:lnTo>
                    <a:lnTo>
                      <a:pt x="11043" y="414"/>
                    </a:lnTo>
                    <a:lnTo>
                      <a:pt x="11052" y="432"/>
                    </a:lnTo>
                    <a:lnTo>
                      <a:pt x="11059" y="451"/>
                    </a:lnTo>
                    <a:lnTo>
                      <a:pt x="11064" y="471"/>
                    </a:lnTo>
                    <a:lnTo>
                      <a:pt x="11066" y="481"/>
                    </a:lnTo>
                    <a:lnTo>
                      <a:pt x="11068" y="491"/>
                    </a:lnTo>
                    <a:lnTo>
                      <a:pt x="11069" y="502"/>
                    </a:lnTo>
                    <a:lnTo>
                      <a:pt x="11069" y="512"/>
                    </a:lnTo>
                    <a:lnTo>
                      <a:pt x="11069" y="6340"/>
                    </a:lnTo>
                    <a:lnTo>
                      <a:pt x="11069" y="6351"/>
                    </a:lnTo>
                    <a:lnTo>
                      <a:pt x="11068" y="6361"/>
                    </a:lnTo>
                    <a:lnTo>
                      <a:pt x="11066" y="6371"/>
                    </a:lnTo>
                    <a:lnTo>
                      <a:pt x="11064" y="6382"/>
                    </a:lnTo>
                    <a:lnTo>
                      <a:pt x="11062" y="6392"/>
                    </a:lnTo>
                    <a:lnTo>
                      <a:pt x="11059" y="6402"/>
                    </a:lnTo>
                    <a:lnTo>
                      <a:pt x="11056" y="6411"/>
                    </a:lnTo>
                    <a:lnTo>
                      <a:pt x="11052" y="6421"/>
                    </a:lnTo>
                    <a:lnTo>
                      <a:pt x="11043" y="6439"/>
                    </a:lnTo>
                    <a:lnTo>
                      <a:pt x="11033" y="6455"/>
                    </a:lnTo>
                    <a:lnTo>
                      <a:pt x="11020" y="6471"/>
                    </a:lnTo>
                    <a:lnTo>
                      <a:pt x="11007" y="6487"/>
                    </a:lnTo>
                    <a:lnTo>
                      <a:pt x="10992" y="6500"/>
                    </a:lnTo>
                    <a:lnTo>
                      <a:pt x="10974" y="6512"/>
                    </a:lnTo>
                    <a:lnTo>
                      <a:pt x="10957" y="6522"/>
                    </a:lnTo>
                    <a:lnTo>
                      <a:pt x="10939" y="6530"/>
                    </a:lnTo>
                    <a:lnTo>
                      <a:pt x="10929" y="6534"/>
                    </a:lnTo>
                    <a:lnTo>
                      <a:pt x="10919" y="6537"/>
                    </a:lnTo>
                    <a:lnTo>
                      <a:pt x="10909" y="6540"/>
                    </a:lnTo>
                    <a:lnTo>
                      <a:pt x="10899" y="6542"/>
                    </a:lnTo>
                    <a:lnTo>
                      <a:pt x="10889" y="6544"/>
                    </a:lnTo>
                    <a:lnTo>
                      <a:pt x="10878" y="6545"/>
                    </a:lnTo>
                    <a:lnTo>
                      <a:pt x="10866" y="6546"/>
                    </a:lnTo>
                    <a:lnTo>
                      <a:pt x="10856" y="6546"/>
                    </a:lnTo>
                    <a:lnTo>
                      <a:pt x="540" y="6546"/>
                    </a:lnTo>
                    <a:lnTo>
                      <a:pt x="530" y="6546"/>
                    </a:lnTo>
                    <a:lnTo>
                      <a:pt x="518" y="6545"/>
                    </a:lnTo>
                    <a:lnTo>
                      <a:pt x="507" y="6544"/>
                    </a:lnTo>
                    <a:lnTo>
                      <a:pt x="497" y="6542"/>
                    </a:lnTo>
                    <a:lnTo>
                      <a:pt x="487" y="6540"/>
                    </a:lnTo>
                    <a:lnTo>
                      <a:pt x="477" y="6537"/>
                    </a:lnTo>
                    <a:lnTo>
                      <a:pt x="467" y="6534"/>
                    </a:lnTo>
                    <a:lnTo>
                      <a:pt x="457" y="6530"/>
                    </a:lnTo>
                    <a:lnTo>
                      <a:pt x="439" y="6522"/>
                    </a:lnTo>
                    <a:lnTo>
                      <a:pt x="421" y="6512"/>
                    </a:lnTo>
                    <a:lnTo>
                      <a:pt x="404" y="6500"/>
                    </a:lnTo>
                    <a:lnTo>
                      <a:pt x="389" y="6487"/>
                    </a:lnTo>
                    <a:lnTo>
                      <a:pt x="375" y="6471"/>
                    </a:lnTo>
                    <a:lnTo>
                      <a:pt x="363" y="6455"/>
                    </a:lnTo>
                    <a:lnTo>
                      <a:pt x="358" y="6447"/>
                    </a:lnTo>
                    <a:lnTo>
                      <a:pt x="353" y="6439"/>
                    </a:lnTo>
                    <a:lnTo>
                      <a:pt x="348" y="6430"/>
                    </a:lnTo>
                    <a:lnTo>
                      <a:pt x="344" y="6421"/>
                    </a:lnTo>
                    <a:lnTo>
                      <a:pt x="340" y="6411"/>
                    </a:lnTo>
                    <a:lnTo>
                      <a:pt x="337" y="6402"/>
                    </a:lnTo>
                    <a:lnTo>
                      <a:pt x="334" y="6392"/>
                    </a:lnTo>
                    <a:lnTo>
                      <a:pt x="331" y="6382"/>
                    </a:lnTo>
                    <a:lnTo>
                      <a:pt x="330" y="6371"/>
                    </a:lnTo>
                    <a:lnTo>
                      <a:pt x="328" y="6361"/>
                    </a:lnTo>
                    <a:lnTo>
                      <a:pt x="327" y="6351"/>
                    </a:lnTo>
                    <a:lnTo>
                      <a:pt x="327" y="6340"/>
                    </a:lnTo>
                    <a:lnTo>
                      <a:pt x="327" y="512"/>
                    </a:lnTo>
                    <a:lnTo>
                      <a:pt x="327" y="502"/>
                    </a:lnTo>
                    <a:lnTo>
                      <a:pt x="328" y="491"/>
                    </a:lnTo>
                    <a:lnTo>
                      <a:pt x="330" y="481"/>
                    </a:lnTo>
                    <a:lnTo>
                      <a:pt x="331" y="471"/>
                    </a:lnTo>
                    <a:lnTo>
                      <a:pt x="334" y="460"/>
                    </a:lnTo>
                    <a:lnTo>
                      <a:pt x="337" y="451"/>
                    </a:lnTo>
                    <a:lnTo>
                      <a:pt x="340" y="441"/>
                    </a:lnTo>
                    <a:lnTo>
                      <a:pt x="344" y="432"/>
                    </a:lnTo>
                    <a:lnTo>
                      <a:pt x="353" y="414"/>
                    </a:lnTo>
                    <a:lnTo>
                      <a:pt x="363" y="397"/>
                    </a:lnTo>
                    <a:lnTo>
                      <a:pt x="375" y="382"/>
                    </a:lnTo>
                    <a:lnTo>
                      <a:pt x="389" y="366"/>
                    </a:lnTo>
                    <a:lnTo>
                      <a:pt x="404" y="353"/>
                    </a:lnTo>
                    <a:lnTo>
                      <a:pt x="421" y="341"/>
                    </a:lnTo>
                    <a:lnTo>
                      <a:pt x="439" y="331"/>
                    </a:lnTo>
                    <a:lnTo>
                      <a:pt x="457" y="322"/>
                    </a:lnTo>
                    <a:lnTo>
                      <a:pt x="477" y="315"/>
                    </a:lnTo>
                    <a:lnTo>
                      <a:pt x="497" y="310"/>
                    </a:lnTo>
                    <a:lnTo>
                      <a:pt x="507" y="309"/>
                    </a:lnTo>
                    <a:lnTo>
                      <a:pt x="518" y="307"/>
                    </a:lnTo>
                    <a:lnTo>
                      <a:pt x="530" y="306"/>
                    </a:lnTo>
                    <a:lnTo>
                      <a:pt x="540" y="30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4" name="Freeform 19"/>
              <p:cNvSpPr>
                <a:spLocks noEditPoints="1"/>
              </p:cNvSpPr>
              <p:nvPr/>
            </p:nvSpPr>
            <p:spPr bwMode="auto">
              <a:xfrm>
                <a:off x="-890397" y="-5522"/>
                <a:ext cx="302913" cy="63896"/>
              </a:xfrm>
              <a:custGeom>
                <a:avLst/>
                <a:gdLst/>
                <a:ahLst/>
                <a:cxnLst>
                  <a:cxn ang="0">
                    <a:pos x="0" y="0"/>
                  </a:cxn>
                  <a:cxn ang="0">
                    <a:pos x="1769" y="387"/>
                  </a:cxn>
                  <a:cxn ang="0">
                    <a:pos x="1844" y="443"/>
                  </a:cxn>
                  <a:cxn ang="0">
                    <a:pos x="1886" y="529"/>
                  </a:cxn>
                  <a:cxn ang="0">
                    <a:pos x="1881" y="628"/>
                  </a:cxn>
                  <a:cxn ang="0">
                    <a:pos x="1831" y="709"/>
                  </a:cxn>
                  <a:cxn ang="0">
                    <a:pos x="1751" y="758"/>
                  </a:cxn>
                  <a:cxn ang="0">
                    <a:pos x="1691" y="767"/>
                  </a:cxn>
                  <a:cxn ang="0">
                    <a:pos x="1633" y="758"/>
                  </a:cxn>
                  <a:cxn ang="0">
                    <a:pos x="1552" y="709"/>
                  </a:cxn>
                  <a:cxn ang="0">
                    <a:pos x="1502" y="628"/>
                  </a:cxn>
                  <a:cxn ang="0">
                    <a:pos x="1493" y="570"/>
                  </a:cxn>
                  <a:cxn ang="0">
                    <a:pos x="1502" y="510"/>
                  </a:cxn>
                  <a:cxn ang="0">
                    <a:pos x="1552" y="429"/>
                  </a:cxn>
                  <a:cxn ang="0">
                    <a:pos x="1633" y="380"/>
                  </a:cxn>
                  <a:cxn ang="0">
                    <a:pos x="2371" y="372"/>
                  </a:cxn>
                  <a:cxn ang="0">
                    <a:pos x="2462" y="405"/>
                  </a:cxn>
                  <a:cxn ang="0">
                    <a:pos x="2525" y="475"/>
                  </a:cxn>
                  <a:cxn ang="0">
                    <a:pos x="2549" y="570"/>
                  </a:cxn>
                  <a:cxn ang="0">
                    <a:pos x="2525" y="663"/>
                  </a:cxn>
                  <a:cxn ang="0">
                    <a:pos x="2462" y="733"/>
                  </a:cxn>
                  <a:cxn ang="0">
                    <a:pos x="2381" y="765"/>
                  </a:cxn>
                  <a:cxn ang="0">
                    <a:pos x="2331" y="766"/>
                  </a:cxn>
                  <a:cxn ang="0">
                    <a:pos x="2257" y="743"/>
                  </a:cxn>
                  <a:cxn ang="0">
                    <a:pos x="2187" y="680"/>
                  </a:cxn>
                  <a:cxn ang="0">
                    <a:pos x="2155" y="599"/>
                  </a:cxn>
                  <a:cxn ang="0">
                    <a:pos x="2154" y="549"/>
                  </a:cxn>
                  <a:cxn ang="0">
                    <a:pos x="2177" y="475"/>
                  </a:cxn>
                  <a:cxn ang="0">
                    <a:pos x="2241" y="405"/>
                  </a:cxn>
                  <a:cxn ang="0">
                    <a:pos x="2331" y="372"/>
                  </a:cxn>
                  <a:cxn ang="0">
                    <a:pos x="3070" y="380"/>
                  </a:cxn>
                  <a:cxn ang="0">
                    <a:pos x="3150" y="429"/>
                  </a:cxn>
                  <a:cxn ang="0">
                    <a:pos x="3200" y="510"/>
                  </a:cxn>
                  <a:cxn ang="0">
                    <a:pos x="3205" y="609"/>
                  </a:cxn>
                  <a:cxn ang="0">
                    <a:pos x="3164" y="695"/>
                  </a:cxn>
                  <a:cxn ang="0">
                    <a:pos x="3088" y="751"/>
                  </a:cxn>
                  <a:cxn ang="0">
                    <a:pos x="3021" y="767"/>
                  </a:cxn>
                  <a:cxn ang="0">
                    <a:pos x="2971" y="763"/>
                  </a:cxn>
                  <a:cxn ang="0">
                    <a:pos x="2885" y="722"/>
                  </a:cxn>
                  <a:cxn ang="0">
                    <a:pos x="2829" y="646"/>
                  </a:cxn>
                  <a:cxn ang="0">
                    <a:pos x="2814" y="580"/>
                  </a:cxn>
                  <a:cxn ang="0">
                    <a:pos x="2817" y="529"/>
                  </a:cxn>
                  <a:cxn ang="0">
                    <a:pos x="2858" y="443"/>
                  </a:cxn>
                  <a:cxn ang="0">
                    <a:pos x="2934" y="387"/>
                  </a:cxn>
                  <a:cxn ang="0">
                    <a:pos x="3671" y="371"/>
                  </a:cxn>
                  <a:cxn ang="0">
                    <a:pos x="3765" y="395"/>
                  </a:cxn>
                  <a:cxn ang="0">
                    <a:pos x="3834" y="458"/>
                  </a:cxn>
                  <a:cxn ang="0">
                    <a:pos x="3868" y="549"/>
                  </a:cxn>
                  <a:cxn ang="0">
                    <a:pos x="3852" y="646"/>
                  </a:cxn>
                  <a:cxn ang="0">
                    <a:pos x="3796" y="722"/>
                  </a:cxn>
                  <a:cxn ang="0">
                    <a:pos x="3710" y="763"/>
                  </a:cxn>
                  <a:cxn ang="0">
                    <a:pos x="3660" y="767"/>
                  </a:cxn>
                  <a:cxn ang="0">
                    <a:pos x="3593" y="751"/>
                  </a:cxn>
                  <a:cxn ang="0">
                    <a:pos x="3518" y="695"/>
                  </a:cxn>
                  <a:cxn ang="0">
                    <a:pos x="3476" y="609"/>
                  </a:cxn>
                  <a:cxn ang="0">
                    <a:pos x="3473" y="559"/>
                  </a:cxn>
                  <a:cxn ang="0">
                    <a:pos x="3488" y="492"/>
                  </a:cxn>
                  <a:cxn ang="0">
                    <a:pos x="3545" y="416"/>
                  </a:cxn>
                  <a:cxn ang="0">
                    <a:pos x="3631" y="375"/>
                  </a:cxn>
                </a:cxnLst>
                <a:rect l="0" t="0" r="r" b="b"/>
                <a:pathLst>
                  <a:path w="5362" h="1139">
                    <a:moveTo>
                      <a:pt x="0" y="0"/>
                    </a:moveTo>
                    <a:lnTo>
                      <a:pt x="5362" y="0"/>
                    </a:lnTo>
                    <a:lnTo>
                      <a:pt x="5362" y="1139"/>
                    </a:lnTo>
                    <a:lnTo>
                      <a:pt x="0" y="1139"/>
                    </a:lnTo>
                    <a:lnTo>
                      <a:pt x="0" y="0"/>
                    </a:lnTo>
                    <a:close/>
                    <a:moveTo>
                      <a:pt x="1691" y="371"/>
                    </a:moveTo>
                    <a:lnTo>
                      <a:pt x="1711" y="372"/>
                    </a:lnTo>
                    <a:lnTo>
                      <a:pt x="1731" y="375"/>
                    </a:lnTo>
                    <a:lnTo>
                      <a:pt x="1751" y="380"/>
                    </a:lnTo>
                    <a:lnTo>
                      <a:pt x="1769" y="387"/>
                    </a:lnTo>
                    <a:lnTo>
                      <a:pt x="1786" y="395"/>
                    </a:lnTo>
                    <a:lnTo>
                      <a:pt x="1802" y="405"/>
                    </a:lnTo>
                    <a:lnTo>
                      <a:pt x="1817" y="416"/>
                    </a:lnTo>
                    <a:lnTo>
                      <a:pt x="1831" y="429"/>
                    </a:lnTo>
                    <a:lnTo>
                      <a:pt x="1844" y="443"/>
                    </a:lnTo>
                    <a:lnTo>
                      <a:pt x="1855" y="458"/>
                    </a:lnTo>
                    <a:lnTo>
                      <a:pt x="1866" y="475"/>
                    </a:lnTo>
                    <a:lnTo>
                      <a:pt x="1874" y="492"/>
                    </a:lnTo>
                    <a:lnTo>
                      <a:pt x="1881" y="510"/>
                    </a:lnTo>
                    <a:lnTo>
                      <a:pt x="1886" y="529"/>
                    </a:lnTo>
                    <a:lnTo>
                      <a:pt x="1889" y="549"/>
                    </a:lnTo>
                    <a:lnTo>
                      <a:pt x="1890" y="570"/>
                    </a:lnTo>
                    <a:lnTo>
                      <a:pt x="1889" y="590"/>
                    </a:lnTo>
                    <a:lnTo>
                      <a:pt x="1886" y="609"/>
                    </a:lnTo>
                    <a:lnTo>
                      <a:pt x="1881" y="628"/>
                    </a:lnTo>
                    <a:lnTo>
                      <a:pt x="1874" y="646"/>
                    </a:lnTo>
                    <a:lnTo>
                      <a:pt x="1866" y="663"/>
                    </a:lnTo>
                    <a:lnTo>
                      <a:pt x="1855" y="680"/>
                    </a:lnTo>
                    <a:lnTo>
                      <a:pt x="1844" y="695"/>
                    </a:lnTo>
                    <a:lnTo>
                      <a:pt x="1831" y="709"/>
                    </a:lnTo>
                    <a:lnTo>
                      <a:pt x="1817" y="722"/>
                    </a:lnTo>
                    <a:lnTo>
                      <a:pt x="1802" y="733"/>
                    </a:lnTo>
                    <a:lnTo>
                      <a:pt x="1786" y="743"/>
                    </a:lnTo>
                    <a:lnTo>
                      <a:pt x="1769" y="751"/>
                    </a:lnTo>
                    <a:lnTo>
                      <a:pt x="1751" y="758"/>
                    </a:lnTo>
                    <a:lnTo>
                      <a:pt x="1731" y="763"/>
                    </a:lnTo>
                    <a:lnTo>
                      <a:pt x="1721" y="765"/>
                    </a:lnTo>
                    <a:lnTo>
                      <a:pt x="1711" y="766"/>
                    </a:lnTo>
                    <a:lnTo>
                      <a:pt x="1702" y="767"/>
                    </a:lnTo>
                    <a:lnTo>
                      <a:pt x="1691" y="767"/>
                    </a:lnTo>
                    <a:lnTo>
                      <a:pt x="1681" y="767"/>
                    </a:lnTo>
                    <a:lnTo>
                      <a:pt x="1671" y="766"/>
                    </a:lnTo>
                    <a:lnTo>
                      <a:pt x="1662" y="765"/>
                    </a:lnTo>
                    <a:lnTo>
                      <a:pt x="1652" y="763"/>
                    </a:lnTo>
                    <a:lnTo>
                      <a:pt x="1633" y="758"/>
                    </a:lnTo>
                    <a:lnTo>
                      <a:pt x="1614" y="751"/>
                    </a:lnTo>
                    <a:lnTo>
                      <a:pt x="1597" y="743"/>
                    </a:lnTo>
                    <a:lnTo>
                      <a:pt x="1581" y="733"/>
                    </a:lnTo>
                    <a:lnTo>
                      <a:pt x="1566" y="722"/>
                    </a:lnTo>
                    <a:lnTo>
                      <a:pt x="1552" y="709"/>
                    </a:lnTo>
                    <a:lnTo>
                      <a:pt x="1539" y="695"/>
                    </a:lnTo>
                    <a:lnTo>
                      <a:pt x="1528" y="680"/>
                    </a:lnTo>
                    <a:lnTo>
                      <a:pt x="1518" y="663"/>
                    </a:lnTo>
                    <a:lnTo>
                      <a:pt x="1510" y="646"/>
                    </a:lnTo>
                    <a:lnTo>
                      <a:pt x="1502" y="628"/>
                    </a:lnTo>
                    <a:lnTo>
                      <a:pt x="1497" y="609"/>
                    </a:lnTo>
                    <a:lnTo>
                      <a:pt x="1495" y="599"/>
                    </a:lnTo>
                    <a:lnTo>
                      <a:pt x="1494" y="590"/>
                    </a:lnTo>
                    <a:lnTo>
                      <a:pt x="1494" y="580"/>
                    </a:lnTo>
                    <a:lnTo>
                      <a:pt x="1493" y="570"/>
                    </a:lnTo>
                    <a:lnTo>
                      <a:pt x="1494" y="559"/>
                    </a:lnTo>
                    <a:lnTo>
                      <a:pt x="1494" y="549"/>
                    </a:lnTo>
                    <a:lnTo>
                      <a:pt x="1495" y="539"/>
                    </a:lnTo>
                    <a:lnTo>
                      <a:pt x="1497" y="529"/>
                    </a:lnTo>
                    <a:lnTo>
                      <a:pt x="1502" y="510"/>
                    </a:lnTo>
                    <a:lnTo>
                      <a:pt x="1510" y="492"/>
                    </a:lnTo>
                    <a:lnTo>
                      <a:pt x="1518" y="475"/>
                    </a:lnTo>
                    <a:lnTo>
                      <a:pt x="1528" y="458"/>
                    </a:lnTo>
                    <a:lnTo>
                      <a:pt x="1539" y="443"/>
                    </a:lnTo>
                    <a:lnTo>
                      <a:pt x="1552" y="429"/>
                    </a:lnTo>
                    <a:lnTo>
                      <a:pt x="1566" y="416"/>
                    </a:lnTo>
                    <a:lnTo>
                      <a:pt x="1581" y="405"/>
                    </a:lnTo>
                    <a:lnTo>
                      <a:pt x="1597" y="395"/>
                    </a:lnTo>
                    <a:lnTo>
                      <a:pt x="1614" y="387"/>
                    </a:lnTo>
                    <a:lnTo>
                      <a:pt x="1633" y="380"/>
                    </a:lnTo>
                    <a:lnTo>
                      <a:pt x="1652" y="375"/>
                    </a:lnTo>
                    <a:lnTo>
                      <a:pt x="1671" y="372"/>
                    </a:lnTo>
                    <a:lnTo>
                      <a:pt x="1691" y="371"/>
                    </a:lnTo>
                    <a:close/>
                    <a:moveTo>
                      <a:pt x="2351" y="371"/>
                    </a:moveTo>
                    <a:lnTo>
                      <a:pt x="2371" y="372"/>
                    </a:lnTo>
                    <a:lnTo>
                      <a:pt x="2391" y="375"/>
                    </a:lnTo>
                    <a:lnTo>
                      <a:pt x="2410" y="380"/>
                    </a:lnTo>
                    <a:lnTo>
                      <a:pt x="2428" y="387"/>
                    </a:lnTo>
                    <a:lnTo>
                      <a:pt x="2445" y="395"/>
                    </a:lnTo>
                    <a:lnTo>
                      <a:pt x="2462" y="405"/>
                    </a:lnTo>
                    <a:lnTo>
                      <a:pt x="2477" y="416"/>
                    </a:lnTo>
                    <a:lnTo>
                      <a:pt x="2491" y="429"/>
                    </a:lnTo>
                    <a:lnTo>
                      <a:pt x="2504" y="443"/>
                    </a:lnTo>
                    <a:lnTo>
                      <a:pt x="2515" y="458"/>
                    </a:lnTo>
                    <a:lnTo>
                      <a:pt x="2525" y="475"/>
                    </a:lnTo>
                    <a:lnTo>
                      <a:pt x="2533" y="492"/>
                    </a:lnTo>
                    <a:lnTo>
                      <a:pt x="2540" y="510"/>
                    </a:lnTo>
                    <a:lnTo>
                      <a:pt x="2545" y="529"/>
                    </a:lnTo>
                    <a:lnTo>
                      <a:pt x="2548" y="549"/>
                    </a:lnTo>
                    <a:lnTo>
                      <a:pt x="2549" y="570"/>
                    </a:lnTo>
                    <a:lnTo>
                      <a:pt x="2548" y="590"/>
                    </a:lnTo>
                    <a:lnTo>
                      <a:pt x="2545" y="609"/>
                    </a:lnTo>
                    <a:lnTo>
                      <a:pt x="2540" y="628"/>
                    </a:lnTo>
                    <a:lnTo>
                      <a:pt x="2533" y="646"/>
                    </a:lnTo>
                    <a:lnTo>
                      <a:pt x="2525" y="663"/>
                    </a:lnTo>
                    <a:lnTo>
                      <a:pt x="2515" y="680"/>
                    </a:lnTo>
                    <a:lnTo>
                      <a:pt x="2504" y="695"/>
                    </a:lnTo>
                    <a:lnTo>
                      <a:pt x="2491" y="709"/>
                    </a:lnTo>
                    <a:lnTo>
                      <a:pt x="2477" y="722"/>
                    </a:lnTo>
                    <a:lnTo>
                      <a:pt x="2462" y="733"/>
                    </a:lnTo>
                    <a:lnTo>
                      <a:pt x="2445" y="743"/>
                    </a:lnTo>
                    <a:lnTo>
                      <a:pt x="2428" y="751"/>
                    </a:lnTo>
                    <a:lnTo>
                      <a:pt x="2410" y="758"/>
                    </a:lnTo>
                    <a:lnTo>
                      <a:pt x="2391" y="763"/>
                    </a:lnTo>
                    <a:lnTo>
                      <a:pt x="2381" y="765"/>
                    </a:lnTo>
                    <a:lnTo>
                      <a:pt x="2371" y="766"/>
                    </a:lnTo>
                    <a:lnTo>
                      <a:pt x="2362" y="767"/>
                    </a:lnTo>
                    <a:lnTo>
                      <a:pt x="2351" y="767"/>
                    </a:lnTo>
                    <a:lnTo>
                      <a:pt x="2341" y="767"/>
                    </a:lnTo>
                    <a:lnTo>
                      <a:pt x="2331" y="766"/>
                    </a:lnTo>
                    <a:lnTo>
                      <a:pt x="2321" y="765"/>
                    </a:lnTo>
                    <a:lnTo>
                      <a:pt x="2311" y="763"/>
                    </a:lnTo>
                    <a:lnTo>
                      <a:pt x="2292" y="758"/>
                    </a:lnTo>
                    <a:lnTo>
                      <a:pt x="2274" y="751"/>
                    </a:lnTo>
                    <a:lnTo>
                      <a:pt x="2257" y="743"/>
                    </a:lnTo>
                    <a:lnTo>
                      <a:pt x="2241" y="733"/>
                    </a:lnTo>
                    <a:lnTo>
                      <a:pt x="2226" y="722"/>
                    </a:lnTo>
                    <a:lnTo>
                      <a:pt x="2212" y="709"/>
                    </a:lnTo>
                    <a:lnTo>
                      <a:pt x="2198" y="695"/>
                    </a:lnTo>
                    <a:lnTo>
                      <a:pt x="2187" y="680"/>
                    </a:lnTo>
                    <a:lnTo>
                      <a:pt x="2177" y="663"/>
                    </a:lnTo>
                    <a:lnTo>
                      <a:pt x="2169" y="646"/>
                    </a:lnTo>
                    <a:lnTo>
                      <a:pt x="2162" y="628"/>
                    </a:lnTo>
                    <a:lnTo>
                      <a:pt x="2157" y="609"/>
                    </a:lnTo>
                    <a:lnTo>
                      <a:pt x="2155" y="599"/>
                    </a:lnTo>
                    <a:lnTo>
                      <a:pt x="2154" y="590"/>
                    </a:lnTo>
                    <a:lnTo>
                      <a:pt x="2154" y="580"/>
                    </a:lnTo>
                    <a:lnTo>
                      <a:pt x="2153" y="570"/>
                    </a:lnTo>
                    <a:lnTo>
                      <a:pt x="2154" y="559"/>
                    </a:lnTo>
                    <a:lnTo>
                      <a:pt x="2154" y="549"/>
                    </a:lnTo>
                    <a:lnTo>
                      <a:pt x="2155" y="539"/>
                    </a:lnTo>
                    <a:lnTo>
                      <a:pt x="2157" y="529"/>
                    </a:lnTo>
                    <a:lnTo>
                      <a:pt x="2162" y="510"/>
                    </a:lnTo>
                    <a:lnTo>
                      <a:pt x="2169" y="492"/>
                    </a:lnTo>
                    <a:lnTo>
                      <a:pt x="2177" y="475"/>
                    </a:lnTo>
                    <a:lnTo>
                      <a:pt x="2187" y="458"/>
                    </a:lnTo>
                    <a:lnTo>
                      <a:pt x="2198" y="443"/>
                    </a:lnTo>
                    <a:lnTo>
                      <a:pt x="2212" y="429"/>
                    </a:lnTo>
                    <a:lnTo>
                      <a:pt x="2226" y="416"/>
                    </a:lnTo>
                    <a:lnTo>
                      <a:pt x="2241" y="405"/>
                    </a:lnTo>
                    <a:lnTo>
                      <a:pt x="2257" y="395"/>
                    </a:lnTo>
                    <a:lnTo>
                      <a:pt x="2274" y="387"/>
                    </a:lnTo>
                    <a:lnTo>
                      <a:pt x="2292" y="380"/>
                    </a:lnTo>
                    <a:lnTo>
                      <a:pt x="2311" y="375"/>
                    </a:lnTo>
                    <a:lnTo>
                      <a:pt x="2331" y="372"/>
                    </a:lnTo>
                    <a:lnTo>
                      <a:pt x="2351" y="371"/>
                    </a:lnTo>
                    <a:close/>
                    <a:moveTo>
                      <a:pt x="3011" y="371"/>
                    </a:moveTo>
                    <a:lnTo>
                      <a:pt x="3030" y="372"/>
                    </a:lnTo>
                    <a:lnTo>
                      <a:pt x="3051" y="375"/>
                    </a:lnTo>
                    <a:lnTo>
                      <a:pt x="3070" y="380"/>
                    </a:lnTo>
                    <a:lnTo>
                      <a:pt x="3088" y="387"/>
                    </a:lnTo>
                    <a:lnTo>
                      <a:pt x="3105" y="395"/>
                    </a:lnTo>
                    <a:lnTo>
                      <a:pt x="3121" y="405"/>
                    </a:lnTo>
                    <a:lnTo>
                      <a:pt x="3136" y="416"/>
                    </a:lnTo>
                    <a:lnTo>
                      <a:pt x="3150" y="429"/>
                    </a:lnTo>
                    <a:lnTo>
                      <a:pt x="3164" y="443"/>
                    </a:lnTo>
                    <a:lnTo>
                      <a:pt x="3175" y="458"/>
                    </a:lnTo>
                    <a:lnTo>
                      <a:pt x="3185" y="475"/>
                    </a:lnTo>
                    <a:lnTo>
                      <a:pt x="3193" y="492"/>
                    </a:lnTo>
                    <a:lnTo>
                      <a:pt x="3200" y="510"/>
                    </a:lnTo>
                    <a:lnTo>
                      <a:pt x="3205" y="529"/>
                    </a:lnTo>
                    <a:lnTo>
                      <a:pt x="3208" y="549"/>
                    </a:lnTo>
                    <a:lnTo>
                      <a:pt x="3209" y="570"/>
                    </a:lnTo>
                    <a:lnTo>
                      <a:pt x="3208" y="590"/>
                    </a:lnTo>
                    <a:lnTo>
                      <a:pt x="3205" y="609"/>
                    </a:lnTo>
                    <a:lnTo>
                      <a:pt x="3200" y="628"/>
                    </a:lnTo>
                    <a:lnTo>
                      <a:pt x="3193" y="646"/>
                    </a:lnTo>
                    <a:lnTo>
                      <a:pt x="3185" y="663"/>
                    </a:lnTo>
                    <a:lnTo>
                      <a:pt x="3175" y="680"/>
                    </a:lnTo>
                    <a:lnTo>
                      <a:pt x="3164" y="695"/>
                    </a:lnTo>
                    <a:lnTo>
                      <a:pt x="3150" y="709"/>
                    </a:lnTo>
                    <a:lnTo>
                      <a:pt x="3136" y="722"/>
                    </a:lnTo>
                    <a:lnTo>
                      <a:pt x="3121" y="733"/>
                    </a:lnTo>
                    <a:lnTo>
                      <a:pt x="3105" y="743"/>
                    </a:lnTo>
                    <a:lnTo>
                      <a:pt x="3088" y="751"/>
                    </a:lnTo>
                    <a:lnTo>
                      <a:pt x="3070" y="758"/>
                    </a:lnTo>
                    <a:lnTo>
                      <a:pt x="3051" y="763"/>
                    </a:lnTo>
                    <a:lnTo>
                      <a:pt x="3041" y="765"/>
                    </a:lnTo>
                    <a:lnTo>
                      <a:pt x="3030" y="766"/>
                    </a:lnTo>
                    <a:lnTo>
                      <a:pt x="3021" y="767"/>
                    </a:lnTo>
                    <a:lnTo>
                      <a:pt x="3011" y="767"/>
                    </a:lnTo>
                    <a:lnTo>
                      <a:pt x="3000" y="767"/>
                    </a:lnTo>
                    <a:lnTo>
                      <a:pt x="2990" y="766"/>
                    </a:lnTo>
                    <a:lnTo>
                      <a:pt x="2981" y="765"/>
                    </a:lnTo>
                    <a:lnTo>
                      <a:pt x="2971" y="763"/>
                    </a:lnTo>
                    <a:lnTo>
                      <a:pt x="2952" y="758"/>
                    </a:lnTo>
                    <a:lnTo>
                      <a:pt x="2934" y="751"/>
                    </a:lnTo>
                    <a:lnTo>
                      <a:pt x="2917" y="743"/>
                    </a:lnTo>
                    <a:lnTo>
                      <a:pt x="2900" y="733"/>
                    </a:lnTo>
                    <a:lnTo>
                      <a:pt x="2885" y="722"/>
                    </a:lnTo>
                    <a:lnTo>
                      <a:pt x="2871" y="709"/>
                    </a:lnTo>
                    <a:lnTo>
                      <a:pt x="2858" y="695"/>
                    </a:lnTo>
                    <a:lnTo>
                      <a:pt x="2847" y="680"/>
                    </a:lnTo>
                    <a:lnTo>
                      <a:pt x="2837" y="663"/>
                    </a:lnTo>
                    <a:lnTo>
                      <a:pt x="2829" y="646"/>
                    </a:lnTo>
                    <a:lnTo>
                      <a:pt x="2822" y="628"/>
                    </a:lnTo>
                    <a:lnTo>
                      <a:pt x="2817" y="609"/>
                    </a:lnTo>
                    <a:lnTo>
                      <a:pt x="2816" y="599"/>
                    </a:lnTo>
                    <a:lnTo>
                      <a:pt x="2814" y="590"/>
                    </a:lnTo>
                    <a:lnTo>
                      <a:pt x="2814" y="580"/>
                    </a:lnTo>
                    <a:lnTo>
                      <a:pt x="2813" y="570"/>
                    </a:lnTo>
                    <a:lnTo>
                      <a:pt x="2814" y="559"/>
                    </a:lnTo>
                    <a:lnTo>
                      <a:pt x="2814" y="549"/>
                    </a:lnTo>
                    <a:lnTo>
                      <a:pt x="2816" y="539"/>
                    </a:lnTo>
                    <a:lnTo>
                      <a:pt x="2817" y="529"/>
                    </a:lnTo>
                    <a:lnTo>
                      <a:pt x="2822" y="510"/>
                    </a:lnTo>
                    <a:lnTo>
                      <a:pt x="2829" y="492"/>
                    </a:lnTo>
                    <a:lnTo>
                      <a:pt x="2837" y="475"/>
                    </a:lnTo>
                    <a:lnTo>
                      <a:pt x="2847" y="458"/>
                    </a:lnTo>
                    <a:lnTo>
                      <a:pt x="2858" y="443"/>
                    </a:lnTo>
                    <a:lnTo>
                      <a:pt x="2871" y="429"/>
                    </a:lnTo>
                    <a:lnTo>
                      <a:pt x="2885" y="416"/>
                    </a:lnTo>
                    <a:lnTo>
                      <a:pt x="2900" y="405"/>
                    </a:lnTo>
                    <a:lnTo>
                      <a:pt x="2917" y="395"/>
                    </a:lnTo>
                    <a:lnTo>
                      <a:pt x="2934" y="387"/>
                    </a:lnTo>
                    <a:lnTo>
                      <a:pt x="2952" y="380"/>
                    </a:lnTo>
                    <a:lnTo>
                      <a:pt x="2971" y="375"/>
                    </a:lnTo>
                    <a:lnTo>
                      <a:pt x="2990" y="372"/>
                    </a:lnTo>
                    <a:lnTo>
                      <a:pt x="3011" y="371"/>
                    </a:lnTo>
                    <a:close/>
                    <a:moveTo>
                      <a:pt x="3671" y="371"/>
                    </a:moveTo>
                    <a:lnTo>
                      <a:pt x="3690" y="372"/>
                    </a:lnTo>
                    <a:lnTo>
                      <a:pt x="3710" y="375"/>
                    </a:lnTo>
                    <a:lnTo>
                      <a:pt x="3729" y="380"/>
                    </a:lnTo>
                    <a:lnTo>
                      <a:pt x="3748" y="387"/>
                    </a:lnTo>
                    <a:lnTo>
                      <a:pt x="3765" y="395"/>
                    </a:lnTo>
                    <a:lnTo>
                      <a:pt x="3781" y="405"/>
                    </a:lnTo>
                    <a:lnTo>
                      <a:pt x="3796" y="416"/>
                    </a:lnTo>
                    <a:lnTo>
                      <a:pt x="3810" y="429"/>
                    </a:lnTo>
                    <a:lnTo>
                      <a:pt x="3823" y="443"/>
                    </a:lnTo>
                    <a:lnTo>
                      <a:pt x="3834" y="458"/>
                    </a:lnTo>
                    <a:lnTo>
                      <a:pt x="3844" y="475"/>
                    </a:lnTo>
                    <a:lnTo>
                      <a:pt x="3852" y="492"/>
                    </a:lnTo>
                    <a:lnTo>
                      <a:pt x="3860" y="510"/>
                    </a:lnTo>
                    <a:lnTo>
                      <a:pt x="3865" y="529"/>
                    </a:lnTo>
                    <a:lnTo>
                      <a:pt x="3868" y="549"/>
                    </a:lnTo>
                    <a:lnTo>
                      <a:pt x="3869" y="570"/>
                    </a:lnTo>
                    <a:lnTo>
                      <a:pt x="3868" y="590"/>
                    </a:lnTo>
                    <a:lnTo>
                      <a:pt x="3865" y="609"/>
                    </a:lnTo>
                    <a:lnTo>
                      <a:pt x="3860" y="628"/>
                    </a:lnTo>
                    <a:lnTo>
                      <a:pt x="3852" y="646"/>
                    </a:lnTo>
                    <a:lnTo>
                      <a:pt x="3844" y="663"/>
                    </a:lnTo>
                    <a:lnTo>
                      <a:pt x="3834" y="680"/>
                    </a:lnTo>
                    <a:lnTo>
                      <a:pt x="3823" y="695"/>
                    </a:lnTo>
                    <a:lnTo>
                      <a:pt x="3810" y="709"/>
                    </a:lnTo>
                    <a:lnTo>
                      <a:pt x="3796" y="722"/>
                    </a:lnTo>
                    <a:lnTo>
                      <a:pt x="3781" y="733"/>
                    </a:lnTo>
                    <a:lnTo>
                      <a:pt x="3765" y="743"/>
                    </a:lnTo>
                    <a:lnTo>
                      <a:pt x="3748" y="751"/>
                    </a:lnTo>
                    <a:lnTo>
                      <a:pt x="3729" y="758"/>
                    </a:lnTo>
                    <a:lnTo>
                      <a:pt x="3710" y="763"/>
                    </a:lnTo>
                    <a:lnTo>
                      <a:pt x="3700" y="765"/>
                    </a:lnTo>
                    <a:lnTo>
                      <a:pt x="3690" y="766"/>
                    </a:lnTo>
                    <a:lnTo>
                      <a:pt x="3681" y="767"/>
                    </a:lnTo>
                    <a:lnTo>
                      <a:pt x="3671" y="767"/>
                    </a:lnTo>
                    <a:lnTo>
                      <a:pt x="3660" y="767"/>
                    </a:lnTo>
                    <a:lnTo>
                      <a:pt x="3650" y="766"/>
                    </a:lnTo>
                    <a:lnTo>
                      <a:pt x="3641" y="765"/>
                    </a:lnTo>
                    <a:lnTo>
                      <a:pt x="3631" y="763"/>
                    </a:lnTo>
                    <a:lnTo>
                      <a:pt x="3611" y="758"/>
                    </a:lnTo>
                    <a:lnTo>
                      <a:pt x="3593" y="751"/>
                    </a:lnTo>
                    <a:lnTo>
                      <a:pt x="3576" y="743"/>
                    </a:lnTo>
                    <a:lnTo>
                      <a:pt x="3560" y="733"/>
                    </a:lnTo>
                    <a:lnTo>
                      <a:pt x="3545" y="722"/>
                    </a:lnTo>
                    <a:lnTo>
                      <a:pt x="3531" y="709"/>
                    </a:lnTo>
                    <a:lnTo>
                      <a:pt x="3518" y="695"/>
                    </a:lnTo>
                    <a:lnTo>
                      <a:pt x="3507" y="680"/>
                    </a:lnTo>
                    <a:lnTo>
                      <a:pt x="3496" y="663"/>
                    </a:lnTo>
                    <a:lnTo>
                      <a:pt x="3488" y="646"/>
                    </a:lnTo>
                    <a:lnTo>
                      <a:pt x="3481" y="628"/>
                    </a:lnTo>
                    <a:lnTo>
                      <a:pt x="3476" y="609"/>
                    </a:lnTo>
                    <a:lnTo>
                      <a:pt x="3475" y="599"/>
                    </a:lnTo>
                    <a:lnTo>
                      <a:pt x="3473" y="590"/>
                    </a:lnTo>
                    <a:lnTo>
                      <a:pt x="3473" y="580"/>
                    </a:lnTo>
                    <a:lnTo>
                      <a:pt x="3472" y="570"/>
                    </a:lnTo>
                    <a:lnTo>
                      <a:pt x="3473" y="559"/>
                    </a:lnTo>
                    <a:lnTo>
                      <a:pt x="3473" y="549"/>
                    </a:lnTo>
                    <a:lnTo>
                      <a:pt x="3475" y="539"/>
                    </a:lnTo>
                    <a:lnTo>
                      <a:pt x="3476" y="529"/>
                    </a:lnTo>
                    <a:lnTo>
                      <a:pt x="3481" y="510"/>
                    </a:lnTo>
                    <a:lnTo>
                      <a:pt x="3488" y="492"/>
                    </a:lnTo>
                    <a:lnTo>
                      <a:pt x="3496" y="475"/>
                    </a:lnTo>
                    <a:lnTo>
                      <a:pt x="3507" y="458"/>
                    </a:lnTo>
                    <a:lnTo>
                      <a:pt x="3518" y="443"/>
                    </a:lnTo>
                    <a:lnTo>
                      <a:pt x="3531" y="429"/>
                    </a:lnTo>
                    <a:lnTo>
                      <a:pt x="3545" y="416"/>
                    </a:lnTo>
                    <a:lnTo>
                      <a:pt x="3560" y="405"/>
                    </a:lnTo>
                    <a:lnTo>
                      <a:pt x="3576" y="395"/>
                    </a:lnTo>
                    <a:lnTo>
                      <a:pt x="3593" y="387"/>
                    </a:lnTo>
                    <a:lnTo>
                      <a:pt x="3611" y="380"/>
                    </a:lnTo>
                    <a:lnTo>
                      <a:pt x="3631" y="375"/>
                    </a:lnTo>
                    <a:lnTo>
                      <a:pt x="3650" y="372"/>
                    </a:lnTo>
                    <a:lnTo>
                      <a:pt x="3671" y="371"/>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5" name="Freeform 20"/>
              <p:cNvSpPr>
                <a:spLocks noEditPoints="1"/>
              </p:cNvSpPr>
              <p:nvPr/>
            </p:nvSpPr>
            <p:spPr bwMode="auto">
              <a:xfrm>
                <a:off x="-1022133" y="-358921"/>
                <a:ext cx="566385" cy="321056"/>
              </a:xfrm>
              <a:custGeom>
                <a:avLst/>
                <a:gdLst/>
                <a:ahLst/>
                <a:cxnLst>
                  <a:cxn ang="0">
                    <a:pos x="9873" y="1"/>
                  </a:cxn>
                  <a:cxn ang="0">
                    <a:pos x="9930" y="15"/>
                  </a:cxn>
                  <a:cxn ang="0">
                    <a:pos x="9979" y="42"/>
                  </a:cxn>
                  <a:cxn ang="0">
                    <a:pos x="10018" y="82"/>
                  </a:cxn>
                  <a:cxn ang="0">
                    <a:pos x="10043" y="132"/>
                  </a:cxn>
                  <a:cxn ang="0">
                    <a:pos x="10052" y="187"/>
                  </a:cxn>
                  <a:cxn ang="0">
                    <a:pos x="10047" y="5543"/>
                  </a:cxn>
                  <a:cxn ang="0">
                    <a:pos x="10028" y="5595"/>
                  </a:cxn>
                  <a:cxn ang="0">
                    <a:pos x="9993" y="5638"/>
                  </a:cxn>
                  <a:cxn ang="0">
                    <a:pos x="9947" y="5670"/>
                  </a:cxn>
                  <a:cxn ang="0">
                    <a:pos x="9893" y="5689"/>
                  </a:cxn>
                  <a:cxn ang="0">
                    <a:pos x="199" y="5694"/>
                  </a:cxn>
                  <a:cxn ang="0">
                    <a:pos x="140" y="5684"/>
                  </a:cxn>
                  <a:cxn ang="0">
                    <a:pos x="88" y="5661"/>
                  </a:cxn>
                  <a:cxn ang="0">
                    <a:pos x="46" y="5625"/>
                  </a:cxn>
                  <a:cxn ang="0">
                    <a:pos x="16" y="5578"/>
                  </a:cxn>
                  <a:cxn ang="0">
                    <a:pos x="3" y="5534"/>
                  </a:cxn>
                  <a:cxn ang="0">
                    <a:pos x="0" y="5506"/>
                  </a:cxn>
                  <a:cxn ang="0">
                    <a:pos x="1" y="168"/>
                  </a:cxn>
                  <a:cxn ang="0">
                    <a:pos x="9" y="132"/>
                  </a:cxn>
                  <a:cxn ang="0">
                    <a:pos x="34" y="82"/>
                  </a:cxn>
                  <a:cxn ang="0">
                    <a:pos x="72" y="42"/>
                  </a:cxn>
                  <a:cxn ang="0">
                    <a:pos x="122" y="15"/>
                  </a:cxn>
                  <a:cxn ang="0">
                    <a:pos x="179" y="1"/>
                  </a:cxn>
                  <a:cxn ang="0">
                    <a:pos x="9773" y="46"/>
                  </a:cxn>
                  <a:cxn ang="0">
                    <a:pos x="9830" y="55"/>
                  </a:cxn>
                  <a:cxn ang="0">
                    <a:pos x="9882" y="78"/>
                  </a:cxn>
                  <a:cxn ang="0">
                    <a:pos x="9923" y="114"/>
                  </a:cxn>
                  <a:cxn ang="0">
                    <a:pos x="9953" y="160"/>
                  </a:cxn>
                  <a:cxn ang="0">
                    <a:pos x="9968" y="213"/>
                  </a:cxn>
                  <a:cxn ang="0">
                    <a:pos x="9968" y="5480"/>
                  </a:cxn>
                  <a:cxn ang="0">
                    <a:pos x="9953" y="5533"/>
                  </a:cxn>
                  <a:cxn ang="0">
                    <a:pos x="9923" y="5578"/>
                  </a:cxn>
                  <a:cxn ang="0">
                    <a:pos x="9882" y="5615"/>
                  </a:cxn>
                  <a:cxn ang="0">
                    <a:pos x="9830" y="5638"/>
                  </a:cxn>
                  <a:cxn ang="0">
                    <a:pos x="9773" y="5646"/>
                  </a:cxn>
                  <a:cxn ang="0">
                    <a:pos x="240" y="5642"/>
                  </a:cxn>
                  <a:cxn ang="0">
                    <a:pos x="186" y="5624"/>
                  </a:cxn>
                  <a:cxn ang="0">
                    <a:pos x="141" y="5592"/>
                  </a:cxn>
                  <a:cxn ang="0">
                    <a:pos x="107" y="5549"/>
                  </a:cxn>
                  <a:cxn ang="0">
                    <a:pos x="87" y="5499"/>
                  </a:cxn>
                  <a:cxn ang="0">
                    <a:pos x="83" y="5470"/>
                  </a:cxn>
                  <a:cxn ang="0">
                    <a:pos x="83" y="222"/>
                  </a:cxn>
                  <a:cxn ang="0">
                    <a:pos x="87" y="194"/>
                  </a:cxn>
                  <a:cxn ang="0">
                    <a:pos x="107" y="144"/>
                  </a:cxn>
                  <a:cxn ang="0">
                    <a:pos x="141" y="101"/>
                  </a:cxn>
                  <a:cxn ang="0">
                    <a:pos x="186" y="69"/>
                  </a:cxn>
                  <a:cxn ang="0">
                    <a:pos x="240" y="50"/>
                  </a:cxn>
                </a:cxnLst>
                <a:rect l="0" t="0" r="r" b="b"/>
                <a:pathLst>
                  <a:path w="10052" h="5694">
                    <a:moveTo>
                      <a:pt x="199" y="0"/>
                    </a:moveTo>
                    <a:lnTo>
                      <a:pt x="9853" y="0"/>
                    </a:lnTo>
                    <a:lnTo>
                      <a:pt x="9873" y="1"/>
                    </a:lnTo>
                    <a:lnTo>
                      <a:pt x="9893" y="4"/>
                    </a:lnTo>
                    <a:lnTo>
                      <a:pt x="9911" y="8"/>
                    </a:lnTo>
                    <a:lnTo>
                      <a:pt x="9930" y="15"/>
                    </a:lnTo>
                    <a:lnTo>
                      <a:pt x="9947" y="22"/>
                    </a:lnTo>
                    <a:lnTo>
                      <a:pt x="9964" y="32"/>
                    </a:lnTo>
                    <a:lnTo>
                      <a:pt x="9979" y="42"/>
                    </a:lnTo>
                    <a:lnTo>
                      <a:pt x="9993" y="54"/>
                    </a:lnTo>
                    <a:lnTo>
                      <a:pt x="10006" y="68"/>
                    </a:lnTo>
                    <a:lnTo>
                      <a:pt x="10018" y="82"/>
                    </a:lnTo>
                    <a:lnTo>
                      <a:pt x="10028" y="98"/>
                    </a:lnTo>
                    <a:lnTo>
                      <a:pt x="10036" y="115"/>
                    </a:lnTo>
                    <a:lnTo>
                      <a:pt x="10043" y="132"/>
                    </a:lnTo>
                    <a:lnTo>
                      <a:pt x="10047" y="150"/>
                    </a:lnTo>
                    <a:lnTo>
                      <a:pt x="10050" y="168"/>
                    </a:lnTo>
                    <a:lnTo>
                      <a:pt x="10052" y="187"/>
                    </a:lnTo>
                    <a:lnTo>
                      <a:pt x="10052" y="5506"/>
                    </a:lnTo>
                    <a:lnTo>
                      <a:pt x="10050" y="5525"/>
                    </a:lnTo>
                    <a:lnTo>
                      <a:pt x="10047" y="5543"/>
                    </a:lnTo>
                    <a:lnTo>
                      <a:pt x="10043" y="5561"/>
                    </a:lnTo>
                    <a:lnTo>
                      <a:pt x="10036" y="5578"/>
                    </a:lnTo>
                    <a:lnTo>
                      <a:pt x="10028" y="5595"/>
                    </a:lnTo>
                    <a:lnTo>
                      <a:pt x="10018" y="5611"/>
                    </a:lnTo>
                    <a:lnTo>
                      <a:pt x="10006" y="5625"/>
                    </a:lnTo>
                    <a:lnTo>
                      <a:pt x="9993" y="5638"/>
                    </a:lnTo>
                    <a:lnTo>
                      <a:pt x="9979" y="5650"/>
                    </a:lnTo>
                    <a:lnTo>
                      <a:pt x="9964" y="5661"/>
                    </a:lnTo>
                    <a:lnTo>
                      <a:pt x="9947" y="5670"/>
                    </a:lnTo>
                    <a:lnTo>
                      <a:pt x="9930" y="5678"/>
                    </a:lnTo>
                    <a:lnTo>
                      <a:pt x="9911" y="5684"/>
                    </a:lnTo>
                    <a:lnTo>
                      <a:pt x="9893" y="5689"/>
                    </a:lnTo>
                    <a:lnTo>
                      <a:pt x="9873" y="5693"/>
                    </a:lnTo>
                    <a:lnTo>
                      <a:pt x="9853" y="5694"/>
                    </a:lnTo>
                    <a:lnTo>
                      <a:pt x="199" y="5694"/>
                    </a:lnTo>
                    <a:lnTo>
                      <a:pt x="179" y="5693"/>
                    </a:lnTo>
                    <a:lnTo>
                      <a:pt x="159" y="5689"/>
                    </a:lnTo>
                    <a:lnTo>
                      <a:pt x="140" y="5684"/>
                    </a:lnTo>
                    <a:lnTo>
                      <a:pt x="122" y="5678"/>
                    </a:lnTo>
                    <a:lnTo>
                      <a:pt x="105" y="5670"/>
                    </a:lnTo>
                    <a:lnTo>
                      <a:pt x="88" y="5661"/>
                    </a:lnTo>
                    <a:lnTo>
                      <a:pt x="72" y="5650"/>
                    </a:lnTo>
                    <a:lnTo>
                      <a:pt x="58" y="5638"/>
                    </a:lnTo>
                    <a:lnTo>
                      <a:pt x="46" y="5625"/>
                    </a:lnTo>
                    <a:lnTo>
                      <a:pt x="34" y="5611"/>
                    </a:lnTo>
                    <a:lnTo>
                      <a:pt x="24" y="5595"/>
                    </a:lnTo>
                    <a:lnTo>
                      <a:pt x="16" y="5578"/>
                    </a:lnTo>
                    <a:lnTo>
                      <a:pt x="9" y="5561"/>
                    </a:lnTo>
                    <a:lnTo>
                      <a:pt x="4" y="5543"/>
                    </a:lnTo>
                    <a:lnTo>
                      <a:pt x="3" y="5534"/>
                    </a:lnTo>
                    <a:lnTo>
                      <a:pt x="1" y="5525"/>
                    </a:lnTo>
                    <a:lnTo>
                      <a:pt x="1" y="5515"/>
                    </a:lnTo>
                    <a:lnTo>
                      <a:pt x="0" y="5506"/>
                    </a:lnTo>
                    <a:lnTo>
                      <a:pt x="0" y="187"/>
                    </a:lnTo>
                    <a:lnTo>
                      <a:pt x="1" y="177"/>
                    </a:lnTo>
                    <a:lnTo>
                      <a:pt x="1" y="168"/>
                    </a:lnTo>
                    <a:lnTo>
                      <a:pt x="3" y="159"/>
                    </a:lnTo>
                    <a:lnTo>
                      <a:pt x="4" y="150"/>
                    </a:lnTo>
                    <a:lnTo>
                      <a:pt x="9" y="132"/>
                    </a:lnTo>
                    <a:lnTo>
                      <a:pt x="16" y="115"/>
                    </a:lnTo>
                    <a:lnTo>
                      <a:pt x="24" y="98"/>
                    </a:lnTo>
                    <a:lnTo>
                      <a:pt x="34" y="82"/>
                    </a:lnTo>
                    <a:lnTo>
                      <a:pt x="46" y="68"/>
                    </a:lnTo>
                    <a:lnTo>
                      <a:pt x="58" y="54"/>
                    </a:lnTo>
                    <a:lnTo>
                      <a:pt x="72" y="42"/>
                    </a:lnTo>
                    <a:lnTo>
                      <a:pt x="88" y="32"/>
                    </a:lnTo>
                    <a:lnTo>
                      <a:pt x="105" y="22"/>
                    </a:lnTo>
                    <a:lnTo>
                      <a:pt x="122" y="15"/>
                    </a:lnTo>
                    <a:lnTo>
                      <a:pt x="140" y="8"/>
                    </a:lnTo>
                    <a:lnTo>
                      <a:pt x="159" y="4"/>
                    </a:lnTo>
                    <a:lnTo>
                      <a:pt x="179" y="1"/>
                    </a:lnTo>
                    <a:lnTo>
                      <a:pt x="199" y="0"/>
                    </a:lnTo>
                    <a:close/>
                    <a:moveTo>
                      <a:pt x="279" y="46"/>
                    </a:moveTo>
                    <a:lnTo>
                      <a:pt x="9773" y="46"/>
                    </a:lnTo>
                    <a:lnTo>
                      <a:pt x="9792" y="47"/>
                    </a:lnTo>
                    <a:lnTo>
                      <a:pt x="9812" y="50"/>
                    </a:lnTo>
                    <a:lnTo>
                      <a:pt x="9830" y="55"/>
                    </a:lnTo>
                    <a:lnTo>
                      <a:pt x="9849" y="61"/>
                    </a:lnTo>
                    <a:lnTo>
                      <a:pt x="9866" y="69"/>
                    </a:lnTo>
                    <a:lnTo>
                      <a:pt x="9882" y="78"/>
                    </a:lnTo>
                    <a:lnTo>
                      <a:pt x="9897" y="88"/>
                    </a:lnTo>
                    <a:lnTo>
                      <a:pt x="9911" y="101"/>
                    </a:lnTo>
                    <a:lnTo>
                      <a:pt x="9923" y="114"/>
                    </a:lnTo>
                    <a:lnTo>
                      <a:pt x="9935" y="128"/>
                    </a:lnTo>
                    <a:lnTo>
                      <a:pt x="9944" y="144"/>
                    </a:lnTo>
                    <a:lnTo>
                      <a:pt x="9953" y="160"/>
                    </a:lnTo>
                    <a:lnTo>
                      <a:pt x="9959" y="176"/>
                    </a:lnTo>
                    <a:lnTo>
                      <a:pt x="9965" y="194"/>
                    </a:lnTo>
                    <a:lnTo>
                      <a:pt x="9968" y="213"/>
                    </a:lnTo>
                    <a:lnTo>
                      <a:pt x="9969" y="232"/>
                    </a:lnTo>
                    <a:lnTo>
                      <a:pt x="9969" y="5461"/>
                    </a:lnTo>
                    <a:lnTo>
                      <a:pt x="9968" y="5480"/>
                    </a:lnTo>
                    <a:lnTo>
                      <a:pt x="9965" y="5499"/>
                    </a:lnTo>
                    <a:lnTo>
                      <a:pt x="9959" y="5516"/>
                    </a:lnTo>
                    <a:lnTo>
                      <a:pt x="9953" y="5533"/>
                    </a:lnTo>
                    <a:lnTo>
                      <a:pt x="9944" y="5549"/>
                    </a:lnTo>
                    <a:lnTo>
                      <a:pt x="9935" y="5564"/>
                    </a:lnTo>
                    <a:lnTo>
                      <a:pt x="9923" y="5578"/>
                    </a:lnTo>
                    <a:lnTo>
                      <a:pt x="9911" y="5592"/>
                    </a:lnTo>
                    <a:lnTo>
                      <a:pt x="9897" y="5604"/>
                    </a:lnTo>
                    <a:lnTo>
                      <a:pt x="9882" y="5615"/>
                    </a:lnTo>
                    <a:lnTo>
                      <a:pt x="9866" y="5624"/>
                    </a:lnTo>
                    <a:lnTo>
                      <a:pt x="9849" y="5632"/>
                    </a:lnTo>
                    <a:lnTo>
                      <a:pt x="9830" y="5638"/>
                    </a:lnTo>
                    <a:lnTo>
                      <a:pt x="9812" y="5642"/>
                    </a:lnTo>
                    <a:lnTo>
                      <a:pt x="9792" y="5645"/>
                    </a:lnTo>
                    <a:lnTo>
                      <a:pt x="9773" y="5646"/>
                    </a:lnTo>
                    <a:lnTo>
                      <a:pt x="279" y="5646"/>
                    </a:lnTo>
                    <a:lnTo>
                      <a:pt x="259" y="5645"/>
                    </a:lnTo>
                    <a:lnTo>
                      <a:pt x="240" y="5642"/>
                    </a:lnTo>
                    <a:lnTo>
                      <a:pt x="222" y="5638"/>
                    </a:lnTo>
                    <a:lnTo>
                      <a:pt x="203" y="5632"/>
                    </a:lnTo>
                    <a:lnTo>
                      <a:pt x="186" y="5624"/>
                    </a:lnTo>
                    <a:lnTo>
                      <a:pt x="170" y="5615"/>
                    </a:lnTo>
                    <a:lnTo>
                      <a:pt x="155" y="5604"/>
                    </a:lnTo>
                    <a:lnTo>
                      <a:pt x="141" y="5592"/>
                    </a:lnTo>
                    <a:lnTo>
                      <a:pt x="128" y="5578"/>
                    </a:lnTo>
                    <a:lnTo>
                      <a:pt x="117" y="5564"/>
                    </a:lnTo>
                    <a:lnTo>
                      <a:pt x="107" y="5549"/>
                    </a:lnTo>
                    <a:lnTo>
                      <a:pt x="99" y="5533"/>
                    </a:lnTo>
                    <a:lnTo>
                      <a:pt x="93" y="5516"/>
                    </a:lnTo>
                    <a:lnTo>
                      <a:pt x="87" y="5499"/>
                    </a:lnTo>
                    <a:lnTo>
                      <a:pt x="85" y="5490"/>
                    </a:lnTo>
                    <a:lnTo>
                      <a:pt x="84" y="5480"/>
                    </a:lnTo>
                    <a:lnTo>
                      <a:pt x="83" y="5470"/>
                    </a:lnTo>
                    <a:lnTo>
                      <a:pt x="83" y="5461"/>
                    </a:lnTo>
                    <a:lnTo>
                      <a:pt x="83" y="232"/>
                    </a:lnTo>
                    <a:lnTo>
                      <a:pt x="83" y="222"/>
                    </a:lnTo>
                    <a:lnTo>
                      <a:pt x="84" y="213"/>
                    </a:lnTo>
                    <a:lnTo>
                      <a:pt x="85" y="204"/>
                    </a:lnTo>
                    <a:lnTo>
                      <a:pt x="87" y="194"/>
                    </a:lnTo>
                    <a:lnTo>
                      <a:pt x="93" y="176"/>
                    </a:lnTo>
                    <a:lnTo>
                      <a:pt x="99" y="160"/>
                    </a:lnTo>
                    <a:lnTo>
                      <a:pt x="107" y="144"/>
                    </a:lnTo>
                    <a:lnTo>
                      <a:pt x="117" y="128"/>
                    </a:lnTo>
                    <a:lnTo>
                      <a:pt x="128" y="114"/>
                    </a:lnTo>
                    <a:lnTo>
                      <a:pt x="141" y="101"/>
                    </a:lnTo>
                    <a:lnTo>
                      <a:pt x="155" y="88"/>
                    </a:lnTo>
                    <a:lnTo>
                      <a:pt x="170" y="78"/>
                    </a:lnTo>
                    <a:lnTo>
                      <a:pt x="186" y="69"/>
                    </a:lnTo>
                    <a:lnTo>
                      <a:pt x="203" y="61"/>
                    </a:lnTo>
                    <a:lnTo>
                      <a:pt x="222" y="55"/>
                    </a:lnTo>
                    <a:lnTo>
                      <a:pt x="240" y="50"/>
                    </a:lnTo>
                    <a:lnTo>
                      <a:pt x="259" y="47"/>
                    </a:lnTo>
                    <a:lnTo>
                      <a:pt x="279" y="4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6" name="Freeform 21"/>
              <p:cNvSpPr>
                <a:spLocks/>
              </p:cNvSpPr>
              <p:nvPr/>
            </p:nvSpPr>
            <p:spPr bwMode="auto">
              <a:xfrm>
                <a:off x="-913273" y="-332889"/>
                <a:ext cx="120692" cy="120692"/>
              </a:xfrm>
              <a:custGeom>
                <a:avLst/>
                <a:gdLst/>
                <a:ahLst/>
                <a:cxnLst>
                  <a:cxn ang="0">
                    <a:pos x="1174" y="2128"/>
                  </a:cxn>
                  <a:cxn ang="0">
                    <a:pos x="1332" y="2100"/>
                  </a:cxn>
                  <a:cxn ang="0">
                    <a:pos x="1480" y="2050"/>
                  </a:cxn>
                  <a:cxn ang="0">
                    <a:pos x="1618" y="1979"/>
                  </a:cxn>
                  <a:cxn ang="0">
                    <a:pos x="1743" y="1889"/>
                  </a:cxn>
                  <a:cxn ang="0">
                    <a:pos x="1854" y="1783"/>
                  </a:cxn>
                  <a:cxn ang="0">
                    <a:pos x="1949" y="1662"/>
                  </a:cxn>
                  <a:cxn ang="0">
                    <a:pos x="2026" y="1529"/>
                  </a:cxn>
                  <a:cxn ang="0">
                    <a:pos x="2083" y="1383"/>
                  </a:cxn>
                  <a:cxn ang="0">
                    <a:pos x="2119" y="1229"/>
                  </a:cxn>
                  <a:cxn ang="0">
                    <a:pos x="2131" y="1066"/>
                  </a:cxn>
                  <a:cxn ang="0">
                    <a:pos x="2119" y="905"/>
                  </a:cxn>
                  <a:cxn ang="0">
                    <a:pos x="2083" y="750"/>
                  </a:cxn>
                  <a:cxn ang="0">
                    <a:pos x="2026" y="605"/>
                  </a:cxn>
                  <a:cxn ang="0">
                    <a:pos x="1949" y="471"/>
                  </a:cxn>
                  <a:cxn ang="0">
                    <a:pos x="1854" y="350"/>
                  </a:cxn>
                  <a:cxn ang="0">
                    <a:pos x="1743" y="244"/>
                  </a:cxn>
                  <a:cxn ang="0">
                    <a:pos x="1618" y="154"/>
                  </a:cxn>
                  <a:cxn ang="0">
                    <a:pos x="1480" y="84"/>
                  </a:cxn>
                  <a:cxn ang="0">
                    <a:pos x="1332" y="33"/>
                  </a:cxn>
                  <a:cxn ang="0">
                    <a:pos x="1174" y="5"/>
                  </a:cxn>
                  <a:cxn ang="0">
                    <a:pos x="1011" y="1"/>
                  </a:cxn>
                  <a:cxn ang="0">
                    <a:pos x="851" y="21"/>
                  </a:cxn>
                  <a:cxn ang="0">
                    <a:pos x="700" y="65"/>
                  </a:cxn>
                  <a:cxn ang="0">
                    <a:pos x="559" y="129"/>
                  </a:cxn>
                  <a:cxn ang="0">
                    <a:pos x="429" y="212"/>
                  </a:cxn>
                  <a:cxn ang="0">
                    <a:pos x="313" y="313"/>
                  </a:cxn>
                  <a:cxn ang="0">
                    <a:pos x="212" y="429"/>
                  </a:cxn>
                  <a:cxn ang="0">
                    <a:pos x="129" y="558"/>
                  </a:cxn>
                  <a:cxn ang="0">
                    <a:pos x="65" y="701"/>
                  </a:cxn>
                  <a:cxn ang="0">
                    <a:pos x="22" y="852"/>
                  </a:cxn>
                  <a:cxn ang="0">
                    <a:pos x="1" y="1012"/>
                  </a:cxn>
                  <a:cxn ang="0">
                    <a:pos x="5" y="1175"/>
                  </a:cxn>
                  <a:cxn ang="0">
                    <a:pos x="33" y="1333"/>
                  </a:cxn>
                  <a:cxn ang="0">
                    <a:pos x="84" y="1481"/>
                  </a:cxn>
                  <a:cxn ang="0">
                    <a:pos x="155" y="1620"/>
                  </a:cxn>
                  <a:cxn ang="0">
                    <a:pos x="244" y="1745"/>
                  </a:cxn>
                  <a:cxn ang="0">
                    <a:pos x="350" y="1856"/>
                  </a:cxn>
                  <a:cxn ang="0">
                    <a:pos x="470" y="1951"/>
                  </a:cxn>
                  <a:cxn ang="0">
                    <a:pos x="604" y="2028"/>
                  </a:cxn>
                  <a:cxn ang="0">
                    <a:pos x="750" y="2085"/>
                  </a:cxn>
                  <a:cxn ang="0">
                    <a:pos x="904" y="2121"/>
                  </a:cxn>
                  <a:cxn ang="0">
                    <a:pos x="1066" y="2134"/>
                  </a:cxn>
                </a:cxnLst>
                <a:rect l="0" t="0" r="r" b="b"/>
                <a:pathLst>
                  <a:path w="2131" h="2134">
                    <a:moveTo>
                      <a:pt x="1066" y="2134"/>
                    </a:moveTo>
                    <a:lnTo>
                      <a:pt x="1121" y="2133"/>
                    </a:lnTo>
                    <a:lnTo>
                      <a:pt x="1174" y="2128"/>
                    </a:lnTo>
                    <a:lnTo>
                      <a:pt x="1228" y="2121"/>
                    </a:lnTo>
                    <a:lnTo>
                      <a:pt x="1280" y="2111"/>
                    </a:lnTo>
                    <a:lnTo>
                      <a:pt x="1332" y="2100"/>
                    </a:lnTo>
                    <a:lnTo>
                      <a:pt x="1382" y="2085"/>
                    </a:lnTo>
                    <a:lnTo>
                      <a:pt x="1431" y="2069"/>
                    </a:lnTo>
                    <a:lnTo>
                      <a:pt x="1480" y="2050"/>
                    </a:lnTo>
                    <a:lnTo>
                      <a:pt x="1527" y="2028"/>
                    </a:lnTo>
                    <a:lnTo>
                      <a:pt x="1573" y="2004"/>
                    </a:lnTo>
                    <a:lnTo>
                      <a:pt x="1618" y="1979"/>
                    </a:lnTo>
                    <a:lnTo>
                      <a:pt x="1660" y="1951"/>
                    </a:lnTo>
                    <a:lnTo>
                      <a:pt x="1703" y="1922"/>
                    </a:lnTo>
                    <a:lnTo>
                      <a:pt x="1743" y="1889"/>
                    </a:lnTo>
                    <a:lnTo>
                      <a:pt x="1781" y="1856"/>
                    </a:lnTo>
                    <a:lnTo>
                      <a:pt x="1819" y="1821"/>
                    </a:lnTo>
                    <a:lnTo>
                      <a:pt x="1854" y="1783"/>
                    </a:lnTo>
                    <a:lnTo>
                      <a:pt x="1887" y="1745"/>
                    </a:lnTo>
                    <a:lnTo>
                      <a:pt x="1920" y="1704"/>
                    </a:lnTo>
                    <a:lnTo>
                      <a:pt x="1949" y="1662"/>
                    </a:lnTo>
                    <a:lnTo>
                      <a:pt x="1977" y="1620"/>
                    </a:lnTo>
                    <a:lnTo>
                      <a:pt x="2002" y="1574"/>
                    </a:lnTo>
                    <a:lnTo>
                      <a:pt x="2026" y="1529"/>
                    </a:lnTo>
                    <a:lnTo>
                      <a:pt x="2048" y="1481"/>
                    </a:lnTo>
                    <a:lnTo>
                      <a:pt x="2067" y="1433"/>
                    </a:lnTo>
                    <a:lnTo>
                      <a:pt x="2083" y="1383"/>
                    </a:lnTo>
                    <a:lnTo>
                      <a:pt x="2098" y="1333"/>
                    </a:lnTo>
                    <a:lnTo>
                      <a:pt x="2109" y="1281"/>
                    </a:lnTo>
                    <a:lnTo>
                      <a:pt x="2119" y="1229"/>
                    </a:lnTo>
                    <a:lnTo>
                      <a:pt x="2126" y="1175"/>
                    </a:lnTo>
                    <a:lnTo>
                      <a:pt x="2130" y="1122"/>
                    </a:lnTo>
                    <a:lnTo>
                      <a:pt x="2131" y="1066"/>
                    </a:lnTo>
                    <a:lnTo>
                      <a:pt x="2130" y="1012"/>
                    </a:lnTo>
                    <a:lnTo>
                      <a:pt x="2126" y="958"/>
                    </a:lnTo>
                    <a:lnTo>
                      <a:pt x="2119" y="905"/>
                    </a:lnTo>
                    <a:lnTo>
                      <a:pt x="2109" y="852"/>
                    </a:lnTo>
                    <a:lnTo>
                      <a:pt x="2098" y="801"/>
                    </a:lnTo>
                    <a:lnTo>
                      <a:pt x="2083" y="750"/>
                    </a:lnTo>
                    <a:lnTo>
                      <a:pt x="2067" y="701"/>
                    </a:lnTo>
                    <a:lnTo>
                      <a:pt x="2048" y="652"/>
                    </a:lnTo>
                    <a:lnTo>
                      <a:pt x="2026" y="605"/>
                    </a:lnTo>
                    <a:lnTo>
                      <a:pt x="2002" y="558"/>
                    </a:lnTo>
                    <a:lnTo>
                      <a:pt x="1977" y="514"/>
                    </a:lnTo>
                    <a:lnTo>
                      <a:pt x="1949" y="471"/>
                    </a:lnTo>
                    <a:lnTo>
                      <a:pt x="1920" y="429"/>
                    </a:lnTo>
                    <a:lnTo>
                      <a:pt x="1887" y="389"/>
                    </a:lnTo>
                    <a:lnTo>
                      <a:pt x="1854" y="350"/>
                    </a:lnTo>
                    <a:lnTo>
                      <a:pt x="1819" y="313"/>
                    </a:lnTo>
                    <a:lnTo>
                      <a:pt x="1781" y="278"/>
                    </a:lnTo>
                    <a:lnTo>
                      <a:pt x="1743" y="244"/>
                    </a:lnTo>
                    <a:lnTo>
                      <a:pt x="1703" y="212"/>
                    </a:lnTo>
                    <a:lnTo>
                      <a:pt x="1660" y="183"/>
                    </a:lnTo>
                    <a:lnTo>
                      <a:pt x="1618" y="154"/>
                    </a:lnTo>
                    <a:lnTo>
                      <a:pt x="1573" y="129"/>
                    </a:lnTo>
                    <a:lnTo>
                      <a:pt x="1527" y="105"/>
                    </a:lnTo>
                    <a:lnTo>
                      <a:pt x="1480" y="84"/>
                    </a:lnTo>
                    <a:lnTo>
                      <a:pt x="1431" y="65"/>
                    </a:lnTo>
                    <a:lnTo>
                      <a:pt x="1382" y="47"/>
                    </a:lnTo>
                    <a:lnTo>
                      <a:pt x="1332" y="33"/>
                    </a:lnTo>
                    <a:lnTo>
                      <a:pt x="1280" y="21"/>
                    </a:lnTo>
                    <a:lnTo>
                      <a:pt x="1228" y="12"/>
                    </a:lnTo>
                    <a:lnTo>
                      <a:pt x="1174" y="5"/>
                    </a:lnTo>
                    <a:lnTo>
                      <a:pt x="1121" y="1"/>
                    </a:lnTo>
                    <a:lnTo>
                      <a:pt x="1066" y="0"/>
                    </a:lnTo>
                    <a:lnTo>
                      <a:pt x="1011" y="1"/>
                    </a:lnTo>
                    <a:lnTo>
                      <a:pt x="957" y="5"/>
                    </a:lnTo>
                    <a:lnTo>
                      <a:pt x="904" y="12"/>
                    </a:lnTo>
                    <a:lnTo>
                      <a:pt x="851" y="21"/>
                    </a:lnTo>
                    <a:lnTo>
                      <a:pt x="800" y="33"/>
                    </a:lnTo>
                    <a:lnTo>
                      <a:pt x="750" y="47"/>
                    </a:lnTo>
                    <a:lnTo>
                      <a:pt x="700" y="65"/>
                    </a:lnTo>
                    <a:lnTo>
                      <a:pt x="652" y="84"/>
                    </a:lnTo>
                    <a:lnTo>
                      <a:pt x="604" y="105"/>
                    </a:lnTo>
                    <a:lnTo>
                      <a:pt x="559" y="129"/>
                    </a:lnTo>
                    <a:lnTo>
                      <a:pt x="514" y="154"/>
                    </a:lnTo>
                    <a:lnTo>
                      <a:pt x="470" y="183"/>
                    </a:lnTo>
                    <a:lnTo>
                      <a:pt x="429" y="212"/>
                    </a:lnTo>
                    <a:lnTo>
                      <a:pt x="389" y="244"/>
                    </a:lnTo>
                    <a:lnTo>
                      <a:pt x="350" y="278"/>
                    </a:lnTo>
                    <a:lnTo>
                      <a:pt x="313" y="313"/>
                    </a:lnTo>
                    <a:lnTo>
                      <a:pt x="278" y="350"/>
                    </a:lnTo>
                    <a:lnTo>
                      <a:pt x="244" y="389"/>
                    </a:lnTo>
                    <a:lnTo>
                      <a:pt x="212" y="429"/>
                    </a:lnTo>
                    <a:lnTo>
                      <a:pt x="183" y="471"/>
                    </a:lnTo>
                    <a:lnTo>
                      <a:pt x="155" y="514"/>
                    </a:lnTo>
                    <a:lnTo>
                      <a:pt x="129" y="558"/>
                    </a:lnTo>
                    <a:lnTo>
                      <a:pt x="105" y="605"/>
                    </a:lnTo>
                    <a:lnTo>
                      <a:pt x="84" y="652"/>
                    </a:lnTo>
                    <a:lnTo>
                      <a:pt x="65" y="701"/>
                    </a:lnTo>
                    <a:lnTo>
                      <a:pt x="49" y="750"/>
                    </a:lnTo>
                    <a:lnTo>
                      <a:pt x="33" y="801"/>
                    </a:lnTo>
                    <a:lnTo>
                      <a:pt x="22" y="852"/>
                    </a:lnTo>
                    <a:lnTo>
                      <a:pt x="12" y="905"/>
                    </a:lnTo>
                    <a:lnTo>
                      <a:pt x="5" y="958"/>
                    </a:lnTo>
                    <a:lnTo>
                      <a:pt x="1" y="1012"/>
                    </a:lnTo>
                    <a:lnTo>
                      <a:pt x="0" y="1066"/>
                    </a:lnTo>
                    <a:lnTo>
                      <a:pt x="1" y="1122"/>
                    </a:lnTo>
                    <a:lnTo>
                      <a:pt x="5" y="1175"/>
                    </a:lnTo>
                    <a:lnTo>
                      <a:pt x="12" y="1229"/>
                    </a:lnTo>
                    <a:lnTo>
                      <a:pt x="22" y="1281"/>
                    </a:lnTo>
                    <a:lnTo>
                      <a:pt x="33" y="1333"/>
                    </a:lnTo>
                    <a:lnTo>
                      <a:pt x="49" y="1383"/>
                    </a:lnTo>
                    <a:lnTo>
                      <a:pt x="65" y="1433"/>
                    </a:lnTo>
                    <a:lnTo>
                      <a:pt x="84" y="1481"/>
                    </a:lnTo>
                    <a:lnTo>
                      <a:pt x="105" y="1529"/>
                    </a:lnTo>
                    <a:lnTo>
                      <a:pt x="129" y="1574"/>
                    </a:lnTo>
                    <a:lnTo>
                      <a:pt x="155" y="1620"/>
                    </a:lnTo>
                    <a:lnTo>
                      <a:pt x="183" y="1662"/>
                    </a:lnTo>
                    <a:lnTo>
                      <a:pt x="212" y="1704"/>
                    </a:lnTo>
                    <a:lnTo>
                      <a:pt x="244" y="1745"/>
                    </a:lnTo>
                    <a:lnTo>
                      <a:pt x="278" y="1783"/>
                    </a:lnTo>
                    <a:lnTo>
                      <a:pt x="313" y="1821"/>
                    </a:lnTo>
                    <a:lnTo>
                      <a:pt x="350" y="1856"/>
                    </a:lnTo>
                    <a:lnTo>
                      <a:pt x="389" y="1889"/>
                    </a:lnTo>
                    <a:lnTo>
                      <a:pt x="429" y="1922"/>
                    </a:lnTo>
                    <a:lnTo>
                      <a:pt x="470" y="1951"/>
                    </a:lnTo>
                    <a:lnTo>
                      <a:pt x="514" y="1979"/>
                    </a:lnTo>
                    <a:lnTo>
                      <a:pt x="559" y="2004"/>
                    </a:lnTo>
                    <a:lnTo>
                      <a:pt x="604" y="2028"/>
                    </a:lnTo>
                    <a:lnTo>
                      <a:pt x="652" y="2050"/>
                    </a:lnTo>
                    <a:lnTo>
                      <a:pt x="700" y="2069"/>
                    </a:lnTo>
                    <a:lnTo>
                      <a:pt x="750" y="2085"/>
                    </a:lnTo>
                    <a:lnTo>
                      <a:pt x="800" y="2100"/>
                    </a:lnTo>
                    <a:lnTo>
                      <a:pt x="851" y="2111"/>
                    </a:lnTo>
                    <a:lnTo>
                      <a:pt x="904" y="2121"/>
                    </a:lnTo>
                    <a:lnTo>
                      <a:pt x="957" y="2128"/>
                    </a:lnTo>
                    <a:lnTo>
                      <a:pt x="1011" y="2133"/>
                    </a:lnTo>
                    <a:lnTo>
                      <a:pt x="1066" y="213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7" name="Freeform 22"/>
              <p:cNvSpPr>
                <a:spLocks/>
              </p:cNvSpPr>
              <p:nvPr/>
            </p:nvSpPr>
            <p:spPr bwMode="auto">
              <a:xfrm>
                <a:off x="-962970" y="-196421"/>
                <a:ext cx="220085" cy="159345"/>
              </a:xfrm>
              <a:custGeom>
                <a:avLst/>
                <a:gdLst/>
                <a:ahLst/>
                <a:cxnLst>
                  <a:cxn ang="0">
                    <a:pos x="1122" y="0"/>
                  </a:cxn>
                  <a:cxn ang="0">
                    <a:pos x="615" y="3"/>
                  </a:cxn>
                  <a:cxn ang="0">
                    <a:pos x="548" y="19"/>
                  </a:cxn>
                  <a:cxn ang="0">
                    <a:pos x="482" y="40"/>
                  </a:cxn>
                  <a:cxn ang="0">
                    <a:pos x="406" y="69"/>
                  </a:cxn>
                  <a:cxn ang="0">
                    <a:pos x="347" y="97"/>
                  </a:cxn>
                  <a:cxn ang="0">
                    <a:pos x="307" y="119"/>
                  </a:cxn>
                  <a:cxn ang="0">
                    <a:pos x="268" y="145"/>
                  </a:cxn>
                  <a:cxn ang="0">
                    <a:pos x="231" y="173"/>
                  </a:cxn>
                  <a:cxn ang="0">
                    <a:pos x="195" y="204"/>
                  </a:cxn>
                  <a:cxn ang="0">
                    <a:pos x="164" y="239"/>
                  </a:cxn>
                  <a:cxn ang="0">
                    <a:pos x="136" y="277"/>
                  </a:cxn>
                  <a:cxn ang="0">
                    <a:pos x="111" y="315"/>
                  </a:cxn>
                  <a:cxn ang="0">
                    <a:pos x="89" y="354"/>
                  </a:cxn>
                  <a:cxn ang="0">
                    <a:pos x="70" y="393"/>
                  </a:cxn>
                  <a:cxn ang="0">
                    <a:pos x="55" y="430"/>
                  </a:cxn>
                  <a:cxn ang="0">
                    <a:pos x="42" y="469"/>
                  </a:cxn>
                  <a:cxn ang="0">
                    <a:pos x="26" y="523"/>
                  </a:cxn>
                  <a:cxn ang="0">
                    <a:pos x="12" y="593"/>
                  </a:cxn>
                  <a:cxn ang="0">
                    <a:pos x="4" y="656"/>
                  </a:cxn>
                  <a:cxn ang="0">
                    <a:pos x="0" y="733"/>
                  </a:cxn>
                  <a:cxn ang="0">
                    <a:pos x="0" y="809"/>
                  </a:cxn>
                  <a:cxn ang="0">
                    <a:pos x="0" y="993"/>
                  </a:cxn>
                  <a:cxn ang="0">
                    <a:pos x="0" y="1287"/>
                  </a:cxn>
                  <a:cxn ang="0">
                    <a:pos x="0" y="1643"/>
                  </a:cxn>
                  <a:cxn ang="0">
                    <a:pos x="0" y="2019"/>
                  </a:cxn>
                  <a:cxn ang="0">
                    <a:pos x="0" y="2367"/>
                  </a:cxn>
                  <a:cxn ang="0">
                    <a:pos x="0" y="2645"/>
                  </a:cxn>
                  <a:cxn ang="0">
                    <a:pos x="0" y="2804"/>
                  </a:cxn>
                  <a:cxn ang="0">
                    <a:pos x="1892" y="2827"/>
                  </a:cxn>
                  <a:cxn ang="0">
                    <a:pos x="3913" y="2827"/>
                  </a:cxn>
                  <a:cxn ang="0">
                    <a:pos x="3913" y="2742"/>
                  </a:cxn>
                  <a:cxn ang="0">
                    <a:pos x="3913" y="2518"/>
                  </a:cxn>
                  <a:cxn ang="0">
                    <a:pos x="3913" y="2200"/>
                  </a:cxn>
                  <a:cxn ang="0">
                    <a:pos x="3913" y="1831"/>
                  </a:cxn>
                  <a:cxn ang="0">
                    <a:pos x="3913" y="1459"/>
                  </a:cxn>
                  <a:cxn ang="0">
                    <a:pos x="3913" y="1129"/>
                  </a:cxn>
                  <a:cxn ang="0">
                    <a:pos x="3913" y="885"/>
                  </a:cxn>
                  <a:cxn ang="0">
                    <a:pos x="3913" y="772"/>
                  </a:cxn>
                  <a:cxn ang="0">
                    <a:pos x="3911" y="684"/>
                  </a:cxn>
                  <a:cxn ang="0">
                    <a:pos x="3905" y="625"/>
                  </a:cxn>
                  <a:cxn ang="0">
                    <a:pos x="3894" y="559"/>
                  </a:cxn>
                  <a:cxn ang="0">
                    <a:pos x="3877" y="487"/>
                  </a:cxn>
                  <a:cxn ang="0">
                    <a:pos x="3865" y="450"/>
                  </a:cxn>
                  <a:cxn ang="0">
                    <a:pos x="3849" y="411"/>
                  </a:cxn>
                  <a:cxn ang="0">
                    <a:pos x="3832" y="373"/>
                  </a:cxn>
                  <a:cxn ang="0">
                    <a:pos x="3813" y="335"/>
                  </a:cxn>
                  <a:cxn ang="0">
                    <a:pos x="3790" y="296"/>
                  </a:cxn>
                  <a:cxn ang="0">
                    <a:pos x="3764" y="258"/>
                  </a:cxn>
                  <a:cxn ang="0">
                    <a:pos x="3733" y="221"/>
                  </a:cxn>
                  <a:cxn ang="0">
                    <a:pos x="3699" y="188"/>
                  </a:cxn>
                  <a:cxn ang="0">
                    <a:pos x="3663" y="159"/>
                  </a:cxn>
                  <a:cxn ang="0">
                    <a:pos x="3626" y="132"/>
                  </a:cxn>
                  <a:cxn ang="0">
                    <a:pos x="3585" y="108"/>
                  </a:cxn>
                  <a:cxn ang="0">
                    <a:pos x="3546" y="87"/>
                  </a:cxn>
                  <a:cxn ang="0">
                    <a:pos x="3467" y="53"/>
                  </a:cxn>
                  <a:cxn ang="0">
                    <a:pos x="3396" y="29"/>
                  </a:cxn>
                  <a:cxn ang="0">
                    <a:pos x="3337" y="12"/>
                  </a:cxn>
                  <a:cxn ang="0">
                    <a:pos x="3284" y="0"/>
                  </a:cxn>
                  <a:cxn ang="0">
                    <a:pos x="1956" y="1290"/>
                  </a:cxn>
                </a:cxnLst>
                <a:rect l="0" t="0" r="r" b="b"/>
                <a:pathLst>
                  <a:path w="3913" h="2827">
                    <a:moveTo>
                      <a:pt x="1956" y="1290"/>
                    </a:moveTo>
                    <a:lnTo>
                      <a:pt x="1122" y="0"/>
                    </a:lnTo>
                    <a:lnTo>
                      <a:pt x="629" y="0"/>
                    </a:lnTo>
                    <a:lnTo>
                      <a:pt x="615" y="3"/>
                    </a:lnTo>
                    <a:lnTo>
                      <a:pt x="576" y="12"/>
                    </a:lnTo>
                    <a:lnTo>
                      <a:pt x="548" y="19"/>
                    </a:lnTo>
                    <a:lnTo>
                      <a:pt x="517" y="29"/>
                    </a:lnTo>
                    <a:lnTo>
                      <a:pt x="482" y="40"/>
                    </a:lnTo>
                    <a:lnTo>
                      <a:pt x="445" y="53"/>
                    </a:lnTo>
                    <a:lnTo>
                      <a:pt x="406" y="69"/>
                    </a:lnTo>
                    <a:lnTo>
                      <a:pt x="367" y="87"/>
                    </a:lnTo>
                    <a:lnTo>
                      <a:pt x="347" y="97"/>
                    </a:lnTo>
                    <a:lnTo>
                      <a:pt x="326" y="108"/>
                    </a:lnTo>
                    <a:lnTo>
                      <a:pt x="307" y="119"/>
                    </a:lnTo>
                    <a:lnTo>
                      <a:pt x="287" y="132"/>
                    </a:lnTo>
                    <a:lnTo>
                      <a:pt x="268" y="145"/>
                    </a:lnTo>
                    <a:lnTo>
                      <a:pt x="249" y="159"/>
                    </a:lnTo>
                    <a:lnTo>
                      <a:pt x="231" y="173"/>
                    </a:lnTo>
                    <a:lnTo>
                      <a:pt x="212" y="188"/>
                    </a:lnTo>
                    <a:lnTo>
                      <a:pt x="195" y="204"/>
                    </a:lnTo>
                    <a:lnTo>
                      <a:pt x="179" y="221"/>
                    </a:lnTo>
                    <a:lnTo>
                      <a:pt x="164" y="239"/>
                    </a:lnTo>
                    <a:lnTo>
                      <a:pt x="149" y="258"/>
                    </a:lnTo>
                    <a:lnTo>
                      <a:pt x="136" y="277"/>
                    </a:lnTo>
                    <a:lnTo>
                      <a:pt x="123" y="296"/>
                    </a:lnTo>
                    <a:lnTo>
                      <a:pt x="111" y="315"/>
                    </a:lnTo>
                    <a:lnTo>
                      <a:pt x="99" y="335"/>
                    </a:lnTo>
                    <a:lnTo>
                      <a:pt x="89" y="354"/>
                    </a:lnTo>
                    <a:lnTo>
                      <a:pt x="79" y="373"/>
                    </a:lnTo>
                    <a:lnTo>
                      <a:pt x="70" y="393"/>
                    </a:lnTo>
                    <a:lnTo>
                      <a:pt x="62" y="411"/>
                    </a:lnTo>
                    <a:lnTo>
                      <a:pt x="55" y="430"/>
                    </a:lnTo>
                    <a:lnTo>
                      <a:pt x="48" y="450"/>
                    </a:lnTo>
                    <a:lnTo>
                      <a:pt x="42" y="469"/>
                    </a:lnTo>
                    <a:lnTo>
                      <a:pt x="36" y="487"/>
                    </a:lnTo>
                    <a:lnTo>
                      <a:pt x="26" y="523"/>
                    </a:lnTo>
                    <a:lnTo>
                      <a:pt x="18" y="559"/>
                    </a:lnTo>
                    <a:lnTo>
                      <a:pt x="12" y="593"/>
                    </a:lnTo>
                    <a:lnTo>
                      <a:pt x="8" y="625"/>
                    </a:lnTo>
                    <a:lnTo>
                      <a:pt x="4" y="656"/>
                    </a:lnTo>
                    <a:lnTo>
                      <a:pt x="2" y="684"/>
                    </a:lnTo>
                    <a:lnTo>
                      <a:pt x="0" y="733"/>
                    </a:lnTo>
                    <a:lnTo>
                      <a:pt x="0" y="772"/>
                    </a:lnTo>
                    <a:lnTo>
                      <a:pt x="0" y="809"/>
                    </a:lnTo>
                    <a:lnTo>
                      <a:pt x="0" y="885"/>
                    </a:lnTo>
                    <a:lnTo>
                      <a:pt x="0" y="993"/>
                    </a:lnTo>
                    <a:lnTo>
                      <a:pt x="0" y="1129"/>
                    </a:lnTo>
                    <a:lnTo>
                      <a:pt x="0" y="1287"/>
                    </a:lnTo>
                    <a:lnTo>
                      <a:pt x="0" y="1459"/>
                    </a:lnTo>
                    <a:lnTo>
                      <a:pt x="0" y="1643"/>
                    </a:lnTo>
                    <a:lnTo>
                      <a:pt x="0" y="1831"/>
                    </a:lnTo>
                    <a:lnTo>
                      <a:pt x="0" y="2019"/>
                    </a:lnTo>
                    <a:lnTo>
                      <a:pt x="0" y="2200"/>
                    </a:lnTo>
                    <a:lnTo>
                      <a:pt x="0" y="2367"/>
                    </a:lnTo>
                    <a:lnTo>
                      <a:pt x="0" y="2518"/>
                    </a:lnTo>
                    <a:lnTo>
                      <a:pt x="0" y="2645"/>
                    </a:lnTo>
                    <a:lnTo>
                      <a:pt x="0" y="2742"/>
                    </a:lnTo>
                    <a:lnTo>
                      <a:pt x="0" y="2804"/>
                    </a:lnTo>
                    <a:lnTo>
                      <a:pt x="0" y="2827"/>
                    </a:lnTo>
                    <a:lnTo>
                      <a:pt x="1892" y="2827"/>
                    </a:lnTo>
                    <a:lnTo>
                      <a:pt x="2020" y="2827"/>
                    </a:lnTo>
                    <a:lnTo>
                      <a:pt x="3913" y="2827"/>
                    </a:lnTo>
                    <a:lnTo>
                      <a:pt x="3913" y="2804"/>
                    </a:lnTo>
                    <a:lnTo>
                      <a:pt x="3913" y="2742"/>
                    </a:lnTo>
                    <a:lnTo>
                      <a:pt x="3913" y="2645"/>
                    </a:lnTo>
                    <a:lnTo>
                      <a:pt x="3913" y="2518"/>
                    </a:lnTo>
                    <a:lnTo>
                      <a:pt x="3913" y="2367"/>
                    </a:lnTo>
                    <a:lnTo>
                      <a:pt x="3913" y="2200"/>
                    </a:lnTo>
                    <a:lnTo>
                      <a:pt x="3913" y="2019"/>
                    </a:lnTo>
                    <a:lnTo>
                      <a:pt x="3913" y="1831"/>
                    </a:lnTo>
                    <a:lnTo>
                      <a:pt x="3913" y="1643"/>
                    </a:lnTo>
                    <a:lnTo>
                      <a:pt x="3913" y="1459"/>
                    </a:lnTo>
                    <a:lnTo>
                      <a:pt x="3913" y="1287"/>
                    </a:lnTo>
                    <a:lnTo>
                      <a:pt x="3913" y="1129"/>
                    </a:lnTo>
                    <a:lnTo>
                      <a:pt x="3913" y="993"/>
                    </a:lnTo>
                    <a:lnTo>
                      <a:pt x="3913" y="885"/>
                    </a:lnTo>
                    <a:lnTo>
                      <a:pt x="3913" y="809"/>
                    </a:lnTo>
                    <a:lnTo>
                      <a:pt x="3913" y="772"/>
                    </a:lnTo>
                    <a:lnTo>
                      <a:pt x="3913" y="733"/>
                    </a:lnTo>
                    <a:lnTo>
                      <a:pt x="3911" y="684"/>
                    </a:lnTo>
                    <a:lnTo>
                      <a:pt x="3908" y="656"/>
                    </a:lnTo>
                    <a:lnTo>
                      <a:pt x="3905" y="625"/>
                    </a:lnTo>
                    <a:lnTo>
                      <a:pt x="3901" y="593"/>
                    </a:lnTo>
                    <a:lnTo>
                      <a:pt x="3894" y="559"/>
                    </a:lnTo>
                    <a:lnTo>
                      <a:pt x="3887" y="523"/>
                    </a:lnTo>
                    <a:lnTo>
                      <a:pt x="3877" y="487"/>
                    </a:lnTo>
                    <a:lnTo>
                      <a:pt x="3871" y="469"/>
                    </a:lnTo>
                    <a:lnTo>
                      <a:pt x="3865" y="450"/>
                    </a:lnTo>
                    <a:lnTo>
                      <a:pt x="3857" y="430"/>
                    </a:lnTo>
                    <a:lnTo>
                      <a:pt x="3849" y="411"/>
                    </a:lnTo>
                    <a:lnTo>
                      <a:pt x="3841" y="393"/>
                    </a:lnTo>
                    <a:lnTo>
                      <a:pt x="3832" y="373"/>
                    </a:lnTo>
                    <a:lnTo>
                      <a:pt x="3823" y="354"/>
                    </a:lnTo>
                    <a:lnTo>
                      <a:pt x="3813" y="335"/>
                    </a:lnTo>
                    <a:lnTo>
                      <a:pt x="3801" y="315"/>
                    </a:lnTo>
                    <a:lnTo>
                      <a:pt x="3790" y="296"/>
                    </a:lnTo>
                    <a:lnTo>
                      <a:pt x="3777" y="277"/>
                    </a:lnTo>
                    <a:lnTo>
                      <a:pt x="3764" y="258"/>
                    </a:lnTo>
                    <a:lnTo>
                      <a:pt x="3749" y="239"/>
                    </a:lnTo>
                    <a:lnTo>
                      <a:pt x="3733" y="221"/>
                    </a:lnTo>
                    <a:lnTo>
                      <a:pt x="3716" y="204"/>
                    </a:lnTo>
                    <a:lnTo>
                      <a:pt x="3699" y="188"/>
                    </a:lnTo>
                    <a:lnTo>
                      <a:pt x="3682" y="173"/>
                    </a:lnTo>
                    <a:lnTo>
                      <a:pt x="3663" y="159"/>
                    </a:lnTo>
                    <a:lnTo>
                      <a:pt x="3645" y="145"/>
                    </a:lnTo>
                    <a:lnTo>
                      <a:pt x="3626" y="132"/>
                    </a:lnTo>
                    <a:lnTo>
                      <a:pt x="3605" y="119"/>
                    </a:lnTo>
                    <a:lnTo>
                      <a:pt x="3585" y="108"/>
                    </a:lnTo>
                    <a:lnTo>
                      <a:pt x="3565" y="97"/>
                    </a:lnTo>
                    <a:lnTo>
                      <a:pt x="3546" y="87"/>
                    </a:lnTo>
                    <a:lnTo>
                      <a:pt x="3505" y="69"/>
                    </a:lnTo>
                    <a:lnTo>
                      <a:pt x="3467" y="53"/>
                    </a:lnTo>
                    <a:lnTo>
                      <a:pt x="3430" y="40"/>
                    </a:lnTo>
                    <a:lnTo>
                      <a:pt x="3396" y="29"/>
                    </a:lnTo>
                    <a:lnTo>
                      <a:pt x="3364" y="19"/>
                    </a:lnTo>
                    <a:lnTo>
                      <a:pt x="3337" y="12"/>
                    </a:lnTo>
                    <a:lnTo>
                      <a:pt x="3298" y="3"/>
                    </a:lnTo>
                    <a:lnTo>
                      <a:pt x="3284" y="0"/>
                    </a:lnTo>
                    <a:lnTo>
                      <a:pt x="2790" y="0"/>
                    </a:lnTo>
                    <a:lnTo>
                      <a:pt x="1956" y="129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8" name="Freeform 23"/>
              <p:cNvSpPr>
                <a:spLocks/>
              </p:cNvSpPr>
              <p:nvPr/>
            </p:nvSpPr>
            <p:spPr bwMode="auto">
              <a:xfrm>
                <a:off x="-857266" y="-196421"/>
                <a:ext cx="9466" cy="7888"/>
              </a:xfrm>
              <a:custGeom>
                <a:avLst/>
                <a:gdLst/>
                <a:ahLst/>
                <a:cxnLst>
                  <a:cxn ang="0">
                    <a:pos x="84" y="148"/>
                  </a:cxn>
                  <a:cxn ang="0">
                    <a:pos x="127" y="74"/>
                  </a:cxn>
                  <a:cxn ang="0">
                    <a:pos x="169" y="0"/>
                  </a:cxn>
                  <a:cxn ang="0">
                    <a:pos x="84" y="0"/>
                  </a:cxn>
                  <a:cxn ang="0">
                    <a:pos x="0" y="0"/>
                  </a:cxn>
                  <a:cxn ang="0">
                    <a:pos x="42" y="74"/>
                  </a:cxn>
                  <a:cxn ang="0">
                    <a:pos x="84" y="148"/>
                  </a:cxn>
                </a:cxnLst>
                <a:rect l="0" t="0" r="r" b="b"/>
                <a:pathLst>
                  <a:path w="169" h="148">
                    <a:moveTo>
                      <a:pt x="84" y="148"/>
                    </a:moveTo>
                    <a:lnTo>
                      <a:pt x="127" y="74"/>
                    </a:lnTo>
                    <a:lnTo>
                      <a:pt x="169" y="0"/>
                    </a:lnTo>
                    <a:lnTo>
                      <a:pt x="84" y="0"/>
                    </a:lnTo>
                    <a:lnTo>
                      <a:pt x="0" y="0"/>
                    </a:lnTo>
                    <a:lnTo>
                      <a:pt x="42" y="74"/>
                    </a:lnTo>
                    <a:lnTo>
                      <a:pt x="84" y="14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299" name="Freeform 24"/>
              <p:cNvSpPr>
                <a:spLocks/>
              </p:cNvSpPr>
              <p:nvPr/>
            </p:nvSpPr>
            <p:spPr bwMode="auto">
              <a:xfrm>
                <a:off x="-863577" y="-190899"/>
                <a:ext cx="22087" cy="54430"/>
              </a:xfrm>
              <a:custGeom>
                <a:avLst/>
                <a:gdLst/>
                <a:ahLst/>
                <a:cxnLst>
                  <a:cxn ang="0">
                    <a:pos x="196" y="0"/>
                  </a:cxn>
                  <a:cxn ang="0">
                    <a:pos x="295" y="358"/>
                  </a:cxn>
                  <a:cxn ang="0">
                    <a:pos x="388" y="697"/>
                  </a:cxn>
                  <a:cxn ang="0">
                    <a:pos x="393" y="697"/>
                  </a:cxn>
                  <a:cxn ang="0">
                    <a:pos x="389" y="702"/>
                  </a:cxn>
                  <a:cxn ang="0">
                    <a:pos x="393" y="716"/>
                  </a:cxn>
                  <a:cxn ang="0">
                    <a:pos x="379" y="716"/>
                  </a:cxn>
                  <a:cxn ang="0">
                    <a:pos x="295" y="830"/>
                  </a:cxn>
                  <a:cxn ang="0">
                    <a:pos x="196" y="963"/>
                  </a:cxn>
                  <a:cxn ang="0">
                    <a:pos x="97" y="830"/>
                  </a:cxn>
                  <a:cxn ang="0">
                    <a:pos x="14" y="716"/>
                  </a:cxn>
                  <a:cxn ang="0">
                    <a:pos x="0" y="716"/>
                  </a:cxn>
                  <a:cxn ang="0">
                    <a:pos x="3" y="702"/>
                  </a:cxn>
                  <a:cxn ang="0">
                    <a:pos x="0" y="697"/>
                  </a:cxn>
                  <a:cxn ang="0">
                    <a:pos x="5" y="697"/>
                  </a:cxn>
                  <a:cxn ang="0">
                    <a:pos x="97" y="358"/>
                  </a:cxn>
                  <a:cxn ang="0">
                    <a:pos x="196" y="0"/>
                  </a:cxn>
                </a:cxnLst>
                <a:rect l="0" t="0" r="r" b="b"/>
                <a:pathLst>
                  <a:path w="393" h="963">
                    <a:moveTo>
                      <a:pt x="196" y="0"/>
                    </a:moveTo>
                    <a:lnTo>
                      <a:pt x="295" y="358"/>
                    </a:lnTo>
                    <a:lnTo>
                      <a:pt x="388" y="697"/>
                    </a:lnTo>
                    <a:lnTo>
                      <a:pt x="393" y="697"/>
                    </a:lnTo>
                    <a:lnTo>
                      <a:pt x="389" y="702"/>
                    </a:lnTo>
                    <a:lnTo>
                      <a:pt x="393" y="716"/>
                    </a:lnTo>
                    <a:lnTo>
                      <a:pt x="379" y="716"/>
                    </a:lnTo>
                    <a:lnTo>
                      <a:pt x="295" y="830"/>
                    </a:lnTo>
                    <a:lnTo>
                      <a:pt x="196" y="963"/>
                    </a:lnTo>
                    <a:lnTo>
                      <a:pt x="97" y="830"/>
                    </a:lnTo>
                    <a:lnTo>
                      <a:pt x="14" y="716"/>
                    </a:lnTo>
                    <a:lnTo>
                      <a:pt x="0" y="716"/>
                    </a:lnTo>
                    <a:lnTo>
                      <a:pt x="3" y="702"/>
                    </a:lnTo>
                    <a:lnTo>
                      <a:pt x="0" y="697"/>
                    </a:lnTo>
                    <a:lnTo>
                      <a:pt x="5" y="697"/>
                    </a:lnTo>
                    <a:lnTo>
                      <a:pt x="97" y="358"/>
                    </a:lnTo>
                    <a:lnTo>
                      <a:pt x="196"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300" name="Freeform 25"/>
              <p:cNvSpPr>
                <a:spLocks/>
              </p:cNvSpPr>
              <p:nvPr/>
            </p:nvSpPr>
            <p:spPr bwMode="auto">
              <a:xfrm>
                <a:off x="-685300" y="-332889"/>
                <a:ext cx="119903" cy="120692"/>
              </a:xfrm>
              <a:custGeom>
                <a:avLst/>
                <a:gdLst/>
                <a:ahLst/>
                <a:cxnLst>
                  <a:cxn ang="0">
                    <a:pos x="1175" y="2128"/>
                  </a:cxn>
                  <a:cxn ang="0">
                    <a:pos x="1331" y="2100"/>
                  </a:cxn>
                  <a:cxn ang="0">
                    <a:pos x="1479" y="2050"/>
                  </a:cxn>
                  <a:cxn ang="0">
                    <a:pos x="1617" y="1979"/>
                  </a:cxn>
                  <a:cxn ang="0">
                    <a:pos x="1742" y="1889"/>
                  </a:cxn>
                  <a:cxn ang="0">
                    <a:pos x="1853" y="1783"/>
                  </a:cxn>
                  <a:cxn ang="0">
                    <a:pos x="1948" y="1662"/>
                  </a:cxn>
                  <a:cxn ang="0">
                    <a:pos x="2026" y="1529"/>
                  </a:cxn>
                  <a:cxn ang="0">
                    <a:pos x="2083" y="1383"/>
                  </a:cxn>
                  <a:cxn ang="0">
                    <a:pos x="2119" y="1229"/>
                  </a:cxn>
                  <a:cxn ang="0">
                    <a:pos x="2131" y="1066"/>
                  </a:cxn>
                  <a:cxn ang="0">
                    <a:pos x="2119" y="905"/>
                  </a:cxn>
                  <a:cxn ang="0">
                    <a:pos x="2083" y="750"/>
                  </a:cxn>
                  <a:cxn ang="0">
                    <a:pos x="2026" y="605"/>
                  </a:cxn>
                  <a:cxn ang="0">
                    <a:pos x="1948" y="471"/>
                  </a:cxn>
                  <a:cxn ang="0">
                    <a:pos x="1853" y="350"/>
                  </a:cxn>
                  <a:cxn ang="0">
                    <a:pos x="1742" y="244"/>
                  </a:cxn>
                  <a:cxn ang="0">
                    <a:pos x="1617" y="154"/>
                  </a:cxn>
                  <a:cxn ang="0">
                    <a:pos x="1479" y="84"/>
                  </a:cxn>
                  <a:cxn ang="0">
                    <a:pos x="1331" y="33"/>
                  </a:cxn>
                  <a:cxn ang="0">
                    <a:pos x="1175" y="5"/>
                  </a:cxn>
                  <a:cxn ang="0">
                    <a:pos x="1011" y="1"/>
                  </a:cxn>
                  <a:cxn ang="0">
                    <a:pos x="851" y="21"/>
                  </a:cxn>
                  <a:cxn ang="0">
                    <a:pos x="700" y="65"/>
                  </a:cxn>
                  <a:cxn ang="0">
                    <a:pos x="558" y="129"/>
                  </a:cxn>
                  <a:cxn ang="0">
                    <a:pos x="428" y="212"/>
                  </a:cxn>
                  <a:cxn ang="0">
                    <a:pos x="312" y="313"/>
                  </a:cxn>
                  <a:cxn ang="0">
                    <a:pos x="212" y="429"/>
                  </a:cxn>
                  <a:cxn ang="0">
                    <a:pos x="129" y="558"/>
                  </a:cxn>
                  <a:cxn ang="0">
                    <a:pos x="65" y="701"/>
                  </a:cxn>
                  <a:cxn ang="0">
                    <a:pos x="22" y="852"/>
                  </a:cxn>
                  <a:cxn ang="0">
                    <a:pos x="2" y="1012"/>
                  </a:cxn>
                  <a:cxn ang="0">
                    <a:pos x="6" y="1175"/>
                  </a:cxn>
                  <a:cxn ang="0">
                    <a:pos x="34" y="1333"/>
                  </a:cxn>
                  <a:cxn ang="0">
                    <a:pos x="84" y="1481"/>
                  </a:cxn>
                  <a:cxn ang="0">
                    <a:pos x="155" y="1620"/>
                  </a:cxn>
                  <a:cxn ang="0">
                    <a:pos x="244" y="1745"/>
                  </a:cxn>
                  <a:cxn ang="0">
                    <a:pos x="350" y="1856"/>
                  </a:cxn>
                  <a:cxn ang="0">
                    <a:pos x="471" y="1951"/>
                  </a:cxn>
                  <a:cxn ang="0">
                    <a:pos x="604" y="2028"/>
                  </a:cxn>
                  <a:cxn ang="0">
                    <a:pos x="749" y="2085"/>
                  </a:cxn>
                  <a:cxn ang="0">
                    <a:pos x="903" y="2121"/>
                  </a:cxn>
                  <a:cxn ang="0">
                    <a:pos x="1066" y="2134"/>
                  </a:cxn>
                </a:cxnLst>
                <a:rect l="0" t="0" r="r" b="b"/>
                <a:pathLst>
                  <a:path w="2131" h="2134">
                    <a:moveTo>
                      <a:pt x="1066" y="2134"/>
                    </a:moveTo>
                    <a:lnTo>
                      <a:pt x="1120" y="2133"/>
                    </a:lnTo>
                    <a:lnTo>
                      <a:pt x="1175" y="2128"/>
                    </a:lnTo>
                    <a:lnTo>
                      <a:pt x="1227" y="2121"/>
                    </a:lnTo>
                    <a:lnTo>
                      <a:pt x="1279" y="2111"/>
                    </a:lnTo>
                    <a:lnTo>
                      <a:pt x="1331" y="2100"/>
                    </a:lnTo>
                    <a:lnTo>
                      <a:pt x="1381" y="2085"/>
                    </a:lnTo>
                    <a:lnTo>
                      <a:pt x="1431" y="2069"/>
                    </a:lnTo>
                    <a:lnTo>
                      <a:pt x="1479" y="2050"/>
                    </a:lnTo>
                    <a:lnTo>
                      <a:pt x="1527" y="2028"/>
                    </a:lnTo>
                    <a:lnTo>
                      <a:pt x="1573" y="2004"/>
                    </a:lnTo>
                    <a:lnTo>
                      <a:pt x="1617" y="1979"/>
                    </a:lnTo>
                    <a:lnTo>
                      <a:pt x="1661" y="1951"/>
                    </a:lnTo>
                    <a:lnTo>
                      <a:pt x="1702" y="1922"/>
                    </a:lnTo>
                    <a:lnTo>
                      <a:pt x="1742" y="1889"/>
                    </a:lnTo>
                    <a:lnTo>
                      <a:pt x="1782" y="1856"/>
                    </a:lnTo>
                    <a:lnTo>
                      <a:pt x="1818" y="1821"/>
                    </a:lnTo>
                    <a:lnTo>
                      <a:pt x="1853" y="1783"/>
                    </a:lnTo>
                    <a:lnTo>
                      <a:pt x="1887" y="1745"/>
                    </a:lnTo>
                    <a:lnTo>
                      <a:pt x="1919" y="1704"/>
                    </a:lnTo>
                    <a:lnTo>
                      <a:pt x="1948" y="1662"/>
                    </a:lnTo>
                    <a:lnTo>
                      <a:pt x="1976" y="1620"/>
                    </a:lnTo>
                    <a:lnTo>
                      <a:pt x="2002" y="1574"/>
                    </a:lnTo>
                    <a:lnTo>
                      <a:pt x="2026" y="1529"/>
                    </a:lnTo>
                    <a:lnTo>
                      <a:pt x="2047" y="1481"/>
                    </a:lnTo>
                    <a:lnTo>
                      <a:pt x="2066" y="1433"/>
                    </a:lnTo>
                    <a:lnTo>
                      <a:pt x="2083" y="1383"/>
                    </a:lnTo>
                    <a:lnTo>
                      <a:pt x="2097" y="1333"/>
                    </a:lnTo>
                    <a:lnTo>
                      <a:pt x="2110" y="1281"/>
                    </a:lnTo>
                    <a:lnTo>
                      <a:pt x="2119" y="1229"/>
                    </a:lnTo>
                    <a:lnTo>
                      <a:pt x="2126" y="1175"/>
                    </a:lnTo>
                    <a:lnTo>
                      <a:pt x="2130" y="1122"/>
                    </a:lnTo>
                    <a:lnTo>
                      <a:pt x="2131" y="1066"/>
                    </a:lnTo>
                    <a:lnTo>
                      <a:pt x="2130" y="1012"/>
                    </a:lnTo>
                    <a:lnTo>
                      <a:pt x="2126" y="958"/>
                    </a:lnTo>
                    <a:lnTo>
                      <a:pt x="2119" y="905"/>
                    </a:lnTo>
                    <a:lnTo>
                      <a:pt x="2110" y="852"/>
                    </a:lnTo>
                    <a:lnTo>
                      <a:pt x="2097" y="801"/>
                    </a:lnTo>
                    <a:lnTo>
                      <a:pt x="2083" y="750"/>
                    </a:lnTo>
                    <a:lnTo>
                      <a:pt x="2066" y="701"/>
                    </a:lnTo>
                    <a:lnTo>
                      <a:pt x="2047" y="652"/>
                    </a:lnTo>
                    <a:lnTo>
                      <a:pt x="2026" y="605"/>
                    </a:lnTo>
                    <a:lnTo>
                      <a:pt x="2002" y="558"/>
                    </a:lnTo>
                    <a:lnTo>
                      <a:pt x="1976" y="514"/>
                    </a:lnTo>
                    <a:lnTo>
                      <a:pt x="1948" y="471"/>
                    </a:lnTo>
                    <a:lnTo>
                      <a:pt x="1919" y="429"/>
                    </a:lnTo>
                    <a:lnTo>
                      <a:pt x="1887" y="389"/>
                    </a:lnTo>
                    <a:lnTo>
                      <a:pt x="1853" y="350"/>
                    </a:lnTo>
                    <a:lnTo>
                      <a:pt x="1818" y="313"/>
                    </a:lnTo>
                    <a:lnTo>
                      <a:pt x="1782" y="278"/>
                    </a:lnTo>
                    <a:lnTo>
                      <a:pt x="1742" y="244"/>
                    </a:lnTo>
                    <a:lnTo>
                      <a:pt x="1702" y="212"/>
                    </a:lnTo>
                    <a:lnTo>
                      <a:pt x="1661" y="183"/>
                    </a:lnTo>
                    <a:lnTo>
                      <a:pt x="1617" y="154"/>
                    </a:lnTo>
                    <a:lnTo>
                      <a:pt x="1573" y="129"/>
                    </a:lnTo>
                    <a:lnTo>
                      <a:pt x="1527" y="105"/>
                    </a:lnTo>
                    <a:lnTo>
                      <a:pt x="1479" y="84"/>
                    </a:lnTo>
                    <a:lnTo>
                      <a:pt x="1431" y="65"/>
                    </a:lnTo>
                    <a:lnTo>
                      <a:pt x="1381" y="47"/>
                    </a:lnTo>
                    <a:lnTo>
                      <a:pt x="1331" y="33"/>
                    </a:lnTo>
                    <a:lnTo>
                      <a:pt x="1279" y="21"/>
                    </a:lnTo>
                    <a:lnTo>
                      <a:pt x="1227" y="12"/>
                    </a:lnTo>
                    <a:lnTo>
                      <a:pt x="1175" y="5"/>
                    </a:lnTo>
                    <a:lnTo>
                      <a:pt x="1120" y="1"/>
                    </a:lnTo>
                    <a:lnTo>
                      <a:pt x="1066" y="0"/>
                    </a:lnTo>
                    <a:lnTo>
                      <a:pt x="1011" y="1"/>
                    </a:lnTo>
                    <a:lnTo>
                      <a:pt x="957" y="5"/>
                    </a:lnTo>
                    <a:lnTo>
                      <a:pt x="903" y="12"/>
                    </a:lnTo>
                    <a:lnTo>
                      <a:pt x="851" y="21"/>
                    </a:lnTo>
                    <a:lnTo>
                      <a:pt x="799" y="33"/>
                    </a:lnTo>
                    <a:lnTo>
                      <a:pt x="749" y="47"/>
                    </a:lnTo>
                    <a:lnTo>
                      <a:pt x="700" y="65"/>
                    </a:lnTo>
                    <a:lnTo>
                      <a:pt x="651" y="84"/>
                    </a:lnTo>
                    <a:lnTo>
                      <a:pt x="604" y="105"/>
                    </a:lnTo>
                    <a:lnTo>
                      <a:pt x="558" y="129"/>
                    </a:lnTo>
                    <a:lnTo>
                      <a:pt x="514" y="154"/>
                    </a:lnTo>
                    <a:lnTo>
                      <a:pt x="471" y="183"/>
                    </a:lnTo>
                    <a:lnTo>
                      <a:pt x="428" y="212"/>
                    </a:lnTo>
                    <a:lnTo>
                      <a:pt x="388" y="244"/>
                    </a:lnTo>
                    <a:lnTo>
                      <a:pt x="350" y="278"/>
                    </a:lnTo>
                    <a:lnTo>
                      <a:pt x="312" y="313"/>
                    </a:lnTo>
                    <a:lnTo>
                      <a:pt x="277" y="350"/>
                    </a:lnTo>
                    <a:lnTo>
                      <a:pt x="244" y="389"/>
                    </a:lnTo>
                    <a:lnTo>
                      <a:pt x="212" y="429"/>
                    </a:lnTo>
                    <a:lnTo>
                      <a:pt x="182" y="471"/>
                    </a:lnTo>
                    <a:lnTo>
                      <a:pt x="155" y="514"/>
                    </a:lnTo>
                    <a:lnTo>
                      <a:pt x="129" y="558"/>
                    </a:lnTo>
                    <a:lnTo>
                      <a:pt x="106" y="605"/>
                    </a:lnTo>
                    <a:lnTo>
                      <a:pt x="84" y="652"/>
                    </a:lnTo>
                    <a:lnTo>
                      <a:pt x="65" y="701"/>
                    </a:lnTo>
                    <a:lnTo>
                      <a:pt x="48" y="750"/>
                    </a:lnTo>
                    <a:lnTo>
                      <a:pt x="34" y="801"/>
                    </a:lnTo>
                    <a:lnTo>
                      <a:pt x="22" y="852"/>
                    </a:lnTo>
                    <a:lnTo>
                      <a:pt x="12" y="905"/>
                    </a:lnTo>
                    <a:lnTo>
                      <a:pt x="6" y="958"/>
                    </a:lnTo>
                    <a:lnTo>
                      <a:pt x="2" y="1012"/>
                    </a:lnTo>
                    <a:lnTo>
                      <a:pt x="0" y="1066"/>
                    </a:lnTo>
                    <a:lnTo>
                      <a:pt x="2" y="1122"/>
                    </a:lnTo>
                    <a:lnTo>
                      <a:pt x="6" y="1175"/>
                    </a:lnTo>
                    <a:lnTo>
                      <a:pt x="12" y="1229"/>
                    </a:lnTo>
                    <a:lnTo>
                      <a:pt x="22" y="1281"/>
                    </a:lnTo>
                    <a:lnTo>
                      <a:pt x="34" y="1333"/>
                    </a:lnTo>
                    <a:lnTo>
                      <a:pt x="48" y="1383"/>
                    </a:lnTo>
                    <a:lnTo>
                      <a:pt x="65" y="1433"/>
                    </a:lnTo>
                    <a:lnTo>
                      <a:pt x="84" y="1481"/>
                    </a:lnTo>
                    <a:lnTo>
                      <a:pt x="106" y="1529"/>
                    </a:lnTo>
                    <a:lnTo>
                      <a:pt x="129" y="1574"/>
                    </a:lnTo>
                    <a:lnTo>
                      <a:pt x="155" y="1620"/>
                    </a:lnTo>
                    <a:lnTo>
                      <a:pt x="182" y="1662"/>
                    </a:lnTo>
                    <a:lnTo>
                      <a:pt x="212" y="1704"/>
                    </a:lnTo>
                    <a:lnTo>
                      <a:pt x="244" y="1745"/>
                    </a:lnTo>
                    <a:lnTo>
                      <a:pt x="277" y="1783"/>
                    </a:lnTo>
                    <a:lnTo>
                      <a:pt x="312" y="1821"/>
                    </a:lnTo>
                    <a:lnTo>
                      <a:pt x="350" y="1856"/>
                    </a:lnTo>
                    <a:lnTo>
                      <a:pt x="388" y="1889"/>
                    </a:lnTo>
                    <a:lnTo>
                      <a:pt x="428" y="1922"/>
                    </a:lnTo>
                    <a:lnTo>
                      <a:pt x="471" y="1951"/>
                    </a:lnTo>
                    <a:lnTo>
                      <a:pt x="514" y="1979"/>
                    </a:lnTo>
                    <a:lnTo>
                      <a:pt x="558" y="2004"/>
                    </a:lnTo>
                    <a:lnTo>
                      <a:pt x="604" y="2028"/>
                    </a:lnTo>
                    <a:lnTo>
                      <a:pt x="651" y="2050"/>
                    </a:lnTo>
                    <a:lnTo>
                      <a:pt x="700" y="2069"/>
                    </a:lnTo>
                    <a:lnTo>
                      <a:pt x="749" y="2085"/>
                    </a:lnTo>
                    <a:lnTo>
                      <a:pt x="799" y="2100"/>
                    </a:lnTo>
                    <a:lnTo>
                      <a:pt x="851" y="2111"/>
                    </a:lnTo>
                    <a:lnTo>
                      <a:pt x="903" y="2121"/>
                    </a:lnTo>
                    <a:lnTo>
                      <a:pt x="957" y="2128"/>
                    </a:lnTo>
                    <a:lnTo>
                      <a:pt x="1011" y="2133"/>
                    </a:lnTo>
                    <a:lnTo>
                      <a:pt x="1066" y="213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301" name="Freeform 26"/>
              <p:cNvSpPr>
                <a:spLocks/>
              </p:cNvSpPr>
              <p:nvPr/>
            </p:nvSpPr>
            <p:spPr bwMode="auto">
              <a:xfrm>
                <a:off x="-734996" y="-196421"/>
                <a:ext cx="220085" cy="159345"/>
              </a:xfrm>
              <a:custGeom>
                <a:avLst/>
                <a:gdLst/>
                <a:ahLst/>
                <a:cxnLst>
                  <a:cxn ang="0">
                    <a:pos x="1123" y="0"/>
                  </a:cxn>
                  <a:cxn ang="0">
                    <a:pos x="615" y="3"/>
                  </a:cxn>
                  <a:cxn ang="0">
                    <a:pos x="549" y="19"/>
                  </a:cxn>
                  <a:cxn ang="0">
                    <a:pos x="483" y="40"/>
                  </a:cxn>
                  <a:cxn ang="0">
                    <a:pos x="408" y="69"/>
                  </a:cxn>
                  <a:cxn ang="0">
                    <a:pos x="347" y="97"/>
                  </a:cxn>
                  <a:cxn ang="0">
                    <a:pos x="308" y="119"/>
                  </a:cxn>
                  <a:cxn ang="0">
                    <a:pos x="268" y="145"/>
                  </a:cxn>
                  <a:cxn ang="0">
                    <a:pos x="231" y="173"/>
                  </a:cxn>
                  <a:cxn ang="0">
                    <a:pos x="196" y="204"/>
                  </a:cxn>
                  <a:cxn ang="0">
                    <a:pos x="164" y="239"/>
                  </a:cxn>
                  <a:cxn ang="0">
                    <a:pos x="136" y="277"/>
                  </a:cxn>
                  <a:cxn ang="0">
                    <a:pos x="111" y="315"/>
                  </a:cxn>
                  <a:cxn ang="0">
                    <a:pos x="90" y="354"/>
                  </a:cxn>
                  <a:cxn ang="0">
                    <a:pos x="72" y="393"/>
                  </a:cxn>
                  <a:cxn ang="0">
                    <a:pos x="56" y="430"/>
                  </a:cxn>
                  <a:cxn ang="0">
                    <a:pos x="42" y="469"/>
                  </a:cxn>
                  <a:cxn ang="0">
                    <a:pos x="26" y="523"/>
                  </a:cxn>
                  <a:cxn ang="0">
                    <a:pos x="12" y="593"/>
                  </a:cxn>
                  <a:cxn ang="0">
                    <a:pos x="5" y="656"/>
                  </a:cxn>
                  <a:cxn ang="0">
                    <a:pos x="0" y="733"/>
                  </a:cxn>
                  <a:cxn ang="0">
                    <a:pos x="0" y="809"/>
                  </a:cxn>
                  <a:cxn ang="0">
                    <a:pos x="0" y="993"/>
                  </a:cxn>
                  <a:cxn ang="0">
                    <a:pos x="0" y="1287"/>
                  </a:cxn>
                  <a:cxn ang="0">
                    <a:pos x="0" y="1643"/>
                  </a:cxn>
                  <a:cxn ang="0">
                    <a:pos x="0" y="2019"/>
                  </a:cxn>
                  <a:cxn ang="0">
                    <a:pos x="0" y="2367"/>
                  </a:cxn>
                  <a:cxn ang="0">
                    <a:pos x="0" y="2645"/>
                  </a:cxn>
                  <a:cxn ang="0">
                    <a:pos x="0" y="2804"/>
                  </a:cxn>
                  <a:cxn ang="0">
                    <a:pos x="1893" y="2827"/>
                  </a:cxn>
                  <a:cxn ang="0">
                    <a:pos x="3913" y="2827"/>
                  </a:cxn>
                  <a:cxn ang="0">
                    <a:pos x="3913" y="2742"/>
                  </a:cxn>
                  <a:cxn ang="0">
                    <a:pos x="3913" y="2518"/>
                  </a:cxn>
                  <a:cxn ang="0">
                    <a:pos x="3913" y="2200"/>
                  </a:cxn>
                  <a:cxn ang="0">
                    <a:pos x="3913" y="1831"/>
                  </a:cxn>
                  <a:cxn ang="0">
                    <a:pos x="3913" y="1459"/>
                  </a:cxn>
                  <a:cxn ang="0">
                    <a:pos x="3913" y="1129"/>
                  </a:cxn>
                  <a:cxn ang="0">
                    <a:pos x="3913" y="885"/>
                  </a:cxn>
                  <a:cxn ang="0">
                    <a:pos x="3913" y="772"/>
                  </a:cxn>
                  <a:cxn ang="0">
                    <a:pos x="3911" y="684"/>
                  </a:cxn>
                  <a:cxn ang="0">
                    <a:pos x="3905" y="625"/>
                  </a:cxn>
                  <a:cxn ang="0">
                    <a:pos x="3895" y="559"/>
                  </a:cxn>
                  <a:cxn ang="0">
                    <a:pos x="3877" y="487"/>
                  </a:cxn>
                  <a:cxn ang="0">
                    <a:pos x="3865" y="450"/>
                  </a:cxn>
                  <a:cxn ang="0">
                    <a:pos x="3851" y="411"/>
                  </a:cxn>
                  <a:cxn ang="0">
                    <a:pos x="3834" y="373"/>
                  </a:cxn>
                  <a:cxn ang="0">
                    <a:pos x="3814" y="335"/>
                  </a:cxn>
                  <a:cxn ang="0">
                    <a:pos x="3790" y="296"/>
                  </a:cxn>
                  <a:cxn ang="0">
                    <a:pos x="3764" y="258"/>
                  </a:cxn>
                  <a:cxn ang="0">
                    <a:pos x="3734" y="221"/>
                  </a:cxn>
                  <a:cxn ang="0">
                    <a:pos x="3701" y="188"/>
                  </a:cxn>
                  <a:cxn ang="0">
                    <a:pos x="3664" y="159"/>
                  </a:cxn>
                  <a:cxn ang="0">
                    <a:pos x="3626" y="132"/>
                  </a:cxn>
                  <a:cxn ang="0">
                    <a:pos x="3587" y="108"/>
                  </a:cxn>
                  <a:cxn ang="0">
                    <a:pos x="3546" y="87"/>
                  </a:cxn>
                  <a:cxn ang="0">
                    <a:pos x="3468" y="53"/>
                  </a:cxn>
                  <a:cxn ang="0">
                    <a:pos x="3396" y="29"/>
                  </a:cxn>
                  <a:cxn ang="0">
                    <a:pos x="3337" y="12"/>
                  </a:cxn>
                  <a:cxn ang="0">
                    <a:pos x="3284" y="0"/>
                  </a:cxn>
                  <a:cxn ang="0">
                    <a:pos x="1957" y="1290"/>
                  </a:cxn>
                </a:cxnLst>
                <a:rect l="0" t="0" r="r" b="b"/>
                <a:pathLst>
                  <a:path w="3913" h="2827">
                    <a:moveTo>
                      <a:pt x="1957" y="1290"/>
                    </a:moveTo>
                    <a:lnTo>
                      <a:pt x="1123" y="0"/>
                    </a:lnTo>
                    <a:lnTo>
                      <a:pt x="630" y="0"/>
                    </a:lnTo>
                    <a:lnTo>
                      <a:pt x="615" y="3"/>
                    </a:lnTo>
                    <a:lnTo>
                      <a:pt x="576" y="12"/>
                    </a:lnTo>
                    <a:lnTo>
                      <a:pt x="549" y="19"/>
                    </a:lnTo>
                    <a:lnTo>
                      <a:pt x="517" y="29"/>
                    </a:lnTo>
                    <a:lnTo>
                      <a:pt x="483" y="40"/>
                    </a:lnTo>
                    <a:lnTo>
                      <a:pt x="446" y="53"/>
                    </a:lnTo>
                    <a:lnTo>
                      <a:pt x="408" y="69"/>
                    </a:lnTo>
                    <a:lnTo>
                      <a:pt x="367" y="87"/>
                    </a:lnTo>
                    <a:lnTo>
                      <a:pt x="347" y="97"/>
                    </a:lnTo>
                    <a:lnTo>
                      <a:pt x="328" y="108"/>
                    </a:lnTo>
                    <a:lnTo>
                      <a:pt x="308" y="119"/>
                    </a:lnTo>
                    <a:lnTo>
                      <a:pt x="287" y="132"/>
                    </a:lnTo>
                    <a:lnTo>
                      <a:pt x="268" y="145"/>
                    </a:lnTo>
                    <a:lnTo>
                      <a:pt x="249" y="159"/>
                    </a:lnTo>
                    <a:lnTo>
                      <a:pt x="231" y="173"/>
                    </a:lnTo>
                    <a:lnTo>
                      <a:pt x="213" y="188"/>
                    </a:lnTo>
                    <a:lnTo>
                      <a:pt x="196" y="204"/>
                    </a:lnTo>
                    <a:lnTo>
                      <a:pt x="180" y="221"/>
                    </a:lnTo>
                    <a:lnTo>
                      <a:pt x="164" y="239"/>
                    </a:lnTo>
                    <a:lnTo>
                      <a:pt x="149" y="258"/>
                    </a:lnTo>
                    <a:lnTo>
                      <a:pt x="136" y="277"/>
                    </a:lnTo>
                    <a:lnTo>
                      <a:pt x="123" y="296"/>
                    </a:lnTo>
                    <a:lnTo>
                      <a:pt x="111" y="315"/>
                    </a:lnTo>
                    <a:lnTo>
                      <a:pt x="100" y="335"/>
                    </a:lnTo>
                    <a:lnTo>
                      <a:pt x="90" y="354"/>
                    </a:lnTo>
                    <a:lnTo>
                      <a:pt x="81" y="373"/>
                    </a:lnTo>
                    <a:lnTo>
                      <a:pt x="72" y="393"/>
                    </a:lnTo>
                    <a:lnTo>
                      <a:pt x="64" y="411"/>
                    </a:lnTo>
                    <a:lnTo>
                      <a:pt x="56" y="430"/>
                    </a:lnTo>
                    <a:lnTo>
                      <a:pt x="48" y="450"/>
                    </a:lnTo>
                    <a:lnTo>
                      <a:pt x="42" y="469"/>
                    </a:lnTo>
                    <a:lnTo>
                      <a:pt x="36" y="487"/>
                    </a:lnTo>
                    <a:lnTo>
                      <a:pt x="26" y="523"/>
                    </a:lnTo>
                    <a:lnTo>
                      <a:pt x="19" y="559"/>
                    </a:lnTo>
                    <a:lnTo>
                      <a:pt x="12" y="593"/>
                    </a:lnTo>
                    <a:lnTo>
                      <a:pt x="8" y="625"/>
                    </a:lnTo>
                    <a:lnTo>
                      <a:pt x="5" y="656"/>
                    </a:lnTo>
                    <a:lnTo>
                      <a:pt x="2" y="684"/>
                    </a:lnTo>
                    <a:lnTo>
                      <a:pt x="0" y="733"/>
                    </a:lnTo>
                    <a:lnTo>
                      <a:pt x="0" y="772"/>
                    </a:lnTo>
                    <a:lnTo>
                      <a:pt x="0" y="809"/>
                    </a:lnTo>
                    <a:lnTo>
                      <a:pt x="0" y="885"/>
                    </a:lnTo>
                    <a:lnTo>
                      <a:pt x="0" y="993"/>
                    </a:lnTo>
                    <a:lnTo>
                      <a:pt x="0" y="1129"/>
                    </a:lnTo>
                    <a:lnTo>
                      <a:pt x="0" y="1287"/>
                    </a:lnTo>
                    <a:lnTo>
                      <a:pt x="0" y="1459"/>
                    </a:lnTo>
                    <a:lnTo>
                      <a:pt x="0" y="1643"/>
                    </a:lnTo>
                    <a:lnTo>
                      <a:pt x="0" y="1831"/>
                    </a:lnTo>
                    <a:lnTo>
                      <a:pt x="0" y="2019"/>
                    </a:lnTo>
                    <a:lnTo>
                      <a:pt x="0" y="2200"/>
                    </a:lnTo>
                    <a:lnTo>
                      <a:pt x="0" y="2367"/>
                    </a:lnTo>
                    <a:lnTo>
                      <a:pt x="0" y="2518"/>
                    </a:lnTo>
                    <a:lnTo>
                      <a:pt x="0" y="2645"/>
                    </a:lnTo>
                    <a:lnTo>
                      <a:pt x="0" y="2742"/>
                    </a:lnTo>
                    <a:lnTo>
                      <a:pt x="0" y="2804"/>
                    </a:lnTo>
                    <a:lnTo>
                      <a:pt x="0" y="2827"/>
                    </a:lnTo>
                    <a:lnTo>
                      <a:pt x="1893" y="2827"/>
                    </a:lnTo>
                    <a:lnTo>
                      <a:pt x="2021" y="2827"/>
                    </a:lnTo>
                    <a:lnTo>
                      <a:pt x="3913" y="2827"/>
                    </a:lnTo>
                    <a:lnTo>
                      <a:pt x="3913" y="2804"/>
                    </a:lnTo>
                    <a:lnTo>
                      <a:pt x="3913" y="2742"/>
                    </a:lnTo>
                    <a:lnTo>
                      <a:pt x="3913" y="2645"/>
                    </a:lnTo>
                    <a:lnTo>
                      <a:pt x="3913" y="2518"/>
                    </a:lnTo>
                    <a:lnTo>
                      <a:pt x="3913" y="2367"/>
                    </a:lnTo>
                    <a:lnTo>
                      <a:pt x="3913" y="2200"/>
                    </a:lnTo>
                    <a:lnTo>
                      <a:pt x="3913" y="2019"/>
                    </a:lnTo>
                    <a:lnTo>
                      <a:pt x="3913" y="1831"/>
                    </a:lnTo>
                    <a:lnTo>
                      <a:pt x="3913" y="1643"/>
                    </a:lnTo>
                    <a:lnTo>
                      <a:pt x="3913" y="1459"/>
                    </a:lnTo>
                    <a:lnTo>
                      <a:pt x="3913" y="1287"/>
                    </a:lnTo>
                    <a:lnTo>
                      <a:pt x="3913" y="1129"/>
                    </a:lnTo>
                    <a:lnTo>
                      <a:pt x="3913" y="993"/>
                    </a:lnTo>
                    <a:lnTo>
                      <a:pt x="3913" y="885"/>
                    </a:lnTo>
                    <a:lnTo>
                      <a:pt x="3913" y="809"/>
                    </a:lnTo>
                    <a:lnTo>
                      <a:pt x="3913" y="772"/>
                    </a:lnTo>
                    <a:lnTo>
                      <a:pt x="3913" y="733"/>
                    </a:lnTo>
                    <a:lnTo>
                      <a:pt x="3911" y="684"/>
                    </a:lnTo>
                    <a:lnTo>
                      <a:pt x="3909" y="656"/>
                    </a:lnTo>
                    <a:lnTo>
                      <a:pt x="3905" y="625"/>
                    </a:lnTo>
                    <a:lnTo>
                      <a:pt x="3901" y="593"/>
                    </a:lnTo>
                    <a:lnTo>
                      <a:pt x="3895" y="559"/>
                    </a:lnTo>
                    <a:lnTo>
                      <a:pt x="3887" y="523"/>
                    </a:lnTo>
                    <a:lnTo>
                      <a:pt x="3877" y="487"/>
                    </a:lnTo>
                    <a:lnTo>
                      <a:pt x="3871" y="469"/>
                    </a:lnTo>
                    <a:lnTo>
                      <a:pt x="3865" y="450"/>
                    </a:lnTo>
                    <a:lnTo>
                      <a:pt x="3858" y="430"/>
                    </a:lnTo>
                    <a:lnTo>
                      <a:pt x="3851" y="411"/>
                    </a:lnTo>
                    <a:lnTo>
                      <a:pt x="3842" y="393"/>
                    </a:lnTo>
                    <a:lnTo>
                      <a:pt x="3834" y="373"/>
                    </a:lnTo>
                    <a:lnTo>
                      <a:pt x="3824" y="354"/>
                    </a:lnTo>
                    <a:lnTo>
                      <a:pt x="3814" y="335"/>
                    </a:lnTo>
                    <a:lnTo>
                      <a:pt x="3802" y="315"/>
                    </a:lnTo>
                    <a:lnTo>
                      <a:pt x="3790" y="296"/>
                    </a:lnTo>
                    <a:lnTo>
                      <a:pt x="3777" y="277"/>
                    </a:lnTo>
                    <a:lnTo>
                      <a:pt x="3764" y="258"/>
                    </a:lnTo>
                    <a:lnTo>
                      <a:pt x="3749" y="239"/>
                    </a:lnTo>
                    <a:lnTo>
                      <a:pt x="3734" y="221"/>
                    </a:lnTo>
                    <a:lnTo>
                      <a:pt x="3718" y="204"/>
                    </a:lnTo>
                    <a:lnTo>
                      <a:pt x="3701" y="188"/>
                    </a:lnTo>
                    <a:lnTo>
                      <a:pt x="3682" y="173"/>
                    </a:lnTo>
                    <a:lnTo>
                      <a:pt x="3664" y="159"/>
                    </a:lnTo>
                    <a:lnTo>
                      <a:pt x="3645" y="145"/>
                    </a:lnTo>
                    <a:lnTo>
                      <a:pt x="3626" y="132"/>
                    </a:lnTo>
                    <a:lnTo>
                      <a:pt x="3606" y="119"/>
                    </a:lnTo>
                    <a:lnTo>
                      <a:pt x="3587" y="108"/>
                    </a:lnTo>
                    <a:lnTo>
                      <a:pt x="3566" y="97"/>
                    </a:lnTo>
                    <a:lnTo>
                      <a:pt x="3546" y="87"/>
                    </a:lnTo>
                    <a:lnTo>
                      <a:pt x="3507" y="69"/>
                    </a:lnTo>
                    <a:lnTo>
                      <a:pt x="3468" y="53"/>
                    </a:lnTo>
                    <a:lnTo>
                      <a:pt x="3430" y="40"/>
                    </a:lnTo>
                    <a:lnTo>
                      <a:pt x="3396" y="29"/>
                    </a:lnTo>
                    <a:lnTo>
                      <a:pt x="3365" y="19"/>
                    </a:lnTo>
                    <a:lnTo>
                      <a:pt x="3337" y="12"/>
                    </a:lnTo>
                    <a:lnTo>
                      <a:pt x="3298" y="3"/>
                    </a:lnTo>
                    <a:lnTo>
                      <a:pt x="3284" y="0"/>
                    </a:lnTo>
                    <a:lnTo>
                      <a:pt x="2791" y="0"/>
                    </a:lnTo>
                    <a:lnTo>
                      <a:pt x="1957" y="129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302" name="Freeform 27"/>
              <p:cNvSpPr>
                <a:spLocks/>
              </p:cNvSpPr>
              <p:nvPr/>
            </p:nvSpPr>
            <p:spPr bwMode="auto">
              <a:xfrm>
                <a:off x="-630081" y="-196421"/>
                <a:ext cx="9466" cy="7888"/>
              </a:xfrm>
              <a:custGeom>
                <a:avLst/>
                <a:gdLst/>
                <a:ahLst/>
                <a:cxnLst>
                  <a:cxn ang="0">
                    <a:pos x="85" y="148"/>
                  </a:cxn>
                  <a:cxn ang="0">
                    <a:pos x="127" y="74"/>
                  </a:cxn>
                  <a:cxn ang="0">
                    <a:pos x="169" y="0"/>
                  </a:cxn>
                  <a:cxn ang="0">
                    <a:pos x="85" y="0"/>
                  </a:cxn>
                  <a:cxn ang="0">
                    <a:pos x="0" y="0"/>
                  </a:cxn>
                  <a:cxn ang="0">
                    <a:pos x="42" y="74"/>
                  </a:cxn>
                  <a:cxn ang="0">
                    <a:pos x="85" y="148"/>
                  </a:cxn>
                </a:cxnLst>
                <a:rect l="0" t="0" r="r" b="b"/>
                <a:pathLst>
                  <a:path w="169" h="148">
                    <a:moveTo>
                      <a:pt x="85" y="148"/>
                    </a:moveTo>
                    <a:lnTo>
                      <a:pt x="127" y="74"/>
                    </a:lnTo>
                    <a:lnTo>
                      <a:pt x="169" y="0"/>
                    </a:lnTo>
                    <a:lnTo>
                      <a:pt x="85" y="0"/>
                    </a:lnTo>
                    <a:lnTo>
                      <a:pt x="0" y="0"/>
                    </a:lnTo>
                    <a:lnTo>
                      <a:pt x="42" y="74"/>
                    </a:lnTo>
                    <a:lnTo>
                      <a:pt x="85" y="14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sp>
            <p:nvSpPr>
              <p:cNvPr id="303" name="Freeform 28"/>
              <p:cNvSpPr>
                <a:spLocks/>
              </p:cNvSpPr>
              <p:nvPr/>
            </p:nvSpPr>
            <p:spPr bwMode="auto">
              <a:xfrm>
                <a:off x="-636392" y="-190899"/>
                <a:ext cx="22087" cy="54430"/>
              </a:xfrm>
              <a:custGeom>
                <a:avLst/>
                <a:gdLst/>
                <a:ahLst/>
                <a:cxnLst>
                  <a:cxn ang="0">
                    <a:pos x="197" y="0"/>
                  </a:cxn>
                  <a:cxn ang="0">
                    <a:pos x="296" y="358"/>
                  </a:cxn>
                  <a:cxn ang="0">
                    <a:pos x="388" y="697"/>
                  </a:cxn>
                  <a:cxn ang="0">
                    <a:pos x="393" y="697"/>
                  </a:cxn>
                  <a:cxn ang="0">
                    <a:pos x="390" y="702"/>
                  </a:cxn>
                  <a:cxn ang="0">
                    <a:pos x="393" y="716"/>
                  </a:cxn>
                  <a:cxn ang="0">
                    <a:pos x="380" y="716"/>
                  </a:cxn>
                  <a:cxn ang="0">
                    <a:pos x="296" y="830"/>
                  </a:cxn>
                  <a:cxn ang="0">
                    <a:pos x="197" y="963"/>
                  </a:cxn>
                  <a:cxn ang="0">
                    <a:pos x="99" y="830"/>
                  </a:cxn>
                  <a:cxn ang="0">
                    <a:pos x="14" y="716"/>
                  </a:cxn>
                  <a:cxn ang="0">
                    <a:pos x="0" y="716"/>
                  </a:cxn>
                  <a:cxn ang="0">
                    <a:pos x="4" y="702"/>
                  </a:cxn>
                  <a:cxn ang="0">
                    <a:pos x="0" y="697"/>
                  </a:cxn>
                  <a:cxn ang="0">
                    <a:pos x="5" y="697"/>
                  </a:cxn>
                  <a:cxn ang="0">
                    <a:pos x="99" y="358"/>
                  </a:cxn>
                  <a:cxn ang="0">
                    <a:pos x="197" y="0"/>
                  </a:cxn>
                </a:cxnLst>
                <a:rect l="0" t="0" r="r" b="b"/>
                <a:pathLst>
                  <a:path w="393" h="963">
                    <a:moveTo>
                      <a:pt x="197" y="0"/>
                    </a:moveTo>
                    <a:lnTo>
                      <a:pt x="296" y="358"/>
                    </a:lnTo>
                    <a:lnTo>
                      <a:pt x="388" y="697"/>
                    </a:lnTo>
                    <a:lnTo>
                      <a:pt x="393" y="697"/>
                    </a:lnTo>
                    <a:lnTo>
                      <a:pt x="390" y="702"/>
                    </a:lnTo>
                    <a:lnTo>
                      <a:pt x="393" y="716"/>
                    </a:lnTo>
                    <a:lnTo>
                      <a:pt x="380" y="716"/>
                    </a:lnTo>
                    <a:lnTo>
                      <a:pt x="296" y="830"/>
                    </a:lnTo>
                    <a:lnTo>
                      <a:pt x="197" y="963"/>
                    </a:lnTo>
                    <a:lnTo>
                      <a:pt x="99" y="830"/>
                    </a:lnTo>
                    <a:lnTo>
                      <a:pt x="14" y="716"/>
                    </a:lnTo>
                    <a:lnTo>
                      <a:pt x="0" y="716"/>
                    </a:lnTo>
                    <a:lnTo>
                      <a:pt x="4" y="702"/>
                    </a:lnTo>
                    <a:lnTo>
                      <a:pt x="0" y="697"/>
                    </a:lnTo>
                    <a:lnTo>
                      <a:pt x="5" y="697"/>
                    </a:lnTo>
                    <a:lnTo>
                      <a:pt x="99" y="358"/>
                    </a:lnTo>
                    <a:lnTo>
                      <a:pt x="197"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dirty="0">
                  <a:latin typeface="Arial" pitchFamily="34" charset="0"/>
                  <a:cs typeface="Arial" pitchFamily="34" charset="0"/>
                </a:endParaRPr>
              </a:p>
            </p:txBody>
          </p:sp>
        </p:grpSp>
      </p:grpSp>
    </p:spTree>
  </p:cSld>
  <p:clrMapOvr>
    <a:masterClrMapping/>
  </p:clrMapOvr>
  <p:transition>
    <p:fad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E:\z_work\10-14 HCC2011_大会\8 ppt版整合\p12_4.png"/>
          <p:cNvPicPr>
            <a:picLocks noChangeAspect="1" noChangeArrowheads="1"/>
          </p:cNvPicPr>
          <p:nvPr/>
        </p:nvPicPr>
        <p:blipFill>
          <a:blip r:embed="rId3" cstate="email">
            <a:lum bright="-20000"/>
            <a:extLst>
              <a:ext uri="{28A0092B-C50C-407E-A947-70E740481C1C}">
                <a14:useLocalDpi xmlns="" xmlns:a14="http://schemas.microsoft.com/office/drawing/2010/main" val="0"/>
              </a:ext>
            </a:extLst>
          </a:blip>
          <a:stretch>
            <a:fillRect/>
          </a:stretch>
        </p:blipFill>
        <p:spPr bwMode="auto">
          <a:xfrm>
            <a:off x="992662" y="4124637"/>
            <a:ext cx="9288104" cy="4816874"/>
          </a:xfrm>
          <a:prstGeom prst="rect">
            <a:avLst/>
          </a:prstGeom>
          <a:noFill/>
          <a:ln>
            <a:noFill/>
          </a:ln>
          <a:extLst>
            <a:ext uri="{909E8E84-426E-40DD-AFC4-6F175D3DCCD1}">
              <a14:hiddenFill xmlns="" xmlns:a14="http://schemas.microsoft.com/office/drawing/2010/main">
                <a:solidFill>
                  <a:srgbClr val="FFFFFF"/>
                </a:solidFill>
              </a14:hiddenFill>
            </a:ext>
          </a:extLst>
        </p:spPr>
      </p:pic>
      <p:pic>
        <p:nvPicPr>
          <p:cNvPr id="8" name="Picture 5" descr="E:\z_work\10-14 HCC2011_大会\8 ppt版整合\p12_3.png"/>
          <p:cNvPicPr>
            <a:picLocks noChangeAspect="1" noChangeArrowheads="1"/>
          </p:cNvPicPr>
          <p:nvPr/>
        </p:nvPicPr>
        <p:blipFill>
          <a:blip r:embed="rId4" cstate="email">
            <a:lum bright="-20000"/>
            <a:extLst>
              <a:ext uri="{28A0092B-C50C-407E-A947-70E740481C1C}">
                <a14:useLocalDpi xmlns="" xmlns:a14="http://schemas.microsoft.com/office/drawing/2010/main" val="0"/>
              </a:ext>
            </a:extLst>
          </a:blip>
          <a:srcRect/>
          <a:stretch>
            <a:fillRect/>
          </a:stretch>
        </p:blipFill>
        <p:spPr bwMode="auto">
          <a:xfrm>
            <a:off x="1370584" y="3565806"/>
            <a:ext cx="8546972" cy="2919017"/>
          </a:xfrm>
          <a:prstGeom prst="rect">
            <a:avLst/>
          </a:prstGeom>
          <a:noFill/>
          <a:extLst>
            <a:ext uri="{909E8E84-426E-40DD-AFC4-6F175D3DCCD1}">
              <a14:hiddenFill xmlns="" xmlns:a14="http://schemas.microsoft.com/office/drawing/2010/main">
                <a:solidFill>
                  <a:srgbClr val="FFFFFF"/>
                </a:solidFill>
              </a14:hiddenFill>
            </a:ext>
          </a:extLst>
        </p:spPr>
      </p:pic>
      <p:sp>
        <p:nvSpPr>
          <p:cNvPr id="9" name="矩形 8"/>
          <p:cNvSpPr/>
          <p:nvPr/>
        </p:nvSpPr>
        <p:spPr>
          <a:xfrm>
            <a:off x="11090227" y="6179167"/>
            <a:ext cx="3166429" cy="550847"/>
          </a:xfrm>
          <a:prstGeom prst="rect">
            <a:avLst/>
          </a:prstGeom>
        </p:spPr>
        <p:txBody>
          <a:bodyPr wrap="none" lIns="182809" tIns="91404" rIns="182809" bIns="91404">
            <a:spAutoFit/>
          </a:bodyPr>
          <a:lstStyle/>
          <a:p>
            <a:pPr algn="just" defTabSz="1096867">
              <a:lnSpc>
                <a:spcPct val="85000"/>
              </a:lnSpc>
            </a:pPr>
            <a:r>
              <a:rPr lang="en-US" altLang="zh-CN" sz="2800" b="1" dirty="0" smtClean="0">
                <a:solidFill>
                  <a:srgbClr val="595959"/>
                </a:solidFill>
                <a:latin typeface="Arial" pitchFamily="34" charset="0"/>
                <a:ea typeface="微软雅黑" pitchFamily="34" charset="-122"/>
                <a:cs typeface="Arial" pitchFamily="34" charset="0"/>
              </a:rPr>
              <a:t>L1: DC Facilities</a:t>
            </a:r>
            <a:endParaRPr lang="en-US" altLang="zh-CN" sz="2800" b="1" dirty="0">
              <a:solidFill>
                <a:srgbClr val="595959"/>
              </a:solidFill>
              <a:latin typeface="Arial" pitchFamily="34" charset="0"/>
              <a:ea typeface="微软雅黑" pitchFamily="34" charset="-122"/>
              <a:cs typeface="Arial" pitchFamily="34" charset="0"/>
            </a:endParaRPr>
          </a:p>
        </p:txBody>
      </p:sp>
      <p:sp>
        <p:nvSpPr>
          <p:cNvPr id="10" name="矩形 9"/>
          <p:cNvSpPr/>
          <p:nvPr/>
        </p:nvSpPr>
        <p:spPr>
          <a:xfrm>
            <a:off x="10082355" y="4686336"/>
            <a:ext cx="4181102" cy="551090"/>
          </a:xfrm>
          <a:prstGeom prst="rect">
            <a:avLst/>
          </a:prstGeom>
        </p:spPr>
        <p:txBody>
          <a:bodyPr wrap="none" lIns="182809" tIns="91404" rIns="182809" bIns="91404">
            <a:spAutoFit/>
          </a:bodyPr>
          <a:lstStyle/>
          <a:p>
            <a:pPr defTabSz="1096867">
              <a:lnSpc>
                <a:spcPct val="85000"/>
              </a:lnSpc>
            </a:pPr>
            <a:r>
              <a:rPr lang="en-US" altLang="zh-CN" sz="2800" b="1" dirty="0" smtClean="0">
                <a:solidFill>
                  <a:srgbClr val="595959"/>
                </a:solidFill>
                <a:latin typeface="Arial" pitchFamily="34" charset="0"/>
                <a:ea typeface="微软雅黑" pitchFamily="34" charset="-122"/>
                <a:cs typeface="Arial" pitchFamily="34" charset="0"/>
              </a:rPr>
              <a:t>L2: ICT Infrastructure</a:t>
            </a:r>
            <a:endParaRPr lang="zh-CN" altLang="en-US" sz="2800" b="1" dirty="0">
              <a:solidFill>
                <a:srgbClr val="595959"/>
              </a:solidFill>
              <a:latin typeface="Arial" pitchFamily="34" charset="0"/>
              <a:ea typeface="微软雅黑" pitchFamily="34" charset="-122"/>
              <a:cs typeface="Arial" pitchFamily="34" charset="0"/>
            </a:endParaRPr>
          </a:p>
        </p:txBody>
      </p:sp>
      <p:grpSp>
        <p:nvGrpSpPr>
          <p:cNvPr id="2" name="组合 11"/>
          <p:cNvGrpSpPr/>
          <p:nvPr/>
        </p:nvGrpSpPr>
        <p:grpSpPr>
          <a:xfrm>
            <a:off x="1643879" y="2079006"/>
            <a:ext cx="8095809" cy="2704953"/>
            <a:chOff x="821797" y="1595515"/>
            <a:chExt cx="4047202" cy="1352059"/>
          </a:xfrm>
        </p:grpSpPr>
        <p:pic>
          <p:nvPicPr>
            <p:cNvPr id="13" name="Picture 4" descr="E:\z_work\10-14 HCC2011_大会\8 ppt版整合\p12_2.png"/>
            <p:cNvPicPr>
              <a:picLocks noChangeAspect="1" noChangeArrowheads="1"/>
            </p:cNvPicPr>
            <p:nvPr/>
          </p:nvPicPr>
          <p:blipFill>
            <a:blip r:embed="rId5" cstate="email">
              <a:lum bright="-20000"/>
              <a:extLst>
                <a:ext uri="{28A0092B-C50C-407E-A947-70E740481C1C}">
                  <a14:useLocalDpi xmlns="" xmlns:a14="http://schemas.microsoft.com/office/drawing/2010/main" val="0"/>
                </a:ext>
              </a:extLst>
            </a:blip>
            <a:srcRect/>
            <a:stretch>
              <a:fillRect/>
            </a:stretch>
          </p:blipFill>
          <p:spPr bwMode="auto">
            <a:xfrm>
              <a:off x="821797" y="1724378"/>
              <a:ext cx="4047202" cy="1223196"/>
            </a:xfrm>
            <a:prstGeom prst="rect">
              <a:avLst/>
            </a:prstGeom>
            <a:noFill/>
            <a:extLst>
              <a:ext uri="{909E8E84-426E-40DD-AFC4-6F175D3DCCD1}">
                <a14:hiddenFill xmlns="" xmlns:a14="http://schemas.microsoft.com/office/drawing/2010/main">
                  <a:solidFill>
                    <a:srgbClr val="FFFFFF"/>
                  </a:solidFill>
                </a14:hiddenFill>
              </a:ext>
            </a:extLst>
          </p:spPr>
        </p:pic>
        <p:sp>
          <p:nvSpPr>
            <p:cNvPr id="15" name="矩形 14"/>
            <p:cNvSpPr/>
            <p:nvPr/>
          </p:nvSpPr>
          <p:spPr>
            <a:xfrm>
              <a:off x="1086107" y="1910308"/>
              <a:ext cx="794311" cy="230761"/>
            </a:xfrm>
            <a:prstGeom prst="rect">
              <a:avLst/>
            </a:prstGeom>
            <a:noFill/>
          </p:spPr>
          <p:txBody>
            <a:bodyPr wrap="none" lIns="91440" tIns="45720" rIns="91440" bIns="45720">
              <a:spAutoFit/>
            </a:bodyPr>
            <a:lstStyle/>
            <a:p>
              <a:pPr algn="ctr"/>
              <a:r>
                <a:rPr lang="en-US" altLang="zh-CN" sz="2400" b="1" dirty="0" smtClean="0">
                  <a:ln w="10541" cmpd="sng">
                    <a:noFill/>
                    <a:prstDash val="solid"/>
                  </a:ln>
                  <a:solidFill>
                    <a:srgbClr val="0070C0"/>
                  </a:solidFill>
                  <a:latin typeface="Arial" pitchFamily="34" charset="0"/>
                  <a:ea typeface="微软雅黑" pitchFamily="34" charset="-122"/>
                  <a:cs typeface="Arial" pitchFamily="34" charset="0"/>
                </a:rPr>
                <a:t>Channels</a:t>
              </a:r>
              <a:endParaRPr lang="zh-CN" altLang="en-US" sz="2400" b="1" dirty="0" smtClean="0">
                <a:ln w="10541" cmpd="sng">
                  <a:noFill/>
                  <a:prstDash val="solid"/>
                </a:ln>
                <a:solidFill>
                  <a:srgbClr val="0070C0"/>
                </a:solidFill>
                <a:latin typeface="Arial" pitchFamily="34" charset="0"/>
                <a:ea typeface="微软雅黑" pitchFamily="34" charset="-122"/>
                <a:cs typeface="Arial" pitchFamily="34" charset="0"/>
              </a:endParaRPr>
            </a:p>
          </p:txBody>
        </p:sp>
        <p:sp>
          <p:nvSpPr>
            <p:cNvPr id="16" name="矩形 15"/>
            <p:cNvSpPr/>
            <p:nvPr/>
          </p:nvSpPr>
          <p:spPr>
            <a:xfrm>
              <a:off x="2184969" y="1595515"/>
              <a:ext cx="1033116" cy="230761"/>
            </a:xfrm>
            <a:prstGeom prst="rect">
              <a:avLst/>
            </a:prstGeom>
            <a:noFill/>
          </p:spPr>
          <p:txBody>
            <a:bodyPr wrap="none" lIns="91440" tIns="45720" rIns="91440" bIns="45720">
              <a:spAutoFit/>
            </a:bodyPr>
            <a:lstStyle/>
            <a:p>
              <a:pPr algn="ctr"/>
              <a:r>
                <a:rPr lang="en-US" altLang="zh-CN" sz="2400" b="1" dirty="0" smtClean="0">
                  <a:ln w="10541" cmpd="sng">
                    <a:noFill/>
                    <a:prstDash val="solid"/>
                  </a:ln>
                  <a:solidFill>
                    <a:srgbClr val="0070C0"/>
                  </a:solidFill>
                  <a:latin typeface="Arial" pitchFamily="34" charset="0"/>
                  <a:ea typeface="微软雅黑" pitchFamily="34" charset="-122"/>
                  <a:cs typeface="Arial" pitchFamily="34" charset="0"/>
                </a:rPr>
                <a:t>Management</a:t>
              </a:r>
              <a:endParaRPr lang="zh-CN" altLang="en-US" sz="2400" b="1" dirty="0" smtClean="0">
                <a:ln w="10541" cmpd="sng">
                  <a:noFill/>
                  <a:prstDash val="solid"/>
                </a:ln>
                <a:solidFill>
                  <a:srgbClr val="0070C0"/>
                </a:solidFill>
                <a:latin typeface="Arial" pitchFamily="34" charset="0"/>
                <a:ea typeface="微软雅黑" pitchFamily="34" charset="-122"/>
                <a:cs typeface="Arial" pitchFamily="34" charset="0"/>
              </a:endParaRPr>
            </a:p>
          </p:txBody>
        </p:sp>
        <p:sp>
          <p:nvSpPr>
            <p:cNvPr id="17" name="矩形 16"/>
            <p:cNvSpPr/>
            <p:nvPr/>
          </p:nvSpPr>
          <p:spPr>
            <a:xfrm>
              <a:off x="3306555" y="1682007"/>
              <a:ext cx="528258" cy="230761"/>
            </a:xfrm>
            <a:prstGeom prst="rect">
              <a:avLst/>
            </a:prstGeom>
            <a:noFill/>
          </p:spPr>
          <p:txBody>
            <a:bodyPr wrap="none" lIns="91440" tIns="45720" rIns="91440" bIns="45720">
              <a:spAutoFit/>
            </a:bodyPr>
            <a:lstStyle/>
            <a:p>
              <a:pPr algn="ctr"/>
              <a:r>
                <a:rPr lang="en-US" altLang="zh-CN" sz="2400" b="1" dirty="0" smtClean="0">
                  <a:ln w="10541" cmpd="sng">
                    <a:noFill/>
                    <a:prstDash val="solid"/>
                  </a:ln>
                  <a:solidFill>
                    <a:srgbClr val="0070C0"/>
                  </a:solidFill>
                  <a:latin typeface="Arial" pitchFamily="34" charset="0"/>
                  <a:ea typeface="微软雅黑" pitchFamily="34" charset="-122"/>
                  <a:cs typeface="Arial" pitchFamily="34" charset="0"/>
                </a:rPr>
                <a:t>Office</a:t>
              </a:r>
              <a:endParaRPr lang="zh-CN" altLang="en-US" sz="2400" b="1" dirty="0" smtClean="0">
                <a:ln w="10541" cmpd="sng">
                  <a:noFill/>
                  <a:prstDash val="solid"/>
                </a:ln>
                <a:solidFill>
                  <a:srgbClr val="0070C0"/>
                </a:solidFill>
                <a:latin typeface="Arial" pitchFamily="34" charset="0"/>
                <a:ea typeface="微软雅黑" pitchFamily="34" charset="-122"/>
                <a:cs typeface="Arial" pitchFamily="34" charset="0"/>
              </a:endParaRPr>
            </a:p>
          </p:txBody>
        </p:sp>
        <p:sp>
          <p:nvSpPr>
            <p:cNvPr id="18" name="矩形 17"/>
            <p:cNvSpPr/>
            <p:nvPr/>
          </p:nvSpPr>
          <p:spPr>
            <a:xfrm>
              <a:off x="3804698" y="1983458"/>
              <a:ext cx="776680" cy="230761"/>
            </a:xfrm>
            <a:prstGeom prst="rect">
              <a:avLst/>
            </a:prstGeom>
            <a:noFill/>
          </p:spPr>
          <p:txBody>
            <a:bodyPr wrap="none" lIns="91440" tIns="45720" rIns="91440" bIns="45720">
              <a:spAutoFit/>
            </a:bodyPr>
            <a:lstStyle/>
            <a:p>
              <a:pPr algn="ctr"/>
              <a:r>
                <a:rPr lang="en-US" altLang="zh-CN" sz="2400" b="1" dirty="0" smtClean="0">
                  <a:ln w="10541" cmpd="sng">
                    <a:noFill/>
                    <a:prstDash val="solid"/>
                  </a:ln>
                  <a:solidFill>
                    <a:srgbClr val="0070C0"/>
                  </a:solidFill>
                  <a:latin typeface="Arial" pitchFamily="34" charset="0"/>
                  <a:ea typeface="微软雅黑" pitchFamily="34" charset="-122"/>
                  <a:cs typeface="Arial" pitchFamily="34" charset="0"/>
                </a:rPr>
                <a:t>Business</a:t>
              </a:r>
              <a:endParaRPr lang="zh-CN" altLang="en-US" sz="2400" b="1" dirty="0" smtClean="0">
                <a:ln w="10541" cmpd="sng">
                  <a:noFill/>
                  <a:prstDash val="solid"/>
                </a:ln>
                <a:solidFill>
                  <a:srgbClr val="0070C0"/>
                </a:solidFill>
                <a:latin typeface="Arial" pitchFamily="34" charset="0"/>
                <a:ea typeface="微软雅黑" pitchFamily="34" charset="-122"/>
                <a:cs typeface="Arial" pitchFamily="34" charset="0"/>
              </a:endParaRPr>
            </a:p>
          </p:txBody>
        </p:sp>
        <p:sp>
          <p:nvSpPr>
            <p:cNvPr id="19" name="矩形 18"/>
            <p:cNvSpPr/>
            <p:nvPr/>
          </p:nvSpPr>
          <p:spPr>
            <a:xfrm>
              <a:off x="4110575" y="1711505"/>
              <a:ext cx="246179" cy="230761"/>
            </a:xfrm>
            <a:prstGeom prst="rect">
              <a:avLst/>
            </a:prstGeom>
            <a:noFill/>
          </p:spPr>
          <p:txBody>
            <a:bodyPr wrap="none" lIns="91440" tIns="45720" rIns="91440" bIns="45720">
              <a:spAutoFit/>
            </a:bodyPr>
            <a:lstStyle/>
            <a:p>
              <a:pPr algn="ctr"/>
              <a:r>
                <a:rPr lang="en-US" altLang="zh-CN" sz="2400" b="1" dirty="0" smtClean="0">
                  <a:ln w="10541" cmpd="sng">
                    <a:noFill/>
                    <a:prstDash val="solid"/>
                  </a:ln>
                  <a:solidFill>
                    <a:srgbClr val="0070C0"/>
                  </a:solidFill>
                  <a:latin typeface="Arial" pitchFamily="34" charset="0"/>
                  <a:ea typeface="微软雅黑" pitchFamily="34" charset="-122"/>
                  <a:cs typeface="Arial" pitchFamily="34" charset="0"/>
                </a:rPr>
                <a:t>…</a:t>
              </a:r>
              <a:endParaRPr lang="zh-CN" altLang="en-US" sz="2400" b="1" dirty="0" smtClean="0">
                <a:ln w="10541" cmpd="sng">
                  <a:noFill/>
                  <a:prstDash val="solid"/>
                </a:ln>
                <a:solidFill>
                  <a:srgbClr val="0070C0"/>
                </a:solidFill>
                <a:latin typeface="Arial" pitchFamily="34" charset="0"/>
                <a:ea typeface="微软雅黑" pitchFamily="34" charset="-122"/>
                <a:cs typeface="Arial" pitchFamily="34" charset="0"/>
              </a:endParaRPr>
            </a:p>
          </p:txBody>
        </p:sp>
      </p:grpSp>
      <p:grpSp>
        <p:nvGrpSpPr>
          <p:cNvPr id="3" name="组合 19"/>
          <p:cNvGrpSpPr/>
          <p:nvPr/>
        </p:nvGrpSpPr>
        <p:grpSpPr>
          <a:xfrm>
            <a:off x="8857513" y="6153509"/>
            <a:ext cx="4690045" cy="1825943"/>
            <a:chOff x="4481689" y="3124939"/>
            <a:chExt cx="3854823" cy="1030999"/>
          </a:xfrm>
        </p:grpSpPr>
        <p:cxnSp>
          <p:nvCxnSpPr>
            <p:cNvPr id="21" name="直接连接符 20"/>
            <p:cNvCxnSpPr/>
            <p:nvPr/>
          </p:nvCxnSpPr>
          <p:spPr>
            <a:xfrm flipV="1">
              <a:off x="4481689" y="3124939"/>
              <a:ext cx="1156778" cy="1030999"/>
            </a:xfrm>
            <a:prstGeom prst="line">
              <a:avLst/>
            </a:prstGeom>
            <a:ln w="19050">
              <a:solidFill>
                <a:srgbClr val="0070C0"/>
              </a:solidFill>
              <a:headEnd type="oval" w="lg" len="lg"/>
            </a:ln>
          </p:spPr>
          <p:style>
            <a:lnRef idx="2">
              <a:schemeClr val="accent1"/>
            </a:lnRef>
            <a:fillRef idx="0">
              <a:schemeClr val="accent1"/>
            </a:fillRef>
            <a:effectRef idx="1">
              <a:schemeClr val="accent1"/>
            </a:effectRef>
            <a:fontRef idx="minor">
              <a:schemeClr val="tx1"/>
            </a:fontRef>
          </p:style>
        </p:cxnSp>
        <p:cxnSp>
          <p:nvCxnSpPr>
            <p:cNvPr id="22" name="直接连接符 21"/>
            <p:cNvCxnSpPr/>
            <p:nvPr/>
          </p:nvCxnSpPr>
          <p:spPr>
            <a:xfrm>
              <a:off x="5638467" y="3124941"/>
              <a:ext cx="2698045" cy="0"/>
            </a:xfrm>
            <a:prstGeom prst="line">
              <a:avLst/>
            </a:prstGeom>
            <a:ln w="19050">
              <a:solidFill>
                <a:srgbClr val="0070C0"/>
              </a:solidFill>
            </a:ln>
          </p:spPr>
          <p:style>
            <a:lnRef idx="2">
              <a:schemeClr val="accent1"/>
            </a:lnRef>
            <a:fillRef idx="0">
              <a:schemeClr val="accent1"/>
            </a:fillRef>
            <a:effectRef idx="1">
              <a:schemeClr val="accent1"/>
            </a:effectRef>
            <a:fontRef idx="minor">
              <a:schemeClr val="tx1"/>
            </a:fontRef>
          </p:style>
        </p:cxnSp>
      </p:grpSp>
      <p:grpSp>
        <p:nvGrpSpPr>
          <p:cNvPr id="4" name="组合 22"/>
          <p:cNvGrpSpPr/>
          <p:nvPr/>
        </p:nvGrpSpPr>
        <p:grpSpPr>
          <a:xfrm>
            <a:off x="8784283" y="4561476"/>
            <a:ext cx="5337290" cy="1219772"/>
            <a:chOff x="4504267" y="2837801"/>
            <a:chExt cx="3918485" cy="1379408"/>
          </a:xfrm>
        </p:grpSpPr>
        <p:cxnSp>
          <p:nvCxnSpPr>
            <p:cNvPr id="24" name="直接连接符 23"/>
            <p:cNvCxnSpPr/>
            <p:nvPr/>
          </p:nvCxnSpPr>
          <p:spPr>
            <a:xfrm flipV="1">
              <a:off x="4504267" y="2837801"/>
              <a:ext cx="1220440" cy="1379408"/>
            </a:xfrm>
            <a:prstGeom prst="line">
              <a:avLst/>
            </a:prstGeom>
            <a:ln w="19050">
              <a:solidFill>
                <a:srgbClr val="0070C0"/>
              </a:solidFill>
              <a:headEnd type="oval" w="lg" len="lg"/>
            </a:ln>
          </p:spPr>
          <p:style>
            <a:lnRef idx="2">
              <a:schemeClr val="accent1"/>
            </a:lnRef>
            <a:fillRef idx="0">
              <a:schemeClr val="accent1"/>
            </a:fillRef>
            <a:effectRef idx="1">
              <a:schemeClr val="accent1"/>
            </a:effectRef>
            <a:fontRef idx="minor">
              <a:schemeClr val="tx1"/>
            </a:fontRef>
          </p:style>
        </p:cxnSp>
        <p:cxnSp>
          <p:nvCxnSpPr>
            <p:cNvPr id="25" name="直接连接符 24"/>
            <p:cNvCxnSpPr/>
            <p:nvPr/>
          </p:nvCxnSpPr>
          <p:spPr>
            <a:xfrm>
              <a:off x="5724707" y="2837801"/>
              <a:ext cx="2698045" cy="0"/>
            </a:xfrm>
            <a:prstGeom prst="line">
              <a:avLst/>
            </a:prstGeom>
            <a:ln w="19050">
              <a:solidFill>
                <a:srgbClr val="0070C0"/>
              </a:solidFill>
            </a:ln>
          </p:spPr>
          <p:style>
            <a:lnRef idx="2">
              <a:schemeClr val="accent1"/>
            </a:lnRef>
            <a:fillRef idx="0">
              <a:schemeClr val="accent1"/>
            </a:fillRef>
            <a:effectRef idx="1">
              <a:schemeClr val="accent1"/>
            </a:effectRef>
            <a:fontRef idx="minor">
              <a:schemeClr val="tx1"/>
            </a:fontRef>
          </p:style>
        </p:cxnSp>
      </p:grpSp>
      <p:sp>
        <p:nvSpPr>
          <p:cNvPr id="26" name="TextBox 25"/>
          <p:cNvSpPr txBox="1"/>
          <p:nvPr/>
        </p:nvSpPr>
        <p:spPr>
          <a:xfrm>
            <a:off x="12585033" y="981243"/>
            <a:ext cx="5706144" cy="2954582"/>
          </a:xfrm>
          <a:prstGeom prst="rect">
            <a:avLst/>
          </a:prstGeom>
          <a:noFill/>
        </p:spPr>
        <p:txBody>
          <a:bodyPr wrap="square" lIns="182809" tIns="91404" rIns="182809" bIns="91404" rtlCol="0">
            <a:spAutoFit/>
          </a:bodyPr>
          <a:lstStyle/>
          <a:p>
            <a:pPr marL="180904" indent="-180904">
              <a:lnSpc>
                <a:spcPct val="150000"/>
              </a:lnSpc>
              <a:buFont typeface="Arial" pitchFamily="34" charset="0"/>
              <a:buChar char="•"/>
            </a:pPr>
            <a:r>
              <a:rPr lang="en-US" altLang="zh-CN" sz="2000" b="1" dirty="0" smtClean="0">
                <a:solidFill>
                  <a:srgbClr val="595959"/>
                </a:solidFill>
                <a:latin typeface="Arial" pitchFamily="34" charset="0"/>
                <a:ea typeface="微软雅黑" pitchFamily="34" charset="-122"/>
                <a:cs typeface="Arial" pitchFamily="34" charset="0"/>
              </a:rPr>
              <a:t>Office : e-mail, OA, video conferencing. . . </a:t>
            </a:r>
          </a:p>
          <a:p>
            <a:pPr marL="180904" indent="-180904">
              <a:lnSpc>
                <a:spcPct val="150000"/>
              </a:lnSpc>
              <a:buFont typeface="Arial" pitchFamily="34" charset="0"/>
              <a:buChar char="•"/>
            </a:pPr>
            <a:r>
              <a:rPr lang="en-US" altLang="zh-CN" sz="2000" b="1" dirty="0" smtClean="0">
                <a:solidFill>
                  <a:srgbClr val="595959"/>
                </a:solidFill>
                <a:latin typeface="Arial" pitchFamily="34" charset="0"/>
                <a:ea typeface="微软雅黑" pitchFamily="34" charset="-122"/>
                <a:cs typeface="Arial" pitchFamily="34" charset="0"/>
              </a:rPr>
              <a:t>Management: financial auditing, personnel management, </a:t>
            </a:r>
          </a:p>
          <a:p>
            <a:pPr marL="180904" indent="-180904">
              <a:lnSpc>
                <a:spcPct val="150000"/>
              </a:lnSpc>
              <a:buFont typeface="Arial" pitchFamily="34" charset="0"/>
              <a:buChar char="•"/>
            </a:pPr>
            <a:r>
              <a:rPr lang="en-US" altLang="zh-CN" sz="2000" b="1" dirty="0" smtClean="0">
                <a:solidFill>
                  <a:srgbClr val="595959"/>
                </a:solidFill>
                <a:latin typeface="Arial" pitchFamily="34" charset="0"/>
                <a:ea typeface="微软雅黑" pitchFamily="34" charset="-122"/>
                <a:cs typeface="Arial" pitchFamily="34" charset="0"/>
              </a:rPr>
              <a:t>Business : core business, credit approval, intermediate business </a:t>
            </a:r>
          </a:p>
          <a:p>
            <a:pPr marL="180904" indent="-180904">
              <a:lnSpc>
                <a:spcPct val="150000"/>
              </a:lnSpc>
              <a:buFont typeface="Arial" pitchFamily="34" charset="0"/>
              <a:buChar char="•"/>
            </a:pPr>
            <a:r>
              <a:rPr lang="en-US" altLang="zh-CN" sz="2000" b="1" dirty="0" smtClean="0">
                <a:solidFill>
                  <a:srgbClr val="595959"/>
                </a:solidFill>
                <a:latin typeface="Arial" pitchFamily="34" charset="0"/>
                <a:ea typeface="微软雅黑" pitchFamily="34" charset="-122"/>
                <a:cs typeface="Arial" pitchFamily="34" charset="0"/>
              </a:rPr>
              <a:t>Channel : online banking, teller, ATM, POS</a:t>
            </a:r>
            <a:endParaRPr lang="zh-CN" altLang="en-US" sz="2000" b="1" dirty="0" smtClean="0">
              <a:solidFill>
                <a:srgbClr val="595959"/>
              </a:solidFill>
              <a:latin typeface="Arial" pitchFamily="34" charset="0"/>
              <a:ea typeface="微软雅黑" pitchFamily="34" charset="-122"/>
              <a:cs typeface="Arial" pitchFamily="34" charset="0"/>
            </a:endParaRPr>
          </a:p>
        </p:txBody>
      </p:sp>
      <p:grpSp>
        <p:nvGrpSpPr>
          <p:cNvPr id="5" name="组合 22"/>
          <p:cNvGrpSpPr/>
          <p:nvPr/>
        </p:nvGrpSpPr>
        <p:grpSpPr>
          <a:xfrm>
            <a:off x="9020300" y="2675202"/>
            <a:ext cx="3960535" cy="944383"/>
            <a:chOff x="4504267" y="2837801"/>
            <a:chExt cx="3918485" cy="1379408"/>
          </a:xfrm>
        </p:grpSpPr>
        <p:cxnSp>
          <p:nvCxnSpPr>
            <p:cNvPr id="30" name="直接连接符 29"/>
            <p:cNvCxnSpPr/>
            <p:nvPr/>
          </p:nvCxnSpPr>
          <p:spPr>
            <a:xfrm flipV="1">
              <a:off x="4504267" y="2837801"/>
              <a:ext cx="1220440" cy="1379408"/>
            </a:xfrm>
            <a:prstGeom prst="line">
              <a:avLst/>
            </a:prstGeom>
            <a:ln w="19050">
              <a:solidFill>
                <a:srgbClr val="0070C0"/>
              </a:solidFill>
              <a:headEnd type="oval" w="lg" len="lg"/>
            </a:ln>
          </p:spPr>
          <p:style>
            <a:lnRef idx="2">
              <a:schemeClr val="accent1"/>
            </a:lnRef>
            <a:fillRef idx="0">
              <a:schemeClr val="accent1"/>
            </a:fillRef>
            <a:effectRef idx="1">
              <a:schemeClr val="accent1"/>
            </a:effectRef>
            <a:fontRef idx="minor">
              <a:schemeClr val="tx1"/>
            </a:fontRef>
          </p:style>
        </p:cxnSp>
        <p:cxnSp>
          <p:nvCxnSpPr>
            <p:cNvPr id="31" name="直接连接符 30"/>
            <p:cNvCxnSpPr/>
            <p:nvPr/>
          </p:nvCxnSpPr>
          <p:spPr>
            <a:xfrm>
              <a:off x="5724707" y="2837801"/>
              <a:ext cx="2698045" cy="0"/>
            </a:xfrm>
            <a:prstGeom prst="line">
              <a:avLst/>
            </a:prstGeom>
            <a:ln w="19050">
              <a:solidFill>
                <a:srgbClr val="0070C0"/>
              </a:solidFill>
            </a:ln>
          </p:spPr>
          <p:style>
            <a:lnRef idx="2">
              <a:schemeClr val="accent1"/>
            </a:lnRef>
            <a:fillRef idx="0">
              <a:schemeClr val="accent1"/>
            </a:fillRef>
            <a:effectRef idx="1">
              <a:schemeClr val="accent1"/>
            </a:effectRef>
            <a:fontRef idx="minor">
              <a:schemeClr val="tx1"/>
            </a:fontRef>
          </p:style>
        </p:cxnSp>
      </p:grpSp>
      <p:sp>
        <p:nvSpPr>
          <p:cNvPr id="32" name="矩形 31"/>
          <p:cNvSpPr/>
          <p:nvPr/>
        </p:nvSpPr>
        <p:spPr>
          <a:xfrm>
            <a:off x="9738169" y="3018733"/>
            <a:ext cx="3252097" cy="551090"/>
          </a:xfrm>
          <a:prstGeom prst="rect">
            <a:avLst/>
          </a:prstGeom>
        </p:spPr>
        <p:txBody>
          <a:bodyPr wrap="none" lIns="182809" tIns="91404" rIns="182809" bIns="91404">
            <a:spAutoFit/>
          </a:bodyPr>
          <a:lstStyle/>
          <a:p>
            <a:pPr defTabSz="1096867">
              <a:lnSpc>
                <a:spcPct val="85000"/>
              </a:lnSpc>
            </a:pPr>
            <a:r>
              <a:rPr lang="en-US" altLang="zh-CN" sz="2800" b="1" dirty="0" smtClean="0">
                <a:solidFill>
                  <a:srgbClr val="595959"/>
                </a:solidFill>
                <a:latin typeface="Arial" pitchFamily="34" charset="0"/>
                <a:ea typeface="微软雅黑" pitchFamily="34" charset="-122"/>
                <a:cs typeface="Arial" pitchFamily="34" charset="0"/>
              </a:rPr>
              <a:t>L3: Applications</a:t>
            </a:r>
            <a:endParaRPr lang="zh-CN" altLang="en-US" sz="2800" b="1" dirty="0">
              <a:solidFill>
                <a:srgbClr val="595959"/>
              </a:solidFill>
              <a:latin typeface="Arial" pitchFamily="34" charset="0"/>
              <a:ea typeface="微软雅黑" pitchFamily="34" charset="-122"/>
              <a:cs typeface="Arial" pitchFamily="34" charset="0"/>
            </a:endParaRPr>
          </a:p>
        </p:txBody>
      </p:sp>
      <p:sp>
        <p:nvSpPr>
          <p:cNvPr id="33" name="TextBox 32"/>
          <p:cNvSpPr txBox="1"/>
          <p:nvPr/>
        </p:nvSpPr>
        <p:spPr>
          <a:xfrm>
            <a:off x="13788037" y="4138863"/>
            <a:ext cx="4503138" cy="2031253"/>
          </a:xfrm>
          <a:prstGeom prst="rect">
            <a:avLst/>
          </a:prstGeom>
          <a:noFill/>
        </p:spPr>
        <p:txBody>
          <a:bodyPr wrap="square" lIns="182809" tIns="91404" rIns="182809" bIns="91404" rtlCol="0">
            <a:spAutoFit/>
          </a:bodyPr>
          <a:lstStyle/>
          <a:p>
            <a:pPr marL="180904" indent="-180904">
              <a:lnSpc>
                <a:spcPct val="150000"/>
              </a:lnSpc>
              <a:buFont typeface="Arial" pitchFamily="34" charset="0"/>
              <a:buChar char="•"/>
            </a:pPr>
            <a:r>
              <a:rPr lang="en-US" altLang="zh-CN" sz="2000" b="1" dirty="0" smtClean="0">
                <a:solidFill>
                  <a:srgbClr val="595959"/>
                </a:solidFill>
                <a:latin typeface="Arial" pitchFamily="34" charset="0"/>
                <a:ea typeface="微软雅黑" pitchFamily="34" charset="-122"/>
                <a:cs typeface="Arial" pitchFamily="34" charset="0"/>
              </a:rPr>
              <a:t>Network security core switches, firewalls </a:t>
            </a:r>
          </a:p>
          <a:p>
            <a:pPr marL="180904" indent="-180904">
              <a:lnSpc>
                <a:spcPct val="150000"/>
              </a:lnSpc>
              <a:buFont typeface="Arial" pitchFamily="34" charset="0"/>
              <a:buChar char="•"/>
            </a:pPr>
            <a:r>
              <a:rPr lang="en-US" altLang="zh-CN" sz="2000" b="1" dirty="0" smtClean="0">
                <a:solidFill>
                  <a:srgbClr val="595959"/>
                </a:solidFill>
                <a:latin typeface="Arial" pitchFamily="34" charset="0"/>
                <a:ea typeface="微软雅黑" pitchFamily="34" charset="-122"/>
                <a:cs typeface="Arial" pitchFamily="34" charset="0"/>
              </a:rPr>
              <a:t>Servers, mainframes </a:t>
            </a:r>
          </a:p>
          <a:p>
            <a:pPr marL="180904" indent="-180904">
              <a:lnSpc>
                <a:spcPct val="150000"/>
              </a:lnSpc>
              <a:buFont typeface="Arial" pitchFamily="34" charset="0"/>
              <a:buChar char="•"/>
            </a:pPr>
            <a:r>
              <a:rPr lang="en-US" altLang="zh-CN" sz="2000" b="1" dirty="0" smtClean="0">
                <a:solidFill>
                  <a:srgbClr val="595959"/>
                </a:solidFill>
                <a:latin typeface="Arial" pitchFamily="34" charset="0"/>
                <a:ea typeface="微软雅黑" pitchFamily="34" charset="-122"/>
                <a:cs typeface="Arial" pitchFamily="34" charset="0"/>
              </a:rPr>
              <a:t>Storage (Class A B C D)</a:t>
            </a:r>
            <a:endParaRPr lang="zh-CN" altLang="en-US" sz="2000" b="1" dirty="0" smtClean="0">
              <a:solidFill>
                <a:srgbClr val="595959"/>
              </a:solidFill>
              <a:latin typeface="Arial" pitchFamily="34" charset="0"/>
              <a:ea typeface="微软雅黑" pitchFamily="34" charset="-122"/>
              <a:cs typeface="Arial" pitchFamily="34" charset="0"/>
            </a:endParaRPr>
          </a:p>
        </p:txBody>
      </p:sp>
      <p:sp>
        <p:nvSpPr>
          <p:cNvPr id="34" name="Rectangle 81"/>
          <p:cNvSpPr>
            <a:spLocks noChangeArrowheads="1"/>
          </p:cNvSpPr>
          <p:nvPr/>
        </p:nvSpPr>
        <p:spPr bwMode="white">
          <a:xfrm>
            <a:off x="498568" y="0"/>
            <a:ext cx="17792614" cy="125768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17961" dir="2700000" algn="ctr" rotWithShape="0">
                    <a:schemeClr val="bg2"/>
                  </a:outerShdw>
                </a:effectLst>
              </a14:hiddenEffects>
            </a:ext>
          </a:extLst>
        </p:spPr>
        <p:txBody>
          <a:bodyPr lIns="164185" tIns="82090" rIns="164185" bIns="82090" anchor="b"/>
          <a:lstStyle/>
          <a:p>
            <a:pPr eaLnBrk="0" hangingPunct="0"/>
            <a:r>
              <a:rPr lang="en-US" altLang="zh-CN" sz="4800" b="1" dirty="0" smtClean="0">
                <a:solidFill>
                  <a:srgbClr val="C00000"/>
                </a:solidFill>
                <a:latin typeface="微软雅黑" pitchFamily="34" charset="-122"/>
                <a:ea typeface="微软雅黑" pitchFamily="34" charset="-122"/>
                <a:cs typeface="+mj-cs"/>
              </a:rPr>
              <a:t>Bank Data Center</a:t>
            </a:r>
            <a:endParaRPr lang="en-US" altLang="en-US" sz="4800" b="1" dirty="0" smtClean="0">
              <a:solidFill>
                <a:srgbClr val="C00000"/>
              </a:solidFill>
              <a:latin typeface="微软雅黑" pitchFamily="34" charset="-122"/>
              <a:ea typeface="微软雅黑" pitchFamily="34" charset="-122"/>
              <a:cs typeface="+mj-cs"/>
            </a:endParaRPr>
          </a:p>
        </p:txBody>
      </p:sp>
      <p:pic>
        <p:nvPicPr>
          <p:cNvPr id="38" name="Picture 3" descr="D:\Work\培训PPT\20111102\TIALogo250.jpg"/>
          <p:cNvPicPr>
            <a:picLocks noChangeAspect="1" noChangeArrowheads="1"/>
          </p:cNvPicPr>
          <p:nvPr/>
        </p:nvPicPr>
        <p:blipFill>
          <a:blip r:embed="rId6" cstate="email">
            <a:clrChange>
              <a:clrFrom>
                <a:srgbClr val="FFFFFF"/>
              </a:clrFrom>
              <a:clrTo>
                <a:srgbClr val="FFFFFF">
                  <a:alpha val="0"/>
                </a:srgbClr>
              </a:clrTo>
            </a:clrChange>
          </a:blip>
          <a:srcRect/>
          <a:stretch>
            <a:fillRect/>
          </a:stretch>
        </p:blipFill>
        <p:spPr bwMode="auto">
          <a:xfrm>
            <a:off x="12632955" y="7595498"/>
            <a:ext cx="1236257" cy="640388"/>
          </a:xfrm>
          <a:prstGeom prst="rect">
            <a:avLst/>
          </a:prstGeom>
          <a:ln>
            <a:noFill/>
          </a:ln>
          <a:effectLst>
            <a:outerShdw blurRad="190500" algn="tl" rotWithShape="0">
              <a:srgbClr val="000000">
                <a:alpha val="70000"/>
              </a:srgbClr>
            </a:outerShdw>
          </a:effectLst>
        </p:spPr>
      </p:pic>
      <p:pic>
        <p:nvPicPr>
          <p:cNvPr id="39" name="Picture 5"/>
          <p:cNvPicPr>
            <a:picLocks noChangeAspect="1" noChangeArrowheads="1"/>
          </p:cNvPicPr>
          <p:nvPr/>
        </p:nvPicPr>
        <p:blipFill>
          <a:blip r:embed="rId7" cstate="email">
            <a:clrChange>
              <a:clrFrom>
                <a:srgbClr val="FFFFFF"/>
              </a:clrFrom>
              <a:clrTo>
                <a:srgbClr val="FFFFFF">
                  <a:alpha val="0"/>
                </a:srgbClr>
              </a:clrTo>
            </a:clrChange>
            <a:duotone>
              <a:prstClr val="black"/>
              <a:schemeClr val="accent1">
                <a:tint val="45000"/>
                <a:satMod val="400000"/>
              </a:schemeClr>
            </a:duotone>
          </a:blip>
          <a:srcRect/>
          <a:stretch>
            <a:fillRect/>
          </a:stretch>
        </p:blipFill>
        <p:spPr bwMode="auto">
          <a:xfrm>
            <a:off x="15249386" y="7599063"/>
            <a:ext cx="1010245" cy="776890"/>
          </a:xfrm>
          <a:prstGeom prst="rect">
            <a:avLst/>
          </a:prstGeom>
          <a:ln>
            <a:noFill/>
          </a:ln>
          <a:effectLst>
            <a:outerShdw blurRad="190500" algn="tl" rotWithShape="0">
              <a:srgbClr val="000000">
                <a:alpha val="70000"/>
              </a:srgbClr>
            </a:outerShdw>
          </a:effectLst>
        </p:spPr>
      </p:pic>
      <p:sp>
        <p:nvSpPr>
          <p:cNvPr id="40" name="矩形 39"/>
          <p:cNvSpPr/>
          <p:nvPr/>
        </p:nvSpPr>
        <p:spPr>
          <a:xfrm>
            <a:off x="12256007" y="8315963"/>
            <a:ext cx="1949749" cy="800146"/>
          </a:xfrm>
          <a:prstGeom prst="rect">
            <a:avLst/>
          </a:prstGeom>
        </p:spPr>
        <p:txBody>
          <a:bodyPr wrap="none" lIns="182809" tIns="91404" rIns="182809" bIns="91404">
            <a:spAutoFit/>
          </a:bodyPr>
          <a:lstStyle/>
          <a:p>
            <a:r>
              <a:rPr lang="en-US" altLang="zh-CN" sz="2000" dirty="0" smtClean="0">
                <a:latin typeface="Arial" pitchFamily="34" charset="0"/>
                <a:cs typeface="Arial" pitchFamily="34" charset="0"/>
              </a:rPr>
              <a:t>TIA 942</a:t>
            </a:r>
            <a:r>
              <a:rPr lang="zh-CN" altLang="en-US" sz="2000" dirty="0" smtClean="0">
                <a:latin typeface="Arial" pitchFamily="34" charset="0"/>
                <a:cs typeface="Arial" pitchFamily="34" charset="0"/>
              </a:rPr>
              <a:t> </a:t>
            </a:r>
            <a:r>
              <a:rPr lang="en-US" altLang="zh-CN" sz="2000" dirty="0" smtClean="0">
                <a:latin typeface="Arial" pitchFamily="34" charset="0"/>
                <a:cs typeface="Arial" pitchFamily="34" charset="0"/>
              </a:rPr>
              <a:t>–</a:t>
            </a:r>
            <a:r>
              <a:rPr lang="en-US" altLang="zh-CN" sz="2000" dirty="0" err="1" smtClean="0">
                <a:latin typeface="Arial" pitchFamily="34" charset="0"/>
                <a:cs typeface="Arial" pitchFamily="34" charset="0"/>
              </a:rPr>
              <a:t>iV</a:t>
            </a:r>
            <a:r>
              <a:rPr lang="en-US" altLang="zh-CN" sz="2000" dirty="0" smtClean="0">
                <a:latin typeface="Arial" pitchFamily="34" charset="0"/>
                <a:cs typeface="Arial" pitchFamily="34" charset="0"/>
              </a:rPr>
              <a:t> </a:t>
            </a:r>
          </a:p>
          <a:p>
            <a:r>
              <a:rPr lang="en-US" altLang="zh-CN" sz="2000" dirty="0" smtClean="0">
                <a:latin typeface="Arial" pitchFamily="34" charset="0"/>
                <a:cs typeface="Arial" pitchFamily="34" charset="0"/>
              </a:rPr>
              <a:t>(International)</a:t>
            </a:r>
            <a:endParaRPr lang="zh-CN" altLang="en-US" sz="2000" dirty="0">
              <a:latin typeface="Arial" pitchFamily="34" charset="0"/>
              <a:cs typeface="Arial" pitchFamily="34" charset="0"/>
            </a:endParaRPr>
          </a:p>
        </p:txBody>
      </p:sp>
      <p:sp>
        <p:nvSpPr>
          <p:cNvPr id="41" name="矩形 40"/>
          <p:cNvSpPr/>
          <p:nvPr/>
        </p:nvSpPr>
        <p:spPr>
          <a:xfrm>
            <a:off x="14208601" y="8433640"/>
            <a:ext cx="3433041" cy="492370"/>
          </a:xfrm>
          <a:prstGeom prst="rect">
            <a:avLst/>
          </a:prstGeom>
        </p:spPr>
        <p:txBody>
          <a:bodyPr wrap="none" lIns="182809" tIns="91404" rIns="182809" bIns="91404">
            <a:spAutoFit/>
          </a:bodyPr>
          <a:lstStyle/>
          <a:p>
            <a:r>
              <a:rPr lang="en-US" altLang="zh-CN" sz="2000" dirty="0" smtClean="0">
                <a:latin typeface="Arial" pitchFamily="34" charset="0"/>
                <a:cs typeface="Arial" pitchFamily="34" charset="0"/>
              </a:rPr>
              <a:t>GB</a:t>
            </a:r>
            <a:r>
              <a:rPr lang="zh-CN" altLang="en-US" sz="2000" dirty="0" smtClean="0">
                <a:latin typeface="Arial" pitchFamily="34" charset="0"/>
                <a:cs typeface="Arial" pitchFamily="34" charset="0"/>
              </a:rPr>
              <a:t> </a:t>
            </a:r>
            <a:r>
              <a:rPr lang="en-US" altLang="zh-CN" sz="2000" dirty="0" smtClean="0">
                <a:latin typeface="Arial" pitchFamily="34" charset="0"/>
                <a:cs typeface="Arial" pitchFamily="34" charset="0"/>
              </a:rPr>
              <a:t>50174</a:t>
            </a:r>
            <a:r>
              <a:rPr lang="zh-CN" altLang="en-US" sz="2000" dirty="0" smtClean="0">
                <a:latin typeface="Arial" pitchFamily="34" charset="0"/>
                <a:cs typeface="Arial" pitchFamily="34" charset="0"/>
              </a:rPr>
              <a:t> </a:t>
            </a:r>
            <a:r>
              <a:rPr lang="en-US" altLang="zh-CN" sz="2000" dirty="0" smtClean="0">
                <a:latin typeface="Arial" pitchFamily="34" charset="0"/>
                <a:cs typeface="Arial" pitchFamily="34" charset="0"/>
              </a:rPr>
              <a:t>A</a:t>
            </a:r>
            <a:r>
              <a:rPr lang="zh-CN" altLang="en-US" sz="2000" dirty="0" smtClean="0">
                <a:latin typeface="Arial" pitchFamily="34" charset="0"/>
                <a:cs typeface="Arial" pitchFamily="34" charset="0"/>
              </a:rPr>
              <a:t> </a:t>
            </a:r>
            <a:r>
              <a:rPr lang="en-US" altLang="zh-CN" sz="2000" dirty="0" smtClean="0">
                <a:latin typeface="Arial" pitchFamily="34" charset="0"/>
                <a:cs typeface="Arial" pitchFamily="34" charset="0"/>
              </a:rPr>
              <a:t> 50462(China)</a:t>
            </a:r>
            <a:endParaRPr lang="zh-CN" altLang="en-US" sz="2000" dirty="0">
              <a:latin typeface="Arial" pitchFamily="34" charset="0"/>
              <a:cs typeface="Arial" pitchFamily="34" charset="0"/>
            </a:endParaRPr>
          </a:p>
        </p:txBody>
      </p:sp>
    </p:spTree>
  </p:cSld>
  <p:clrMapOvr>
    <a:masterClrMapping/>
  </p:clrMapOvr>
  <p:transition advClick="0" advTm="44866">
    <p:fade thruBlk="1"/>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extBox 7"/>
          <p:cNvSpPr txBox="1"/>
          <p:nvPr/>
        </p:nvSpPr>
        <p:spPr>
          <a:xfrm>
            <a:off x="313603" y="362945"/>
            <a:ext cx="15530750" cy="923233"/>
          </a:xfrm>
          <a:prstGeom prst="rect">
            <a:avLst/>
          </a:prstGeom>
          <a:noFill/>
        </p:spPr>
        <p:txBody>
          <a:bodyPr wrap="square" lIns="182783" tIns="91392" rIns="182783" bIns="91392" rtlCol="0">
            <a:spAutoFit/>
          </a:bodyPr>
          <a:lstStyle/>
          <a:p>
            <a:pPr eaLnBrk="0" hangingPunct="0"/>
            <a:r>
              <a:rPr lang="en-US" altLang="zh-CN" sz="4800" b="1" dirty="0" smtClean="0">
                <a:solidFill>
                  <a:srgbClr val="C00000"/>
                </a:solidFill>
                <a:latin typeface="微软雅黑" pitchFamily="34" charset="-122"/>
                <a:ea typeface="微软雅黑" pitchFamily="34" charset="-122"/>
                <a:cs typeface="+mj-cs"/>
              </a:rPr>
              <a:t>Innovation Branch Solution</a:t>
            </a:r>
            <a:endParaRPr lang="en-US" altLang="en-US" sz="4800" b="1" dirty="0" smtClean="0">
              <a:solidFill>
                <a:srgbClr val="C00000"/>
              </a:solidFill>
              <a:latin typeface="微软雅黑" pitchFamily="34" charset="-122"/>
              <a:ea typeface="微软雅黑" pitchFamily="34" charset="-122"/>
              <a:cs typeface="+mj-cs"/>
            </a:endParaRPr>
          </a:p>
        </p:txBody>
      </p:sp>
      <p:grpSp>
        <p:nvGrpSpPr>
          <p:cNvPr id="78" name="组合 77"/>
          <p:cNvGrpSpPr/>
          <p:nvPr/>
        </p:nvGrpSpPr>
        <p:grpSpPr>
          <a:xfrm>
            <a:off x="433139" y="924353"/>
            <a:ext cx="17301403" cy="8628721"/>
            <a:chOff x="-17432" y="924353"/>
            <a:chExt cx="12537700" cy="8866121"/>
          </a:xfrm>
        </p:grpSpPr>
        <p:sp>
          <p:nvSpPr>
            <p:cNvPr id="63" name="TextBox 55"/>
            <p:cNvSpPr txBox="1">
              <a:spLocks noChangeArrowheads="1"/>
            </p:cNvSpPr>
            <p:nvPr/>
          </p:nvSpPr>
          <p:spPr bwMode="auto">
            <a:xfrm>
              <a:off x="6246609" y="5436840"/>
              <a:ext cx="3443412" cy="47429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lIns="182809" tIns="91404" rIns="182809" bIns="91404">
              <a:spAutoFit/>
            </a:bodyPr>
            <a:lstStyle>
              <a:lvl1pPr>
                <a:defRPr sz="2400">
                  <a:solidFill>
                    <a:schemeClr val="tx1"/>
                  </a:solidFill>
                  <a:latin typeface="Arial" pitchFamily="34" charset="0"/>
                </a:defRPr>
              </a:lvl1pPr>
              <a:lvl2pPr marL="742950" indent="-285750">
                <a:defRPr sz="2400">
                  <a:solidFill>
                    <a:schemeClr val="tx1"/>
                  </a:solidFill>
                  <a:latin typeface="Arial" pitchFamily="34" charset="0"/>
                </a:defRPr>
              </a:lvl2pPr>
              <a:lvl3pPr marL="1143000" indent="-228600">
                <a:defRPr sz="2400">
                  <a:solidFill>
                    <a:schemeClr val="tx1"/>
                  </a:solidFill>
                  <a:latin typeface="Arial" pitchFamily="34" charset="0"/>
                </a:defRPr>
              </a:lvl3pPr>
              <a:lvl4pPr marL="1600200" indent="-228600">
                <a:defRPr sz="2400">
                  <a:solidFill>
                    <a:schemeClr val="tx1"/>
                  </a:solidFill>
                  <a:latin typeface="Arial" pitchFamily="34" charset="0"/>
                </a:defRPr>
              </a:lvl4pPr>
              <a:lvl5pPr marL="2057400" indent="-228600">
                <a:defRPr sz="2400">
                  <a:solidFill>
                    <a:schemeClr val="tx1"/>
                  </a:solidFill>
                  <a:latin typeface="Arial" pitchFamily="34" charset="0"/>
                </a:defRPr>
              </a:lvl5pPr>
              <a:lvl6pPr marL="2514600" indent="-228600" algn="ctr" eaLnBrk="0" fontAlgn="base" hangingPunct="0">
                <a:lnSpc>
                  <a:spcPct val="90000"/>
                </a:lnSpc>
                <a:spcBef>
                  <a:spcPct val="0"/>
                </a:spcBef>
                <a:spcAft>
                  <a:spcPct val="0"/>
                </a:spcAft>
                <a:defRPr sz="2400">
                  <a:solidFill>
                    <a:schemeClr val="tx1"/>
                  </a:solidFill>
                  <a:latin typeface="Arial" pitchFamily="34" charset="0"/>
                </a:defRPr>
              </a:lvl6pPr>
              <a:lvl7pPr marL="2971800" indent="-228600" algn="ctr" eaLnBrk="0" fontAlgn="base" hangingPunct="0">
                <a:lnSpc>
                  <a:spcPct val="90000"/>
                </a:lnSpc>
                <a:spcBef>
                  <a:spcPct val="0"/>
                </a:spcBef>
                <a:spcAft>
                  <a:spcPct val="0"/>
                </a:spcAft>
                <a:defRPr sz="2400">
                  <a:solidFill>
                    <a:schemeClr val="tx1"/>
                  </a:solidFill>
                  <a:latin typeface="Arial" pitchFamily="34" charset="0"/>
                </a:defRPr>
              </a:lvl7pPr>
              <a:lvl8pPr marL="3429000" indent="-228600" algn="ctr" eaLnBrk="0" fontAlgn="base" hangingPunct="0">
                <a:lnSpc>
                  <a:spcPct val="90000"/>
                </a:lnSpc>
                <a:spcBef>
                  <a:spcPct val="0"/>
                </a:spcBef>
                <a:spcAft>
                  <a:spcPct val="0"/>
                </a:spcAft>
                <a:defRPr sz="2400">
                  <a:solidFill>
                    <a:schemeClr val="tx1"/>
                  </a:solidFill>
                  <a:latin typeface="Arial" pitchFamily="34" charset="0"/>
                </a:defRPr>
              </a:lvl8pPr>
              <a:lvl9pPr marL="3886200" indent="-228600" algn="ctr" eaLnBrk="0" fontAlgn="base" hangingPunct="0">
                <a:lnSpc>
                  <a:spcPct val="90000"/>
                </a:lnSpc>
                <a:spcBef>
                  <a:spcPct val="0"/>
                </a:spcBef>
                <a:spcAft>
                  <a:spcPct val="0"/>
                </a:spcAft>
                <a:defRPr sz="2400">
                  <a:solidFill>
                    <a:schemeClr val="tx1"/>
                  </a:solidFill>
                  <a:latin typeface="Arial" pitchFamily="34" charset="0"/>
                </a:defRPr>
              </a:lvl9pPr>
            </a:lstStyle>
            <a:p>
              <a:pPr algn="r"/>
              <a:r>
                <a:rPr lang="en-US" altLang="zh-CN" sz="1800" b="1" u="sng" dirty="0" smtClean="0">
                  <a:solidFill>
                    <a:srgbClr val="C00000"/>
                  </a:solidFill>
                  <a:ea typeface="微软雅黑" pitchFamily="34" charset="-122"/>
                  <a:cs typeface="Arial" pitchFamily="34" charset="0"/>
                </a:rPr>
                <a:t>Mobile Marketing/OA</a:t>
              </a:r>
              <a:endParaRPr lang="en-US" altLang="zh-CN" sz="1800" b="1" u="sng" dirty="0">
                <a:solidFill>
                  <a:srgbClr val="C00000"/>
                </a:solidFill>
                <a:ea typeface="微软雅黑" pitchFamily="34" charset="-122"/>
                <a:cs typeface="Arial" pitchFamily="34" charset="0"/>
              </a:endParaRPr>
            </a:p>
          </p:txBody>
        </p:sp>
        <p:pic>
          <p:nvPicPr>
            <p:cNvPr id="21" name="b106eb5f-59fe-4cca-8159-168e2ba13804" descr="surv-camera-1.png"/>
            <p:cNvPicPr>
              <a:picLocks noChangeAspect="1"/>
            </p:cNvPicPr>
            <p:nvPr/>
          </p:nvPicPr>
          <p:blipFill>
            <a:blip r:embed="rId3" cstate="email">
              <a:extLst>
                <a:ext uri="{28A0092B-C50C-407E-A947-70E740481C1C}">
                  <a14:useLocalDpi xmlns:a14="http://schemas.microsoft.com/office/drawing/2010/main" xmlns="" val="0"/>
                </a:ext>
              </a:extLst>
            </a:blip>
            <a:srcRect/>
            <a:stretch>
              <a:fillRect/>
            </a:stretch>
          </p:blipFill>
          <p:spPr bwMode="auto">
            <a:xfrm>
              <a:off x="6711874" y="4320950"/>
              <a:ext cx="201113" cy="12740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2" name="5b72b38f-7567-410d-ba7e-78dad132c34e" descr="surv-camera-1.png"/>
            <p:cNvPicPr>
              <a:picLocks noChangeAspect="1"/>
            </p:cNvPicPr>
            <p:nvPr/>
          </p:nvPicPr>
          <p:blipFill>
            <a:blip r:embed="rId3" cstate="email">
              <a:extLst>
                <a:ext uri="{28A0092B-C50C-407E-A947-70E740481C1C}">
                  <a14:useLocalDpi xmlns:a14="http://schemas.microsoft.com/office/drawing/2010/main" xmlns="" val="0"/>
                </a:ext>
              </a:extLst>
            </a:blip>
            <a:srcRect/>
            <a:stretch>
              <a:fillRect/>
            </a:stretch>
          </p:blipFill>
          <p:spPr bwMode="auto">
            <a:xfrm>
              <a:off x="6923399" y="3637536"/>
              <a:ext cx="201113" cy="12740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3" name="68708d15-2bb9-4cb9-b37b-d59281ab627d" descr="surv-camera-1.png"/>
            <p:cNvPicPr>
              <a:picLocks noChangeAspect="1"/>
            </p:cNvPicPr>
            <p:nvPr/>
          </p:nvPicPr>
          <p:blipFill>
            <a:blip r:embed="rId3" cstate="email">
              <a:extLst>
                <a:ext uri="{28A0092B-C50C-407E-A947-70E740481C1C}">
                  <a14:useLocalDpi xmlns:a14="http://schemas.microsoft.com/office/drawing/2010/main" xmlns="" val="0"/>
                </a:ext>
              </a:extLst>
            </a:blip>
            <a:srcRect/>
            <a:stretch>
              <a:fillRect/>
            </a:stretch>
          </p:blipFill>
          <p:spPr bwMode="auto">
            <a:xfrm>
              <a:off x="7791845" y="3291035"/>
              <a:ext cx="201113" cy="12740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4" name="466cef49-cfc2-4962-9145-36c110806566" descr="surv-camera-1.png"/>
            <p:cNvPicPr>
              <a:picLocks noChangeAspect="1"/>
            </p:cNvPicPr>
            <p:nvPr/>
          </p:nvPicPr>
          <p:blipFill>
            <a:blip r:embed="rId4" cstate="email">
              <a:extLst>
                <a:ext uri="{28A0092B-C50C-407E-A947-70E740481C1C}">
                  <a14:useLocalDpi xmlns:a14="http://schemas.microsoft.com/office/drawing/2010/main" xmlns="" val="0"/>
                </a:ext>
              </a:extLst>
            </a:blip>
            <a:srcRect/>
            <a:stretch>
              <a:fillRect/>
            </a:stretch>
          </p:blipFill>
          <p:spPr bwMode="auto">
            <a:xfrm flipH="1">
              <a:off x="7574006" y="3038663"/>
              <a:ext cx="151000" cy="12014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33" name="70f8abfe-ef6c-4b3b-a4a9-874e3774a237"/>
            <p:cNvSpPr txBox="1">
              <a:spLocks noChangeArrowheads="1"/>
            </p:cNvSpPr>
            <p:nvPr/>
          </p:nvSpPr>
          <p:spPr bwMode="auto">
            <a:xfrm>
              <a:off x="9364049" y="3406474"/>
              <a:ext cx="2654523" cy="82216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lIns="182809" tIns="91404" rIns="182809" bIns="91404">
              <a:spAutoFit/>
            </a:bodyPr>
            <a:lstStyle>
              <a:lvl1pPr>
                <a:defRPr sz="2400">
                  <a:solidFill>
                    <a:schemeClr val="tx1"/>
                  </a:solidFill>
                  <a:latin typeface="Arial" pitchFamily="34" charset="0"/>
                </a:defRPr>
              </a:lvl1pPr>
              <a:lvl2pPr marL="742950" indent="-285750">
                <a:defRPr sz="2400">
                  <a:solidFill>
                    <a:schemeClr val="tx1"/>
                  </a:solidFill>
                  <a:latin typeface="Arial" pitchFamily="34" charset="0"/>
                </a:defRPr>
              </a:lvl2pPr>
              <a:lvl3pPr marL="1143000" indent="-228600">
                <a:defRPr sz="2400">
                  <a:solidFill>
                    <a:schemeClr val="tx1"/>
                  </a:solidFill>
                  <a:latin typeface="Arial" pitchFamily="34" charset="0"/>
                </a:defRPr>
              </a:lvl3pPr>
              <a:lvl4pPr marL="1600200" indent="-228600">
                <a:defRPr sz="2400">
                  <a:solidFill>
                    <a:schemeClr val="tx1"/>
                  </a:solidFill>
                  <a:latin typeface="Arial" pitchFamily="34" charset="0"/>
                </a:defRPr>
              </a:lvl4pPr>
              <a:lvl5pPr marL="2057400" indent="-228600">
                <a:defRPr sz="2400">
                  <a:solidFill>
                    <a:schemeClr val="tx1"/>
                  </a:solidFill>
                  <a:latin typeface="Arial" pitchFamily="34" charset="0"/>
                </a:defRPr>
              </a:lvl5pPr>
              <a:lvl6pPr marL="2514600" indent="-228600" algn="ctr" eaLnBrk="0" fontAlgn="base" hangingPunct="0">
                <a:lnSpc>
                  <a:spcPct val="90000"/>
                </a:lnSpc>
                <a:spcBef>
                  <a:spcPct val="0"/>
                </a:spcBef>
                <a:spcAft>
                  <a:spcPct val="0"/>
                </a:spcAft>
                <a:defRPr sz="2400">
                  <a:solidFill>
                    <a:schemeClr val="tx1"/>
                  </a:solidFill>
                  <a:latin typeface="Arial" pitchFamily="34" charset="0"/>
                </a:defRPr>
              </a:lvl6pPr>
              <a:lvl7pPr marL="2971800" indent="-228600" algn="ctr" eaLnBrk="0" fontAlgn="base" hangingPunct="0">
                <a:lnSpc>
                  <a:spcPct val="90000"/>
                </a:lnSpc>
                <a:spcBef>
                  <a:spcPct val="0"/>
                </a:spcBef>
                <a:spcAft>
                  <a:spcPct val="0"/>
                </a:spcAft>
                <a:defRPr sz="2400">
                  <a:solidFill>
                    <a:schemeClr val="tx1"/>
                  </a:solidFill>
                  <a:latin typeface="Arial" pitchFamily="34" charset="0"/>
                </a:defRPr>
              </a:lvl7pPr>
              <a:lvl8pPr marL="3429000" indent="-228600" algn="ctr" eaLnBrk="0" fontAlgn="base" hangingPunct="0">
                <a:lnSpc>
                  <a:spcPct val="90000"/>
                </a:lnSpc>
                <a:spcBef>
                  <a:spcPct val="0"/>
                </a:spcBef>
                <a:spcAft>
                  <a:spcPct val="0"/>
                </a:spcAft>
                <a:defRPr sz="2400">
                  <a:solidFill>
                    <a:schemeClr val="tx1"/>
                  </a:solidFill>
                  <a:latin typeface="Arial" pitchFamily="34" charset="0"/>
                </a:defRPr>
              </a:lvl8pPr>
              <a:lvl9pPr marL="3886200" indent="-228600" algn="ctr" eaLnBrk="0" fontAlgn="base" hangingPunct="0">
                <a:lnSpc>
                  <a:spcPct val="90000"/>
                </a:lnSpc>
                <a:spcBef>
                  <a:spcPct val="0"/>
                </a:spcBef>
                <a:spcAft>
                  <a:spcPct val="0"/>
                </a:spcAft>
                <a:defRPr sz="2400">
                  <a:solidFill>
                    <a:schemeClr val="tx1"/>
                  </a:solidFill>
                  <a:latin typeface="Arial" pitchFamily="34" charset="0"/>
                </a:defRPr>
              </a:lvl9pPr>
            </a:lstStyle>
            <a:p>
              <a:pPr algn="ctr"/>
              <a:r>
                <a:rPr lang="en-US" altLang="zh-CN" sz="2000" b="1" dirty="0" smtClean="0">
                  <a:solidFill>
                    <a:srgbClr val="C00000"/>
                  </a:solidFill>
                  <a:ea typeface="微软雅黑" pitchFamily="34" charset="-122"/>
                  <a:cs typeface="Arial" pitchFamily="34" charset="0"/>
                </a:rPr>
                <a:t>Remote wealth management consultant</a:t>
              </a:r>
              <a:endParaRPr lang="en-US" altLang="zh-CN" sz="2000" b="1" dirty="0">
                <a:solidFill>
                  <a:srgbClr val="C00000"/>
                </a:solidFill>
                <a:ea typeface="微软雅黑" pitchFamily="34" charset="-122"/>
                <a:cs typeface="Arial" pitchFamily="34" charset="0"/>
              </a:endParaRPr>
            </a:p>
          </p:txBody>
        </p:sp>
        <p:sp>
          <p:nvSpPr>
            <p:cNvPr id="42" name="e0932920-f23f-4aa6-b0d3-31c2559eb763"/>
            <p:cNvSpPr txBox="1"/>
            <p:nvPr/>
          </p:nvSpPr>
          <p:spPr>
            <a:xfrm>
              <a:off x="8373848" y="2259248"/>
              <a:ext cx="3670721" cy="822160"/>
            </a:xfrm>
            <a:prstGeom prst="rect">
              <a:avLst/>
            </a:prstGeom>
            <a:noFill/>
          </p:spPr>
          <p:txBody>
            <a:bodyPr wrap="square" lIns="182809" tIns="91404" rIns="182809" bIns="91404" rtlCol="0">
              <a:spAutoFit/>
            </a:bodyPr>
            <a:lstStyle/>
            <a:p>
              <a:pPr marL="361880" indent="-361880"/>
              <a:r>
                <a:rPr lang="en-US" altLang="zh-CN" sz="2000" b="1" dirty="0" smtClean="0">
                  <a:solidFill>
                    <a:srgbClr val="595959"/>
                  </a:solidFill>
                  <a:latin typeface="Arial" pitchFamily="34" charset="0"/>
                  <a:ea typeface="微软雅黑" pitchFamily="34" charset="-122"/>
                  <a:cs typeface="Arial" pitchFamily="34" charset="0"/>
                </a:rPr>
                <a:t>World's first 1080p at 60 fps </a:t>
              </a:r>
              <a:r>
                <a:rPr lang="en-US" altLang="zh-CN" sz="2000" b="1" dirty="0" err="1" smtClean="0">
                  <a:solidFill>
                    <a:srgbClr val="595959"/>
                  </a:solidFill>
                  <a:latin typeface="Arial" pitchFamily="34" charset="0"/>
                  <a:ea typeface="微软雅黑" pitchFamily="34" charset="-122"/>
                  <a:cs typeface="Arial" pitchFamily="34" charset="0"/>
                </a:rPr>
                <a:t>telepresence</a:t>
              </a:r>
              <a:r>
                <a:rPr lang="en-US" altLang="zh-CN" sz="2000" b="1" dirty="0" smtClean="0">
                  <a:solidFill>
                    <a:srgbClr val="595959"/>
                  </a:solidFill>
                  <a:latin typeface="Arial" pitchFamily="34" charset="0"/>
                  <a:ea typeface="微软雅黑" pitchFamily="34" charset="-122"/>
                  <a:cs typeface="Arial" pitchFamily="34" charset="0"/>
                </a:rPr>
                <a:t> system</a:t>
              </a:r>
              <a:endParaRPr lang="zh-CN" altLang="en-US" sz="2000" b="1" dirty="0">
                <a:solidFill>
                  <a:srgbClr val="595959"/>
                </a:solidFill>
                <a:latin typeface="Arial" pitchFamily="34" charset="0"/>
                <a:ea typeface="微软雅黑" pitchFamily="34" charset="-122"/>
                <a:cs typeface="Arial" pitchFamily="34" charset="0"/>
              </a:endParaRPr>
            </a:p>
          </p:txBody>
        </p:sp>
        <p:grpSp>
          <p:nvGrpSpPr>
            <p:cNvPr id="3" name="组合 111"/>
            <p:cNvGrpSpPr/>
            <p:nvPr/>
          </p:nvGrpSpPr>
          <p:grpSpPr>
            <a:xfrm>
              <a:off x="-17432" y="1691801"/>
              <a:ext cx="5763624" cy="2710419"/>
              <a:chOff x="212755" y="911720"/>
              <a:chExt cx="1983221" cy="810824"/>
            </a:xfrm>
          </p:grpSpPr>
          <p:sp>
            <p:nvSpPr>
              <p:cNvPr id="26" name="66314bd9-e898-4129-aaba-493d068cbb3e"/>
              <p:cNvSpPr txBox="1">
                <a:spLocks noChangeArrowheads="1"/>
              </p:cNvSpPr>
              <p:nvPr/>
            </p:nvSpPr>
            <p:spPr bwMode="auto">
              <a:xfrm>
                <a:off x="471045" y="1112412"/>
                <a:ext cx="573035" cy="171516"/>
              </a:xfrm>
              <a:prstGeom prst="rect">
                <a:avLst/>
              </a:prstGeom>
              <a:noFill/>
              <a:ln w="9525" algn="ctr">
                <a:noFill/>
                <a:round/>
                <a:headEnd/>
                <a:tailEnd/>
              </a:ln>
              <a:effectLst>
                <a:outerShdw blurRad="63500" sx="101000" sy="101000" algn="ctr" rotWithShape="0">
                  <a:prstClr val="black">
                    <a:alpha val="20000"/>
                  </a:prstClr>
                </a:outerShdw>
              </a:effectLst>
              <a:extLst/>
            </p:spPr>
            <p:txBody>
              <a:bodyPr wrap="square" lIns="68562" tIns="34281" rIns="68562" bIns="34281" anchor="ctr"/>
              <a:lstStyle>
                <a:defPPr>
                  <a:defRPr lang="zh-CN"/>
                </a:defPPr>
                <a:lvl1pPr algn="ctr" defTabSz="685617" eaLnBrk="0" fontAlgn="auto" hangingPunct="0">
                  <a:spcBef>
                    <a:spcPts val="0"/>
                  </a:spcBef>
                  <a:spcAft>
                    <a:spcPts val="0"/>
                  </a:spcAft>
                  <a:buSzPct val="60000"/>
                  <a:defRPr sz="1400" b="1" kern="0">
                    <a:solidFill>
                      <a:schemeClr val="bg1"/>
                    </a:solidFill>
                    <a:latin typeface="微软雅黑" pitchFamily="34" charset="-122"/>
                    <a:ea typeface="微软雅黑" pitchFamily="34" charset="-122"/>
                    <a:cs typeface="Arial" pitchFamily="34" charset="0"/>
                  </a:defRPr>
                </a:lvl1pPr>
              </a:lstStyle>
              <a:p>
                <a:pPr algn="l"/>
                <a:r>
                  <a:rPr lang="en-US" altLang="zh-CN" sz="2400" dirty="0" smtClean="0">
                    <a:solidFill>
                      <a:srgbClr val="000000">
                        <a:lumMod val="75000"/>
                        <a:lumOff val="25000"/>
                      </a:srgbClr>
                    </a:solidFill>
                    <a:latin typeface="Arial" pitchFamily="34" charset="0"/>
                  </a:rPr>
                  <a:t>One</a:t>
                </a:r>
                <a:r>
                  <a:rPr lang="en-US" altLang="zh-CN" sz="2400" dirty="0">
                    <a:solidFill>
                      <a:srgbClr val="000000">
                        <a:lumMod val="75000"/>
                        <a:lumOff val="25000"/>
                      </a:srgbClr>
                    </a:solidFill>
                    <a:latin typeface="Arial" pitchFamily="34" charset="0"/>
                  </a:rPr>
                  <a:t>-</a:t>
                </a:r>
                <a:r>
                  <a:rPr lang="en-US" altLang="zh-CN" sz="2400" dirty="0" smtClean="0">
                    <a:solidFill>
                      <a:srgbClr val="000000">
                        <a:lumMod val="75000"/>
                        <a:lumOff val="25000"/>
                      </a:srgbClr>
                    </a:solidFill>
                    <a:latin typeface="Arial" pitchFamily="34" charset="0"/>
                  </a:rPr>
                  <a:t>box</a:t>
                </a:r>
                <a:endParaRPr lang="en-US" altLang="zh-CN" sz="2400" dirty="0">
                  <a:solidFill>
                    <a:srgbClr val="000000">
                      <a:lumMod val="75000"/>
                      <a:lumOff val="25000"/>
                    </a:srgbClr>
                  </a:solidFill>
                  <a:latin typeface="Arial" pitchFamily="34" charset="0"/>
                </a:endParaRPr>
              </a:p>
            </p:txBody>
          </p:sp>
          <p:pic>
            <p:nvPicPr>
              <p:cNvPr id="35" name="5e7cc862-b1a2-4f3e-bc88-00a711102e40" descr="10"/>
              <p:cNvPicPr>
                <a:picLocks noChangeAspect="1" noChangeArrowheads="1"/>
              </p:cNvPicPr>
              <p:nvPr/>
            </p:nvPicPr>
            <p:blipFill>
              <a:blip r:embed="rId5" cstate="screen">
                <a:duotone>
                  <a:prstClr val="black"/>
                  <a:schemeClr val="bg1">
                    <a:lumMod val="95000"/>
                    <a:tint val="45000"/>
                    <a:satMod val="400000"/>
                  </a:schemeClr>
                </a:duotone>
              </a:blip>
              <a:srcRect/>
              <a:stretch>
                <a:fillRect/>
              </a:stretch>
            </p:blipFill>
            <p:spPr bwMode="auto">
              <a:xfrm>
                <a:off x="721068" y="1256010"/>
                <a:ext cx="511739" cy="466534"/>
              </a:xfrm>
              <a:prstGeom prst="rect">
                <a:avLst/>
              </a:prstGeom>
              <a:noFill/>
              <a:effectLst/>
            </p:spPr>
          </p:pic>
          <p:sp>
            <p:nvSpPr>
              <p:cNvPr id="37" name="c303c111-dac3-4bfd-a49f-03944143d387"/>
              <p:cNvSpPr txBox="1">
                <a:spLocks noChangeArrowheads="1"/>
              </p:cNvSpPr>
              <p:nvPr/>
            </p:nvSpPr>
            <p:spPr bwMode="auto">
              <a:xfrm>
                <a:off x="212755" y="911720"/>
                <a:ext cx="1482045" cy="21759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pitchFamily="34" charset="0"/>
                  </a:defRPr>
                </a:lvl1pPr>
                <a:lvl2pPr marL="742950" indent="-285750">
                  <a:defRPr sz="2400">
                    <a:solidFill>
                      <a:schemeClr val="tx1"/>
                    </a:solidFill>
                    <a:latin typeface="Arial" pitchFamily="34" charset="0"/>
                  </a:defRPr>
                </a:lvl2pPr>
                <a:lvl3pPr marL="1143000" indent="-228600">
                  <a:defRPr sz="2400">
                    <a:solidFill>
                      <a:schemeClr val="tx1"/>
                    </a:solidFill>
                    <a:latin typeface="Arial" pitchFamily="34" charset="0"/>
                  </a:defRPr>
                </a:lvl3pPr>
                <a:lvl4pPr marL="1600200" indent="-228600">
                  <a:defRPr sz="2400">
                    <a:solidFill>
                      <a:schemeClr val="tx1"/>
                    </a:solidFill>
                    <a:latin typeface="Arial" pitchFamily="34" charset="0"/>
                  </a:defRPr>
                </a:lvl4pPr>
                <a:lvl5pPr marL="2057400" indent="-228600">
                  <a:defRPr sz="2400">
                    <a:solidFill>
                      <a:schemeClr val="tx1"/>
                    </a:solidFill>
                    <a:latin typeface="Arial" pitchFamily="34" charset="0"/>
                  </a:defRPr>
                </a:lvl5pPr>
                <a:lvl6pPr marL="2514600" indent="-228600" algn="ctr" eaLnBrk="0" fontAlgn="base" hangingPunct="0">
                  <a:lnSpc>
                    <a:spcPct val="90000"/>
                  </a:lnSpc>
                  <a:spcBef>
                    <a:spcPct val="0"/>
                  </a:spcBef>
                  <a:spcAft>
                    <a:spcPct val="0"/>
                  </a:spcAft>
                  <a:defRPr sz="2400">
                    <a:solidFill>
                      <a:schemeClr val="tx1"/>
                    </a:solidFill>
                    <a:latin typeface="Arial" pitchFamily="34" charset="0"/>
                  </a:defRPr>
                </a:lvl6pPr>
                <a:lvl7pPr marL="2971800" indent="-228600" algn="ctr" eaLnBrk="0" fontAlgn="base" hangingPunct="0">
                  <a:lnSpc>
                    <a:spcPct val="90000"/>
                  </a:lnSpc>
                  <a:spcBef>
                    <a:spcPct val="0"/>
                  </a:spcBef>
                  <a:spcAft>
                    <a:spcPct val="0"/>
                  </a:spcAft>
                  <a:defRPr sz="2400">
                    <a:solidFill>
                      <a:schemeClr val="tx1"/>
                    </a:solidFill>
                    <a:latin typeface="Arial" pitchFamily="34" charset="0"/>
                  </a:defRPr>
                </a:lvl7pPr>
                <a:lvl8pPr marL="3429000" indent="-228600" algn="ctr" eaLnBrk="0" fontAlgn="base" hangingPunct="0">
                  <a:lnSpc>
                    <a:spcPct val="90000"/>
                  </a:lnSpc>
                  <a:spcBef>
                    <a:spcPct val="0"/>
                  </a:spcBef>
                  <a:spcAft>
                    <a:spcPct val="0"/>
                  </a:spcAft>
                  <a:defRPr sz="2400">
                    <a:solidFill>
                      <a:schemeClr val="tx1"/>
                    </a:solidFill>
                    <a:latin typeface="Arial" pitchFamily="34" charset="0"/>
                  </a:defRPr>
                </a:lvl8pPr>
                <a:lvl9pPr marL="3886200" indent="-228600" algn="ctr" eaLnBrk="0" fontAlgn="base" hangingPunct="0">
                  <a:lnSpc>
                    <a:spcPct val="90000"/>
                  </a:lnSpc>
                  <a:spcBef>
                    <a:spcPct val="0"/>
                  </a:spcBef>
                  <a:spcAft>
                    <a:spcPct val="0"/>
                  </a:spcAft>
                  <a:defRPr sz="2400">
                    <a:solidFill>
                      <a:schemeClr val="tx1"/>
                    </a:solidFill>
                    <a:latin typeface="Arial" pitchFamily="34" charset="0"/>
                  </a:defRPr>
                </a:lvl9pPr>
              </a:lstStyle>
              <a:p>
                <a:r>
                  <a:rPr lang="en-US" altLang="zh-CN" sz="2000" b="1" dirty="0" smtClean="0">
                    <a:solidFill>
                      <a:srgbClr val="C00000"/>
                    </a:solidFill>
                    <a:ea typeface="微软雅黑" pitchFamily="34" charset="-122"/>
                    <a:cs typeface="Arial" pitchFamily="34" charset="0"/>
                  </a:rPr>
                  <a:t>One-stop: consisting network, voice, Wi-Fi, video surveillance, UPS, and battery</a:t>
                </a:r>
                <a:endParaRPr lang="en-US" altLang="zh-CN" sz="2000" b="1" dirty="0">
                  <a:solidFill>
                    <a:srgbClr val="C00000"/>
                  </a:solidFill>
                  <a:ea typeface="微软雅黑" pitchFamily="34" charset="-122"/>
                  <a:cs typeface="Arial" pitchFamily="34" charset="0"/>
                </a:endParaRPr>
              </a:p>
            </p:txBody>
          </p:sp>
          <p:sp>
            <p:nvSpPr>
              <p:cNvPr id="40" name="3977730b-b91f-4d26-af1b-db2359f29cdc"/>
              <p:cNvSpPr txBox="1"/>
              <p:nvPr/>
            </p:nvSpPr>
            <p:spPr>
              <a:xfrm>
                <a:off x="1293460" y="1211333"/>
                <a:ext cx="902516" cy="122986"/>
              </a:xfrm>
              <a:prstGeom prst="rect">
                <a:avLst/>
              </a:prstGeom>
              <a:noFill/>
            </p:spPr>
            <p:txBody>
              <a:bodyPr wrap="square" rtlCol="0">
                <a:spAutoFit/>
              </a:bodyPr>
              <a:lstStyle/>
              <a:p>
                <a:r>
                  <a:rPr lang="en-US" altLang="zh-CN" sz="2000" b="1" dirty="0" smtClean="0">
                    <a:latin typeface="Arial" pitchFamily="34" charset="0"/>
                    <a:ea typeface="微软雅黑" pitchFamily="34" charset="-122"/>
                    <a:cs typeface="Arial" pitchFamily="34" charset="0"/>
                  </a:rPr>
                  <a:t>Deployment efficiency     </a:t>
                </a:r>
                <a:endParaRPr lang="zh-CN" altLang="en-US" sz="2000" b="1" dirty="0">
                  <a:latin typeface="Arial" pitchFamily="34" charset="0"/>
                  <a:ea typeface="微软雅黑" pitchFamily="34" charset="-122"/>
                  <a:cs typeface="Arial" pitchFamily="34" charset="0"/>
                </a:endParaRPr>
              </a:p>
            </p:txBody>
          </p:sp>
          <p:sp>
            <p:nvSpPr>
              <p:cNvPr id="43" name="2112551b-4775-4f79-ad87-f76728fc4795"/>
              <p:cNvSpPr/>
              <p:nvPr/>
            </p:nvSpPr>
            <p:spPr bwMode="auto">
              <a:xfrm>
                <a:off x="2000576" y="1232370"/>
                <a:ext cx="76839" cy="96305"/>
              </a:xfrm>
              <a:prstGeom prst="upArrow">
                <a:avLst/>
              </a:prstGeom>
              <a:solidFill>
                <a:srgbClr val="C00000"/>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2000" dirty="0" smtClean="0">
                  <a:solidFill>
                    <a:srgbClr val="000000"/>
                  </a:solidFill>
                  <a:latin typeface="Arial" pitchFamily="34" charset="0"/>
                  <a:ea typeface="宋体" charset="-122"/>
                  <a:cs typeface="Arial" pitchFamily="34" charset="0"/>
                </a:endParaRPr>
              </a:p>
            </p:txBody>
          </p:sp>
        </p:grpSp>
        <p:grpSp>
          <p:nvGrpSpPr>
            <p:cNvPr id="4" name="组合 115"/>
            <p:cNvGrpSpPr/>
            <p:nvPr/>
          </p:nvGrpSpPr>
          <p:grpSpPr>
            <a:xfrm>
              <a:off x="7976400" y="924353"/>
              <a:ext cx="4229592" cy="1517973"/>
              <a:chOff x="3505850" y="582653"/>
              <a:chExt cx="2114429" cy="758752"/>
            </a:xfrm>
          </p:grpSpPr>
          <p:sp>
            <p:nvSpPr>
              <p:cNvPr id="44" name="1809b346-afec-4321-a332-f93fd84fa8b2"/>
              <p:cNvSpPr/>
              <p:nvPr/>
            </p:nvSpPr>
            <p:spPr>
              <a:xfrm>
                <a:off x="3505850" y="582653"/>
                <a:ext cx="2114429" cy="758752"/>
              </a:xfrm>
              <a:prstGeom prst="rect">
                <a:avLst/>
              </a:prstGeom>
            </p:spPr>
            <p:txBody>
              <a:bodyPr wrap="square">
                <a:spAutoFit/>
              </a:bodyPr>
              <a:lstStyle/>
              <a:p>
                <a:pPr>
                  <a:lnSpc>
                    <a:spcPct val="150000"/>
                  </a:lnSpc>
                </a:pPr>
                <a:r>
                  <a:rPr lang="en-US" altLang="zh-CN" sz="2000" dirty="0" smtClean="0">
                    <a:solidFill>
                      <a:srgbClr val="595959"/>
                    </a:solidFill>
                    <a:latin typeface="Arial" pitchFamily="34" charset="0"/>
                    <a:ea typeface="微软雅黑" pitchFamily="34" charset="-122"/>
                    <a:cs typeface="Arial" pitchFamily="34" charset="0"/>
                  </a:rPr>
                  <a:t>Expert usage rate</a:t>
                </a:r>
              </a:p>
              <a:p>
                <a:pPr>
                  <a:lnSpc>
                    <a:spcPct val="150000"/>
                  </a:lnSpc>
                </a:pPr>
                <a:r>
                  <a:rPr lang="en-US" altLang="zh-CN" sz="2000" dirty="0" smtClean="0">
                    <a:solidFill>
                      <a:srgbClr val="595959"/>
                    </a:solidFill>
                    <a:latin typeface="Arial" pitchFamily="34" charset="0"/>
                    <a:ea typeface="微软雅黑" pitchFamily="34" charset="-122"/>
                    <a:cs typeface="Arial" pitchFamily="34" charset="0"/>
                  </a:rPr>
                  <a:t>Marketing success rate</a:t>
                </a:r>
              </a:p>
              <a:p>
                <a:pPr>
                  <a:lnSpc>
                    <a:spcPct val="150000"/>
                  </a:lnSpc>
                </a:pPr>
                <a:r>
                  <a:rPr lang="en-US" altLang="zh-CN" sz="2000" dirty="0" smtClean="0">
                    <a:solidFill>
                      <a:srgbClr val="595959"/>
                    </a:solidFill>
                    <a:latin typeface="Arial" pitchFamily="34" charset="0"/>
                    <a:ea typeface="微软雅黑" pitchFamily="34" charset="-122"/>
                    <a:cs typeface="Arial" pitchFamily="34" charset="0"/>
                  </a:rPr>
                  <a:t>Travel costs</a:t>
                </a:r>
                <a:endParaRPr lang="en-US" altLang="zh-CN" sz="2000" dirty="0">
                  <a:solidFill>
                    <a:srgbClr val="595959"/>
                  </a:solidFill>
                  <a:latin typeface="Arial" pitchFamily="34" charset="0"/>
                  <a:ea typeface="微软雅黑" pitchFamily="34" charset="-122"/>
                  <a:cs typeface="Arial" pitchFamily="34" charset="0"/>
                </a:endParaRPr>
              </a:p>
            </p:txBody>
          </p:sp>
          <p:sp>
            <p:nvSpPr>
              <p:cNvPr id="47" name="5dadaf7d-5c43-47f5-a6b1-cb054001ff17"/>
              <p:cNvSpPr/>
              <p:nvPr/>
            </p:nvSpPr>
            <p:spPr bwMode="auto">
              <a:xfrm flipV="1">
                <a:off x="4105531" y="1098217"/>
                <a:ext cx="138364" cy="117958"/>
              </a:xfrm>
              <a:prstGeom prst="upArrow">
                <a:avLst/>
              </a:prstGeom>
              <a:solidFill>
                <a:schemeClr val="tx1">
                  <a:lumMod val="65000"/>
                  <a:lumOff val="35000"/>
                </a:schemeClr>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dirty="0" smtClean="0">
                  <a:solidFill>
                    <a:srgbClr val="000000"/>
                  </a:solidFill>
                  <a:latin typeface="Arial" pitchFamily="34" charset="0"/>
                  <a:ea typeface="宋体" charset="-122"/>
                  <a:cs typeface="Arial" pitchFamily="34" charset="0"/>
                </a:endParaRPr>
              </a:p>
            </p:txBody>
          </p:sp>
        </p:grpSp>
        <p:pic>
          <p:nvPicPr>
            <p:cNvPr id="20" name="c999ad7a-1e6d-4e72-88bb-4afcf7c34962" descr="C:\Users\Administrator\Desktop\02\C09_a副本.jpg"/>
            <p:cNvPicPr>
              <a:picLocks noChangeAspect="1" noChangeArrowheads="1"/>
            </p:cNvPicPr>
            <p:nvPr/>
          </p:nvPicPr>
          <p:blipFill rotWithShape="1">
            <a:blip r:embed="rId6" cstate="screen">
              <a:clrChange>
                <a:clrFrom>
                  <a:srgbClr val="FFFFFF"/>
                </a:clrFrom>
                <a:clrTo>
                  <a:srgbClr val="FFFFFF">
                    <a:alpha val="0"/>
                  </a:srgbClr>
                </a:clrTo>
              </a:clrChange>
              <a:duotone>
                <a:prstClr val="black"/>
                <a:schemeClr val="bg1">
                  <a:lumMod val="95000"/>
                  <a:tint val="45000"/>
                  <a:satMod val="400000"/>
                </a:schemeClr>
              </a:duotone>
              <a:extLst>
                <a:ext uri="{28A0092B-C50C-407E-A947-70E740481C1C}">
                  <a14:useLocalDpi xmlns:a14="http://schemas.microsoft.com/office/drawing/2010/main" xmlns="" val="0"/>
                </a:ext>
              </a:extLst>
            </a:blip>
            <a:srcRect/>
            <a:stretch/>
          </p:blipFill>
          <p:spPr bwMode="auto">
            <a:xfrm>
              <a:off x="3950835" y="2734929"/>
              <a:ext cx="5608822" cy="3116250"/>
            </a:xfrm>
            <a:prstGeom prst="rect">
              <a:avLst/>
            </a:prstGeom>
            <a:noFill/>
            <a:extLst>
              <a:ext uri="{909E8E84-426E-40DD-AFC4-6F175D3DCCD1}">
                <a14:hiddenFill xmlns:a14="http://schemas.microsoft.com/office/drawing/2010/main" xmlns="">
                  <a:solidFill>
                    <a:srgbClr val="FFFFFF"/>
                  </a:solidFill>
                </a14:hiddenFill>
              </a:ext>
            </a:extLst>
          </p:spPr>
        </p:pic>
        <p:sp>
          <p:nvSpPr>
            <p:cNvPr id="58" name="e2510b1f-a9c5-4d97-9ea7-95d11209d58d"/>
            <p:cNvSpPr txBox="1">
              <a:spLocks noChangeArrowheads="1"/>
            </p:cNvSpPr>
            <p:nvPr/>
          </p:nvSpPr>
          <p:spPr bwMode="auto">
            <a:xfrm>
              <a:off x="838383" y="5083361"/>
              <a:ext cx="1875400" cy="56916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lIns="182809" tIns="91404" rIns="182809" bIns="91404">
              <a:spAutoFit/>
            </a:bodyPr>
            <a:lstStyle>
              <a:lvl1pPr>
                <a:defRPr sz="2400">
                  <a:solidFill>
                    <a:schemeClr val="tx1"/>
                  </a:solidFill>
                  <a:latin typeface="Arial" pitchFamily="34" charset="0"/>
                </a:defRPr>
              </a:lvl1pPr>
              <a:lvl2pPr marL="742950" indent="-285750">
                <a:defRPr sz="2400">
                  <a:solidFill>
                    <a:schemeClr val="tx1"/>
                  </a:solidFill>
                  <a:latin typeface="Arial" pitchFamily="34" charset="0"/>
                </a:defRPr>
              </a:lvl2pPr>
              <a:lvl3pPr marL="1143000" indent="-228600">
                <a:defRPr sz="2400">
                  <a:solidFill>
                    <a:schemeClr val="tx1"/>
                  </a:solidFill>
                  <a:latin typeface="Arial" pitchFamily="34" charset="0"/>
                </a:defRPr>
              </a:lvl3pPr>
              <a:lvl4pPr marL="1600200" indent="-228600">
                <a:defRPr sz="2400">
                  <a:solidFill>
                    <a:schemeClr val="tx1"/>
                  </a:solidFill>
                  <a:latin typeface="Arial" pitchFamily="34" charset="0"/>
                </a:defRPr>
              </a:lvl4pPr>
              <a:lvl5pPr marL="2057400" indent="-228600">
                <a:defRPr sz="2400">
                  <a:solidFill>
                    <a:schemeClr val="tx1"/>
                  </a:solidFill>
                  <a:latin typeface="Arial" pitchFamily="34" charset="0"/>
                </a:defRPr>
              </a:lvl5pPr>
              <a:lvl6pPr marL="2514600" indent="-228600" algn="ctr" eaLnBrk="0" fontAlgn="base" hangingPunct="0">
                <a:lnSpc>
                  <a:spcPct val="90000"/>
                </a:lnSpc>
                <a:spcBef>
                  <a:spcPct val="0"/>
                </a:spcBef>
                <a:spcAft>
                  <a:spcPct val="0"/>
                </a:spcAft>
                <a:defRPr sz="2400">
                  <a:solidFill>
                    <a:schemeClr val="tx1"/>
                  </a:solidFill>
                  <a:latin typeface="Arial" pitchFamily="34" charset="0"/>
                </a:defRPr>
              </a:lvl6pPr>
              <a:lvl7pPr marL="2971800" indent="-228600" algn="ctr" eaLnBrk="0" fontAlgn="base" hangingPunct="0">
                <a:lnSpc>
                  <a:spcPct val="90000"/>
                </a:lnSpc>
                <a:spcBef>
                  <a:spcPct val="0"/>
                </a:spcBef>
                <a:spcAft>
                  <a:spcPct val="0"/>
                </a:spcAft>
                <a:defRPr sz="2400">
                  <a:solidFill>
                    <a:schemeClr val="tx1"/>
                  </a:solidFill>
                  <a:latin typeface="Arial" pitchFamily="34" charset="0"/>
                </a:defRPr>
              </a:lvl7pPr>
              <a:lvl8pPr marL="3429000" indent="-228600" algn="ctr" eaLnBrk="0" fontAlgn="base" hangingPunct="0">
                <a:lnSpc>
                  <a:spcPct val="90000"/>
                </a:lnSpc>
                <a:spcBef>
                  <a:spcPct val="0"/>
                </a:spcBef>
                <a:spcAft>
                  <a:spcPct val="0"/>
                </a:spcAft>
                <a:defRPr sz="2400">
                  <a:solidFill>
                    <a:schemeClr val="tx1"/>
                  </a:solidFill>
                  <a:latin typeface="Arial" pitchFamily="34" charset="0"/>
                </a:defRPr>
              </a:lvl8pPr>
              <a:lvl9pPr marL="3886200" indent="-228600" algn="ctr" eaLnBrk="0" fontAlgn="base" hangingPunct="0">
                <a:lnSpc>
                  <a:spcPct val="90000"/>
                </a:lnSpc>
                <a:spcBef>
                  <a:spcPct val="0"/>
                </a:spcBef>
                <a:spcAft>
                  <a:spcPct val="0"/>
                </a:spcAft>
                <a:defRPr sz="2400">
                  <a:solidFill>
                    <a:schemeClr val="tx1"/>
                  </a:solidFill>
                  <a:latin typeface="Arial" pitchFamily="34" charset="0"/>
                </a:defRPr>
              </a:lvl9pPr>
            </a:lstStyle>
            <a:p>
              <a:r>
                <a:rPr lang="en-US" altLang="zh-CN" b="1" dirty="0" smtClean="0">
                  <a:solidFill>
                    <a:srgbClr val="C00000"/>
                  </a:solidFill>
                  <a:ea typeface="微软雅黑" pitchFamily="34" charset="-122"/>
                  <a:cs typeface="Arial" pitchFamily="34" charset="0"/>
                </a:rPr>
                <a:t>IVS</a:t>
              </a:r>
              <a:endParaRPr lang="en-US" altLang="zh-CN" b="1" dirty="0">
                <a:solidFill>
                  <a:srgbClr val="C00000"/>
                </a:solidFill>
                <a:ea typeface="微软雅黑" pitchFamily="34" charset="-122"/>
                <a:cs typeface="Arial" pitchFamily="34" charset="0"/>
              </a:endParaRPr>
            </a:p>
          </p:txBody>
        </p:sp>
        <p:pic>
          <p:nvPicPr>
            <p:cNvPr id="59" name="fdb902b7-2b5d-4aaf-8d3c-1da76e8b8dca"/>
            <p:cNvPicPr>
              <a:picLocks noChangeAspect="1" noChangeArrowheads="1"/>
            </p:cNvPicPr>
            <p:nvPr/>
          </p:nvPicPr>
          <p:blipFill>
            <a:blip r:embed="rId7" cstate="screen">
              <a:clrChange>
                <a:clrFrom>
                  <a:srgbClr val="FFFFFF"/>
                </a:clrFrom>
                <a:clrTo>
                  <a:srgbClr val="FFFFFF">
                    <a:alpha val="0"/>
                  </a:srgbClr>
                </a:clrTo>
              </a:clrChange>
            </a:blip>
            <a:srcRect/>
            <a:stretch>
              <a:fillRect/>
            </a:stretch>
          </p:blipFill>
          <p:spPr bwMode="auto">
            <a:xfrm>
              <a:off x="1836763" y="4981310"/>
              <a:ext cx="1447959" cy="455010"/>
            </a:xfrm>
            <a:prstGeom prst="rect">
              <a:avLst/>
            </a:prstGeom>
            <a:noFill/>
            <a:ln w="9525">
              <a:noFill/>
              <a:miter lim="800000"/>
              <a:headEnd/>
              <a:tailEnd/>
            </a:ln>
          </p:spPr>
        </p:pic>
        <p:sp>
          <p:nvSpPr>
            <p:cNvPr id="60" name="4818c75d-6a66-4eb0-9bd3-2ea3d25f6c26"/>
            <p:cNvSpPr txBox="1">
              <a:spLocks noChangeArrowheads="1"/>
            </p:cNvSpPr>
            <p:nvPr/>
          </p:nvSpPr>
          <p:spPr bwMode="auto">
            <a:xfrm>
              <a:off x="87193" y="5134799"/>
              <a:ext cx="4062983" cy="1198944"/>
            </a:xfrm>
            <a:prstGeom prst="rect">
              <a:avLst/>
            </a:prstGeom>
            <a:noFill/>
            <a:ln w="9525" algn="ctr">
              <a:noFill/>
              <a:round/>
              <a:headEnd/>
              <a:tailEnd/>
            </a:ln>
            <a:effectLst>
              <a:outerShdw blurRad="63500" sx="101000" sy="101000" algn="ctr" rotWithShape="0">
                <a:prstClr val="black">
                  <a:alpha val="20000"/>
                </a:prstClr>
              </a:outerShdw>
            </a:effectLst>
            <a:extLst/>
          </p:spPr>
          <p:txBody>
            <a:bodyPr wrap="square" lIns="137067" tIns="68534" rIns="137067" bIns="68534" anchor="ctr"/>
            <a:lstStyle>
              <a:defPPr>
                <a:defRPr lang="zh-CN"/>
              </a:defPPr>
              <a:lvl1pPr algn="ctr" defTabSz="685617" eaLnBrk="0" fontAlgn="auto" hangingPunct="0">
                <a:spcBef>
                  <a:spcPts val="0"/>
                </a:spcBef>
                <a:spcAft>
                  <a:spcPts val="0"/>
                </a:spcAft>
                <a:buSzPct val="60000"/>
                <a:defRPr sz="1400" b="1" kern="0">
                  <a:solidFill>
                    <a:schemeClr val="bg1"/>
                  </a:solidFill>
                  <a:latin typeface="微软雅黑" pitchFamily="34" charset="-122"/>
                  <a:ea typeface="微软雅黑" pitchFamily="34" charset="-122"/>
                  <a:cs typeface="Arial" pitchFamily="34" charset="0"/>
                </a:defRPr>
              </a:lvl1pPr>
            </a:lstStyle>
            <a:p>
              <a:pPr algn="l"/>
              <a:r>
                <a:rPr lang="en-US" altLang="zh-CN" sz="2400" b="0" dirty="0" smtClean="0">
                  <a:solidFill>
                    <a:srgbClr val="000000">
                      <a:lumMod val="75000"/>
                      <a:lumOff val="25000"/>
                    </a:srgbClr>
                  </a:solidFill>
                  <a:latin typeface="Arial" pitchFamily="34" charset="0"/>
                </a:rPr>
                <a:t>All-IP intelligent video surveillance</a:t>
              </a:r>
              <a:endParaRPr lang="en-US" altLang="zh-CN" sz="2400" b="0" dirty="0">
                <a:solidFill>
                  <a:srgbClr val="000000">
                    <a:lumMod val="75000"/>
                    <a:lumOff val="25000"/>
                  </a:srgbClr>
                </a:solidFill>
                <a:latin typeface="Arial" pitchFamily="34" charset="0"/>
              </a:endParaRPr>
            </a:p>
          </p:txBody>
        </p:sp>
        <p:grpSp>
          <p:nvGrpSpPr>
            <p:cNvPr id="5" name="组合 70"/>
            <p:cNvGrpSpPr/>
            <p:nvPr/>
          </p:nvGrpSpPr>
          <p:grpSpPr>
            <a:xfrm>
              <a:off x="3794185" y="5989076"/>
              <a:ext cx="7732826" cy="3801398"/>
              <a:chOff x="2171700" y="771525"/>
              <a:chExt cx="5248275" cy="3267075"/>
            </a:xfrm>
          </p:grpSpPr>
          <p:pic>
            <p:nvPicPr>
              <p:cNvPr id="72" name="图片 104" descr="图片1.jpg"/>
              <p:cNvPicPr>
                <a:picLocks noChangeAspect="1"/>
              </p:cNvPicPr>
              <p:nvPr/>
            </p:nvPicPr>
            <p:blipFill>
              <a:blip r:embed="rId8" cstate="print"/>
              <a:srcRect l="2381" r="2634"/>
              <a:stretch>
                <a:fillRect/>
              </a:stretch>
            </p:blipFill>
            <p:spPr>
              <a:xfrm>
                <a:off x="2205174" y="784812"/>
                <a:ext cx="4454712" cy="3225021"/>
              </a:xfrm>
              <a:prstGeom prst="rect">
                <a:avLst/>
              </a:prstGeom>
              <a:blipFill>
                <a:blip r:embed="rId9" cstate="print"/>
                <a:tile tx="0" ty="0" sx="100000" sy="100000" flip="none" algn="tl"/>
              </a:blipFill>
            </p:spPr>
          </p:pic>
          <p:sp>
            <p:nvSpPr>
              <p:cNvPr id="73" name="TextBox 72"/>
              <p:cNvSpPr txBox="1"/>
              <p:nvPr/>
            </p:nvSpPr>
            <p:spPr>
              <a:xfrm>
                <a:off x="4255133" y="2686223"/>
                <a:ext cx="1414142" cy="353332"/>
              </a:xfrm>
              <a:prstGeom prst="rect">
                <a:avLst/>
              </a:prstGeom>
              <a:noFill/>
            </p:spPr>
            <p:txBody>
              <a:bodyPr wrap="square" rtlCol="0">
                <a:spAutoFit/>
              </a:bodyPr>
              <a:lstStyle/>
              <a:p>
                <a:r>
                  <a:rPr lang="en-US" altLang="zh-CN" sz="2000" dirty="0" smtClean="0">
                    <a:solidFill>
                      <a:srgbClr val="000000">
                        <a:lumMod val="65000"/>
                        <a:lumOff val="35000"/>
                      </a:srgbClr>
                    </a:solidFill>
                    <a:latin typeface="Arial" pitchFamily="34" charset="0"/>
                    <a:ea typeface="微软雅黑" pitchFamily="34" charset="-122"/>
                    <a:cs typeface="Arial" pitchFamily="34" charset="0"/>
                  </a:rPr>
                  <a:t>24h/7 Service Zone</a:t>
                </a:r>
                <a:endParaRPr lang="zh-CN" altLang="en-US" sz="2000" dirty="0">
                  <a:solidFill>
                    <a:srgbClr val="000000">
                      <a:lumMod val="65000"/>
                      <a:lumOff val="35000"/>
                    </a:srgbClr>
                  </a:solidFill>
                  <a:latin typeface="Arial" pitchFamily="34" charset="0"/>
                  <a:ea typeface="微软雅黑" pitchFamily="34" charset="-122"/>
                  <a:cs typeface="Arial" pitchFamily="34" charset="0"/>
                </a:endParaRPr>
              </a:p>
            </p:txBody>
          </p:sp>
          <p:pic>
            <p:nvPicPr>
              <p:cNvPr id="76" name="Picture 33" descr="10"/>
              <p:cNvPicPr>
                <a:picLocks noChangeAspect="1" noChangeArrowheads="1"/>
              </p:cNvPicPr>
              <p:nvPr/>
            </p:nvPicPr>
            <p:blipFill>
              <a:blip r:embed="rId5" cstate="screen">
                <a:duotone>
                  <a:prstClr val="black"/>
                  <a:schemeClr val="bg1">
                    <a:lumMod val="95000"/>
                    <a:tint val="45000"/>
                    <a:satMod val="400000"/>
                  </a:schemeClr>
                </a:duotone>
              </a:blip>
              <a:srcRect/>
              <a:stretch>
                <a:fillRect/>
              </a:stretch>
            </p:blipFill>
            <p:spPr bwMode="auto">
              <a:xfrm rot="19724912">
                <a:off x="2843100" y="2363376"/>
                <a:ext cx="427220" cy="545637"/>
              </a:xfrm>
              <a:prstGeom prst="rect">
                <a:avLst/>
              </a:prstGeom>
              <a:noFill/>
              <a:effectLst/>
              <a:scene3d>
                <a:camera prst="orthographicFront">
                  <a:rot lat="2990426" lon="2051182" rev="207852"/>
                </a:camera>
                <a:lightRig rig="threePt" dir="t"/>
              </a:scene3d>
            </p:spPr>
          </p:pic>
          <p:sp>
            <p:nvSpPr>
              <p:cNvPr id="77" name="TextBox 76"/>
              <p:cNvSpPr txBox="1"/>
              <p:nvPr/>
            </p:nvSpPr>
            <p:spPr>
              <a:xfrm rot="19623262">
                <a:off x="3181048" y="2883943"/>
                <a:ext cx="756000" cy="271794"/>
              </a:xfrm>
              <a:prstGeom prst="rect">
                <a:avLst/>
              </a:prstGeom>
              <a:noFill/>
            </p:spPr>
            <p:txBody>
              <a:bodyPr wrap="square" rtlCol="0">
                <a:spAutoFit/>
              </a:bodyPr>
              <a:lstStyle/>
              <a:p>
                <a:pPr algn="ctr">
                  <a:buClr>
                    <a:srgbClr val="FFC000"/>
                  </a:buClr>
                </a:pPr>
                <a:r>
                  <a:rPr lang="en-US" altLang="zh-CN" sz="1400" dirty="0" smtClean="0">
                    <a:solidFill>
                      <a:srgbClr val="000000"/>
                    </a:solidFill>
                    <a:latin typeface="Arial" pitchFamily="34" charset="0"/>
                    <a:ea typeface="微软雅黑" pitchFamily="34" charset="-122"/>
                    <a:cs typeface="Arial" pitchFamily="34" charset="0"/>
                  </a:rPr>
                  <a:t>Self-service</a:t>
                </a:r>
              </a:p>
            </p:txBody>
          </p:sp>
          <p:sp>
            <p:nvSpPr>
              <p:cNvPr id="80" name="Oval 79"/>
              <p:cNvSpPr/>
              <p:nvPr/>
            </p:nvSpPr>
            <p:spPr>
              <a:xfrm>
                <a:off x="3543976" y="2218276"/>
                <a:ext cx="108000" cy="108000"/>
              </a:xfrm>
              <a:prstGeom prst="ellipse">
                <a:avLst/>
              </a:prstGeom>
              <a:solidFill>
                <a:srgbClr val="FFC000"/>
              </a:solidFill>
              <a:ln w="1905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FFFFFF"/>
                  </a:solidFill>
                  <a:latin typeface="Arial" pitchFamily="34" charset="0"/>
                  <a:cs typeface="Arial" pitchFamily="34" charset="0"/>
                </a:endParaRPr>
              </a:p>
            </p:txBody>
          </p:sp>
          <p:sp>
            <p:nvSpPr>
              <p:cNvPr id="81" name="Oval 88"/>
              <p:cNvSpPr/>
              <p:nvPr/>
            </p:nvSpPr>
            <p:spPr>
              <a:xfrm>
                <a:off x="2941724" y="2512734"/>
                <a:ext cx="108000" cy="108000"/>
              </a:xfrm>
              <a:prstGeom prst="ellipse">
                <a:avLst/>
              </a:prstGeom>
              <a:solidFill>
                <a:srgbClr val="FFC000"/>
              </a:solidFill>
              <a:ln w="1905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FFFFFF"/>
                  </a:solidFill>
                  <a:latin typeface="Arial" pitchFamily="34" charset="0"/>
                  <a:cs typeface="Arial" pitchFamily="34" charset="0"/>
                </a:endParaRPr>
              </a:p>
            </p:txBody>
          </p:sp>
          <p:sp>
            <p:nvSpPr>
              <p:cNvPr id="82" name="Freeform 91"/>
              <p:cNvSpPr/>
              <p:nvPr/>
            </p:nvSpPr>
            <p:spPr>
              <a:xfrm>
                <a:off x="3697610" y="1630856"/>
                <a:ext cx="720000" cy="304800"/>
              </a:xfrm>
              <a:custGeom>
                <a:avLst/>
                <a:gdLst>
                  <a:gd name="connsiteX0" fmla="*/ 581025 w 581025"/>
                  <a:gd name="connsiteY0" fmla="*/ 300037 h 304800"/>
                  <a:gd name="connsiteX1" fmla="*/ 581025 w 581025"/>
                  <a:gd name="connsiteY1" fmla="*/ 0 h 304800"/>
                  <a:gd name="connsiteX2" fmla="*/ 0 w 581025"/>
                  <a:gd name="connsiteY2" fmla="*/ 9525 h 304800"/>
                  <a:gd name="connsiteX3" fmla="*/ 76200 w 581025"/>
                  <a:gd name="connsiteY3" fmla="*/ 304800 h 304800"/>
                  <a:gd name="connsiteX4" fmla="*/ 581025 w 581025"/>
                  <a:gd name="connsiteY4" fmla="*/ 300037 h 3048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81025" h="304800">
                    <a:moveTo>
                      <a:pt x="581025" y="300037"/>
                    </a:moveTo>
                    <a:lnTo>
                      <a:pt x="581025" y="0"/>
                    </a:lnTo>
                    <a:lnTo>
                      <a:pt x="0" y="9525"/>
                    </a:lnTo>
                    <a:lnTo>
                      <a:pt x="76200" y="304800"/>
                    </a:lnTo>
                    <a:lnTo>
                      <a:pt x="581025" y="300037"/>
                    </a:lnTo>
                    <a:close/>
                  </a:path>
                </a:pathLst>
              </a:custGeom>
              <a:solidFill>
                <a:schemeClr val="accent1">
                  <a:alpha val="65000"/>
                </a:schemeClr>
              </a:solid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FFFFFF"/>
                  </a:solidFill>
                  <a:latin typeface="Arial" pitchFamily="34" charset="0"/>
                  <a:cs typeface="Arial" pitchFamily="34" charset="0"/>
                </a:endParaRPr>
              </a:p>
            </p:txBody>
          </p:sp>
          <p:sp>
            <p:nvSpPr>
              <p:cNvPr id="83" name="Freeform 92"/>
              <p:cNvSpPr/>
              <p:nvPr/>
            </p:nvSpPr>
            <p:spPr>
              <a:xfrm>
                <a:off x="3764286" y="1657843"/>
                <a:ext cx="234950" cy="279400"/>
              </a:xfrm>
              <a:custGeom>
                <a:avLst/>
                <a:gdLst>
                  <a:gd name="connsiteX0" fmla="*/ 0 w 234950"/>
                  <a:gd name="connsiteY0" fmla="*/ 0 h 279400"/>
                  <a:gd name="connsiteX1" fmla="*/ 76200 w 234950"/>
                  <a:gd name="connsiteY1" fmla="*/ 279400 h 279400"/>
                  <a:gd name="connsiteX2" fmla="*/ 234950 w 234950"/>
                  <a:gd name="connsiteY2" fmla="*/ 279400 h 279400"/>
                  <a:gd name="connsiteX3" fmla="*/ 165100 w 234950"/>
                  <a:gd name="connsiteY3" fmla="*/ 0 h 279400"/>
                  <a:gd name="connsiteX4" fmla="*/ 0 w 234950"/>
                  <a:gd name="connsiteY4" fmla="*/ 0 h 2794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34950" h="279400">
                    <a:moveTo>
                      <a:pt x="0" y="0"/>
                    </a:moveTo>
                    <a:lnTo>
                      <a:pt x="76200" y="279400"/>
                    </a:lnTo>
                    <a:lnTo>
                      <a:pt x="234950" y="279400"/>
                    </a:lnTo>
                    <a:lnTo>
                      <a:pt x="165100" y="0"/>
                    </a:lnTo>
                    <a:lnTo>
                      <a:pt x="0" y="0"/>
                    </a:lnTo>
                    <a:close/>
                  </a:path>
                </a:pathLst>
              </a:custGeom>
              <a:blipFill>
                <a:blip r:embed="rId10" cstate="print"/>
                <a:tile tx="0" ty="0" sx="100000" sy="100000" flip="none" algn="tl"/>
              </a:blipFill>
              <a:ln>
                <a:solidFill>
                  <a:srgbClr val="6633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FFFFFF"/>
                  </a:solidFill>
                  <a:latin typeface="Arial" pitchFamily="34" charset="0"/>
                  <a:cs typeface="Arial" pitchFamily="34" charset="0"/>
                </a:endParaRPr>
              </a:p>
            </p:txBody>
          </p:sp>
          <p:cxnSp>
            <p:nvCxnSpPr>
              <p:cNvPr id="84" name="Straight Connector 93"/>
              <p:cNvCxnSpPr/>
              <p:nvPr/>
            </p:nvCxnSpPr>
            <p:spPr>
              <a:xfrm>
                <a:off x="3894461" y="1773731"/>
                <a:ext cx="0" cy="36000"/>
              </a:xfrm>
              <a:prstGeom prst="line">
                <a:avLst/>
              </a:prstGeom>
              <a:scene3d>
                <a:camera prst="orthographicFront">
                  <a:rot lat="0" lon="0" rev="600000"/>
                </a:camera>
                <a:lightRig rig="threePt" dir="t"/>
              </a:scene3d>
            </p:spPr>
            <p:style>
              <a:lnRef idx="1">
                <a:schemeClr val="accent1"/>
              </a:lnRef>
              <a:fillRef idx="0">
                <a:schemeClr val="accent1"/>
              </a:fillRef>
              <a:effectRef idx="0">
                <a:schemeClr val="accent1"/>
              </a:effectRef>
              <a:fontRef idx="minor">
                <a:schemeClr val="tx1"/>
              </a:fontRef>
            </p:style>
          </p:cxnSp>
          <p:pic>
            <p:nvPicPr>
              <p:cNvPr id="85" name="Picture 4"/>
              <p:cNvPicPr>
                <a:picLocks noChangeAspect="1" noChangeArrowheads="1"/>
              </p:cNvPicPr>
              <p:nvPr/>
            </p:nvPicPr>
            <p:blipFill>
              <a:blip r:embed="rId11" cstate="email"/>
              <a:srcRect/>
              <a:stretch>
                <a:fillRect/>
              </a:stretch>
            </p:blipFill>
            <p:spPr bwMode="auto">
              <a:xfrm>
                <a:off x="4083498" y="1181372"/>
                <a:ext cx="477690" cy="360000"/>
              </a:xfrm>
              <a:prstGeom prst="rect">
                <a:avLst/>
              </a:prstGeom>
              <a:noFill/>
              <a:ln w="9525">
                <a:noFill/>
                <a:miter lim="800000"/>
                <a:headEnd/>
                <a:tailEnd/>
              </a:ln>
              <a:scene3d>
                <a:camera prst="orthographicFront">
                  <a:rot lat="1431691" lon="4566870" rev="239866"/>
                </a:camera>
                <a:lightRig rig="threePt" dir="t"/>
              </a:scene3d>
            </p:spPr>
          </p:pic>
          <p:sp>
            <p:nvSpPr>
              <p:cNvPr id="86" name="Freeform 95"/>
              <p:cNvSpPr/>
              <p:nvPr/>
            </p:nvSpPr>
            <p:spPr>
              <a:xfrm>
                <a:off x="3649986" y="1645143"/>
                <a:ext cx="120650" cy="412750"/>
              </a:xfrm>
              <a:custGeom>
                <a:avLst/>
                <a:gdLst>
                  <a:gd name="connsiteX0" fmla="*/ 31750 w 120650"/>
                  <a:gd name="connsiteY0" fmla="*/ 0 h 412750"/>
                  <a:gd name="connsiteX1" fmla="*/ 120650 w 120650"/>
                  <a:gd name="connsiteY1" fmla="*/ 292100 h 412750"/>
                  <a:gd name="connsiteX2" fmla="*/ 120650 w 120650"/>
                  <a:gd name="connsiteY2" fmla="*/ 393700 h 412750"/>
                  <a:gd name="connsiteX3" fmla="*/ 114300 w 120650"/>
                  <a:gd name="connsiteY3" fmla="*/ 412750 h 412750"/>
                  <a:gd name="connsiteX4" fmla="*/ 38100 w 120650"/>
                  <a:gd name="connsiteY4" fmla="*/ 374650 h 412750"/>
                  <a:gd name="connsiteX5" fmla="*/ 44450 w 120650"/>
                  <a:gd name="connsiteY5" fmla="*/ 292100 h 412750"/>
                  <a:gd name="connsiteX6" fmla="*/ 0 w 120650"/>
                  <a:gd name="connsiteY6" fmla="*/ 292100 h 412750"/>
                  <a:gd name="connsiteX7" fmla="*/ 31750 w 120650"/>
                  <a:gd name="connsiteY7" fmla="*/ 0 h 4127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20650" h="412750">
                    <a:moveTo>
                      <a:pt x="31750" y="0"/>
                    </a:moveTo>
                    <a:lnTo>
                      <a:pt x="120650" y="292100"/>
                    </a:lnTo>
                    <a:lnTo>
                      <a:pt x="120650" y="393700"/>
                    </a:lnTo>
                    <a:lnTo>
                      <a:pt x="114300" y="412750"/>
                    </a:lnTo>
                    <a:lnTo>
                      <a:pt x="38100" y="374650"/>
                    </a:lnTo>
                    <a:lnTo>
                      <a:pt x="44450" y="292100"/>
                    </a:lnTo>
                    <a:lnTo>
                      <a:pt x="0" y="292100"/>
                    </a:lnTo>
                    <a:lnTo>
                      <a:pt x="31750" y="0"/>
                    </a:lnTo>
                    <a:close/>
                  </a:path>
                </a:pathLst>
              </a:custGeom>
              <a:solidFill>
                <a:schemeClr val="accent1">
                  <a:alpha val="65000"/>
                </a:schemeClr>
              </a:solid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FFFFFF"/>
                  </a:solidFill>
                  <a:latin typeface="Arial" pitchFamily="34" charset="0"/>
                  <a:cs typeface="Arial" pitchFamily="34" charset="0"/>
                </a:endParaRPr>
              </a:p>
            </p:txBody>
          </p:sp>
          <p:sp>
            <p:nvSpPr>
              <p:cNvPr id="87" name="Freeform 96"/>
              <p:cNvSpPr/>
              <p:nvPr/>
            </p:nvSpPr>
            <p:spPr>
              <a:xfrm>
                <a:off x="3681736" y="1740393"/>
                <a:ext cx="82550" cy="311150"/>
              </a:xfrm>
              <a:custGeom>
                <a:avLst/>
                <a:gdLst>
                  <a:gd name="connsiteX0" fmla="*/ 12700 w 82550"/>
                  <a:gd name="connsiteY0" fmla="*/ 0 h 311150"/>
                  <a:gd name="connsiteX1" fmla="*/ 82550 w 82550"/>
                  <a:gd name="connsiteY1" fmla="*/ 241300 h 311150"/>
                  <a:gd name="connsiteX2" fmla="*/ 69850 w 82550"/>
                  <a:gd name="connsiteY2" fmla="*/ 311150 h 311150"/>
                  <a:gd name="connsiteX3" fmla="*/ 0 w 82550"/>
                  <a:gd name="connsiteY3" fmla="*/ 139700 h 311150"/>
                  <a:gd name="connsiteX4" fmla="*/ 12700 w 82550"/>
                  <a:gd name="connsiteY4" fmla="*/ 0 h 3111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2550" h="311150">
                    <a:moveTo>
                      <a:pt x="12700" y="0"/>
                    </a:moveTo>
                    <a:lnTo>
                      <a:pt x="82550" y="241300"/>
                    </a:lnTo>
                    <a:lnTo>
                      <a:pt x="69850" y="311150"/>
                    </a:lnTo>
                    <a:lnTo>
                      <a:pt x="0" y="139700"/>
                    </a:lnTo>
                    <a:lnTo>
                      <a:pt x="12700" y="0"/>
                    </a:lnTo>
                    <a:close/>
                  </a:path>
                </a:pathLst>
              </a:custGeom>
              <a:blipFill>
                <a:blip r:embed="rId10" cstate="print"/>
                <a:tile tx="0" ty="0" sx="100000" sy="100000" flip="none" algn="tl"/>
              </a:blipFill>
              <a:ln>
                <a:solidFill>
                  <a:srgbClr val="6633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FFFFFF"/>
                  </a:solidFill>
                  <a:latin typeface="Arial" pitchFamily="34" charset="0"/>
                  <a:cs typeface="Arial" pitchFamily="34" charset="0"/>
                </a:endParaRPr>
              </a:p>
            </p:txBody>
          </p:sp>
          <p:sp>
            <p:nvSpPr>
              <p:cNvPr id="88" name="TextBox 87"/>
              <p:cNvSpPr txBox="1"/>
              <p:nvPr/>
            </p:nvSpPr>
            <p:spPr>
              <a:xfrm rot="19623262">
                <a:off x="3141802" y="2070038"/>
                <a:ext cx="504000" cy="326152"/>
              </a:xfrm>
              <a:prstGeom prst="rect">
                <a:avLst/>
              </a:prstGeom>
              <a:noFill/>
            </p:spPr>
            <p:txBody>
              <a:bodyPr wrap="square" rtlCol="0">
                <a:spAutoFit/>
              </a:bodyPr>
              <a:lstStyle/>
              <a:p>
                <a:pPr algn="ctr">
                  <a:buClr>
                    <a:srgbClr val="FFC000"/>
                  </a:buClr>
                </a:pPr>
                <a:r>
                  <a:rPr lang="en-US" altLang="zh-CN" b="1" dirty="0" smtClean="0">
                    <a:solidFill>
                      <a:srgbClr val="000000"/>
                    </a:solidFill>
                    <a:latin typeface="Arial" pitchFamily="34" charset="0"/>
                    <a:ea typeface="微软雅黑" pitchFamily="34" charset="-122"/>
                    <a:cs typeface="Arial" pitchFamily="34" charset="0"/>
                  </a:rPr>
                  <a:t>VTM</a:t>
                </a:r>
                <a:endParaRPr lang="en-US" altLang="zh-CN" dirty="0" smtClean="0">
                  <a:solidFill>
                    <a:srgbClr val="000000"/>
                  </a:solidFill>
                  <a:latin typeface="Arial" pitchFamily="34" charset="0"/>
                  <a:ea typeface="微软雅黑" pitchFamily="34" charset="-122"/>
                  <a:cs typeface="Arial" pitchFamily="34" charset="0"/>
                </a:endParaRPr>
              </a:p>
            </p:txBody>
          </p:sp>
          <p:cxnSp>
            <p:nvCxnSpPr>
              <p:cNvPr id="89" name="Straight Connector 102"/>
              <p:cNvCxnSpPr/>
              <p:nvPr/>
            </p:nvCxnSpPr>
            <p:spPr>
              <a:xfrm flipH="1">
                <a:off x="4417610" y="841962"/>
                <a:ext cx="14920" cy="792000"/>
              </a:xfrm>
              <a:prstGeom prst="line">
                <a:avLst/>
              </a:prstGeom>
              <a:ln w="50800">
                <a:solidFill>
                  <a:schemeClr val="bg2">
                    <a:lumMod val="75000"/>
                  </a:schemeClr>
                </a:solidFill>
              </a:ln>
              <a:scene3d>
                <a:camera prst="orthographicFront">
                  <a:rot lat="0" lon="0" rev="0"/>
                </a:camera>
                <a:lightRig rig="threePt" dir="t"/>
              </a:scene3d>
            </p:spPr>
            <p:style>
              <a:lnRef idx="1">
                <a:schemeClr val="accent1"/>
              </a:lnRef>
              <a:fillRef idx="0">
                <a:schemeClr val="accent1"/>
              </a:fillRef>
              <a:effectRef idx="0">
                <a:schemeClr val="accent1"/>
              </a:effectRef>
              <a:fontRef idx="minor">
                <a:schemeClr val="tx1"/>
              </a:fontRef>
            </p:style>
          </p:cxnSp>
          <p:cxnSp>
            <p:nvCxnSpPr>
              <p:cNvPr id="90" name="Straight Connector 103"/>
              <p:cNvCxnSpPr>
                <a:stCxn id="86" idx="0"/>
                <a:endCxn id="82" idx="1"/>
              </p:cNvCxnSpPr>
              <p:nvPr/>
            </p:nvCxnSpPr>
            <p:spPr>
              <a:xfrm flipV="1">
                <a:off x="3681736" y="1630856"/>
                <a:ext cx="735874" cy="14287"/>
              </a:xfrm>
              <a:prstGeom prst="line">
                <a:avLst/>
              </a:prstGeom>
              <a:ln w="50800">
                <a:solidFill>
                  <a:schemeClr val="bg2">
                    <a:lumMod val="75000"/>
                  </a:schemeClr>
                </a:solidFill>
              </a:ln>
              <a:scene3d>
                <a:camera prst="orthographicFront">
                  <a:rot lat="0" lon="0" rev="0"/>
                </a:camera>
                <a:lightRig rig="threePt" dir="t"/>
              </a:scene3d>
            </p:spPr>
            <p:style>
              <a:lnRef idx="1">
                <a:schemeClr val="accent1"/>
              </a:lnRef>
              <a:fillRef idx="0">
                <a:schemeClr val="accent1"/>
              </a:fillRef>
              <a:effectRef idx="0">
                <a:schemeClr val="accent1"/>
              </a:effectRef>
              <a:fontRef idx="minor">
                <a:schemeClr val="tx1"/>
              </a:fontRef>
            </p:style>
          </p:cxnSp>
          <p:pic>
            <p:nvPicPr>
              <p:cNvPr id="91" name="Picture 5"/>
              <p:cNvPicPr preferRelativeResize="0">
                <a:picLocks noChangeArrowheads="1"/>
              </p:cNvPicPr>
              <p:nvPr/>
            </p:nvPicPr>
            <p:blipFill>
              <a:blip r:embed="rId12" cstate="email"/>
              <a:srcRect/>
              <a:stretch>
                <a:fillRect/>
              </a:stretch>
            </p:blipFill>
            <p:spPr bwMode="auto">
              <a:xfrm>
                <a:off x="4911131" y="1613171"/>
                <a:ext cx="288000" cy="180000"/>
              </a:xfrm>
              <a:prstGeom prst="rect">
                <a:avLst/>
              </a:prstGeom>
              <a:noFill/>
              <a:ln w="9525">
                <a:noFill/>
                <a:miter lim="800000"/>
                <a:headEnd/>
                <a:tailEnd/>
              </a:ln>
              <a:scene3d>
                <a:camera prst="orthographicFront">
                  <a:rot lat="1200000" lon="4280396" rev="307209"/>
                </a:camera>
                <a:lightRig rig="threePt" dir="t"/>
              </a:scene3d>
            </p:spPr>
          </p:pic>
          <p:cxnSp>
            <p:nvCxnSpPr>
              <p:cNvPr id="92" name="Straight Connector 106"/>
              <p:cNvCxnSpPr/>
              <p:nvPr/>
            </p:nvCxnSpPr>
            <p:spPr>
              <a:xfrm flipV="1">
                <a:off x="3619500" y="1140312"/>
                <a:ext cx="1501146" cy="1098063"/>
              </a:xfrm>
              <a:prstGeom prst="line">
                <a:avLst/>
              </a:prstGeom>
              <a:noFill/>
              <a:ln w="12700">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cxnSp>
          <p:pic>
            <p:nvPicPr>
              <p:cNvPr id="93" name="Picture 7"/>
              <p:cNvPicPr>
                <a:picLocks noChangeAspect="1" noChangeArrowheads="1"/>
              </p:cNvPicPr>
              <p:nvPr/>
            </p:nvPicPr>
            <p:blipFill>
              <a:blip r:embed="rId13" cstate="email"/>
              <a:srcRect r="1680"/>
              <a:stretch>
                <a:fillRect/>
              </a:stretch>
            </p:blipFill>
            <p:spPr bwMode="auto">
              <a:xfrm>
                <a:off x="3320530" y="1134986"/>
                <a:ext cx="501292" cy="432000"/>
              </a:xfrm>
              <a:prstGeom prst="rect">
                <a:avLst/>
              </a:prstGeom>
              <a:noFill/>
              <a:ln w="9525" cap="flat" cmpd="sng">
                <a:noFill/>
                <a:prstDash val="solid"/>
                <a:miter lim="800000"/>
                <a:headEnd/>
                <a:tailEnd/>
              </a:ln>
              <a:effectLst/>
              <a:scene3d>
                <a:camera prst="orthographicFront">
                  <a:rot lat="2605607" lon="3649980" rev="106174"/>
                </a:camera>
                <a:lightRig rig="threePt" dir="t"/>
              </a:scene3d>
            </p:spPr>
          </p:pic>
          <p:cxnSp>
            <p:nvCxnSpPr>
              <p:cNvPr id="94" name="Straight Connector 108"/>
              <p:cNvCxnSpPr/>
              <p:nvPr/>
            </p:nvCxnSpPr>
            <p:spPr>
              <a:xfrm flipV="1">
                <a:off x="3645224" y="862505"/>
                <a:ext cx="123825" cy="1080000"/>
              </a:xfrm>
              <a:prstGeom prst="line">
                <a:avLst/>
              </a:prstGeom>
              <a:ln w="50800">
                <a:solidFill>
                  <a:schemeClr val="bg2">
                    <a:lumMod val="75000"/>
                  </a:schemeClr>
                </a:solidFill>
              </a:ln>
              <a:scene3d>
                <a:camera prst="orthographicFront">
                  <a:rot lat="0" lon="0" rev="0"/>
                </a:camera>
                <a:lightRig rig="threePt" dir="t"/>
              </a:scene3d>
            </p:spPr>
            <p:style>
              <a:lnRef idx="1">
                <a:schemeClr val="accent1"/>
              </a:lnRef>
              <a:fillRef idx="0">
                <a:schemeClr val="accent1"/>
              </a:fillRef>
              <a:effectRef idx="0">
                <a:schemeClr val="accent1"/>
              </a:effectRef>
              <a:fontRef idx="minor">
                <a:schemeClr val="tx1"/>
              </a:fontRef>
            </p:style>
          </p:cxnSp>
          <p:sp>
            <p:nvSpPr>
              <p:cNvPr id="95" name="Oval 109"/>
              <p:cNvSpPr/>
              <p:nvPr/>
            </p:nvSpPr>
            <p:spPr>
              <a:xfrm>
                <a:off x="3515401" y="1103851"/>
                <a:ext cx="108000" cy="108000"/>
              </a:xfrm>
              <a:prstGeom prst="ellipse">
                <a:avLst/>
              </a:prstGeom>
              <a:solidFill>
                <a:srgbClr val="FFC000"/>
              </a:solidFill>
              <a:ln w="1905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FFFFFF"/>
                  </a:solidFill>
                  <a:latin typeface="Arial" pitchFamily="34" charset="0"/>
                  <a:cs typeface="Arial" pitchFamily="34" charset="0"/>
                </a:endParaRPr>
              </a:p>
            </p:txBody>
          </p:sp>
          <p:sp>
            <p:nvSpPr>
              <p:cNvPr id="96" name="Oval 110"/>
              <p:cNvSpPr/>
              <p:nvPr/>
            </p:nvSpPr>
            <p:spPr>
              <a:xfrm>
                <a:off x="4267876" y="1107550"/>
                <a:ext cx="108000" cy="108000"/>
              </a:xfrm>
              <a:prstGeom prst="ellipse">
                <a:avLst/>
              </a:prstGeom>
              <a:solidFill>
                <a:srgbClr val="FFC000"/>
              </a:solidFill>
              <a:ln w="1905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a:solidFill>
                    <a:srgbClr val="FFFFFF"/>
                  </a:solidFill>
                  <a:latin typeface="Arial" pitchFamily="34" charset="0"/>
                  <a:cs typeface="Arial" pitchFamily="34" charset="0"/>
                </a:endParaRPr>
              </a:p>
            </p:txBody>
          </p:sp>
          <p:cxnSp>
            <p:nvCxnSpPr>
              <p:cNvPr id="97" name="Straight Connector 111"/>
              <p:cNvCxnSpPr/>
              <p:nvPr/>
            </p:nvCxnSpPr>
            <p:spPr>
              <a:xfrm flipH="1" flipV="1">
                <a:off x="3564261" y="883143"/>
                <a:ext cx="0" cy="200026"/>
              </a:xfrm>
              <a:prstGeom prst="line">
                <a:avLst/>
              </a:prstGeom>
              <a:noFill/>
              <a:ln w="12700">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cxnSp>
          <p:cxnSp>
            <p:nvCxnSpPr>
              <p:cNvPr id="98" name="Straight Connector 112"/>
              <p:cNvCxnSpPr/>
              <p:nvPr/>
            </p:nvCxnSpPr>
            <p:spPr>
              <a:xfrm flipV="1">
                <a:off x="4316736" y="902193"/>
                <a:ext cx="0" cy="180000"/>
              </a:xfrm>
              <a:prstGeom prst="line">
                <a:avLst/>
              </a:prstGeom>
              <a:noFill/>
              <a:ln w="12700">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cxnSp>
          <p:sp>
            <p:nvSpPr>
              <p:cNvPr id="100" name="Freeform 69"/>
              <p:cNvSpPr/>
              <p:nvPr/>
            </p:nvSpPr>
            <p:spPr bwMode="auto">
              <a:xfrm>
                <a:off x="4883978" y="2248348"/>
                <a:ext cx="1420009" cy="430306"/>
              </a:xfrm>
              <a:custGeom>
                <a:avLst/>
                <a:gdLst>
                  <a:gd name="connsiteX0" fmla="*/ 0 w 1420009"/>
                  <a:gd name="connsiteY0" fmla="*/ 10758 h 430306"/>
                  <a:gd name="connsiteX1" fmla="*/ 1420009 w 1420009"/>
                  <a:gd name="connsiteY1" fmla="*/ 0 h 430306"/>
                  <a:gd name="connsiteX2" fmla="*/ 1312433 w 1420009"/>
                  <a:gd name="connsiteY2" fmla="*/ 107577 h 430306"/>
                  <a:gd name="connsiteX3" fmla="*/ 1086522 w 1420009"/>
                  <a:gd name="connsiteY3" fmla="*/ 96819 h 430306"/>
                  <a:gd name="connsiteX4" fmla="*/ 860612 w 1420009"/>
                  <a:gd name="connsiteY4" fmla="*/ 430306 h 430306"/>
                  <a:gd name="connsiteX5" fmla="*/ 0 w 1420009"/>
                  <a:gd name="connsiteY5" fmla="*/ 430306 h 430306"/>
                  <a:gd name="connsiteX6" fmla="*/ 0 w 1420009"/>
                  <a:gd name="connsiteY6" fmla="*/ 10758 h 4303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420009" h="430306">
                    <a:moveTo>
                      <a:pt x="0" y="10758"/>
                    </a:moveTo>
                    <a:lnTo>
                      <a:pt x="1420009" y="0"/>
                    </a:lnTo>
                    <a:lnTo>
                      <a:pt x="1312433" y="107577"/>
                    </a:lnTo>
                    <a:lnTo>
                      <a:pt x="1086522" y="96819"/>
                    </a:lnTo>
                    <a:lnTo>
                      <a:pt x="860612" y="430306"/>
                    </a:lnTo>
                    <a:lnTo>
                      <a:pt x="0" y="430306"/>
                    </a:lnTo>
                    <a:lnTo>
                      <a:pt x="0" y="10758"/>
                    </a:lnTo>
                    <a:close/>
                  </a:path>
                </a:pathLst>
              </a:custGeom>
              <a:solidFill>
                <a:schemeClr val="bg1">
                  <a:lumMod val="50000"/>
                  <a:alpha val="70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en-US" altLang="en-US" sz="6000" dirty="0" smtClean="0">
                  <a:solidFill>
                    <a:srgbClr val="000000"/>
                  </a:solidFill>
                  <a:latin typeface="Arial" pitchFamily="34" charset="0"/>
                  <a:ea typeface="宋体" charset="-122"/>
                  <a:cs typeface="Arial" pitchFamily="34" charset="0"/>
                </a:endParaRPr>
              </a:p>
            </p:txBody>
          </p:sp>
          <p:sp>
            <p:nvSpPr>
              <p:cNvPr id="101" name="Freeform 72"/>
              <p:cNvSpPr/>
              <p:nvPr/>
            </p:nvSpPr>
            <p:spPr bwMode="auto">
              <a:xfrm>
                <a:off x="3905032" y="2259106"/>
                <a:ext cx="972000" cy="419548"/>
              </a:xfrm>
              <a:custGeom>
                <a:avLst/>
                <a:gdLst>
                  <a:gd name="connsiteX0" fmla="*/ 0 w 989703"/>
                  <a:gd name="connsiteY0" fmla="*/ 0 h 419548"/>
                  <a:gd name="connsiteX1" fmla="*/ 96819 w 989703"/>
                  <a:gd name="connsiteY1" fmla="*/ 419548 h 419548"/>
                  <a:gd name="connsiteX2" fmla="*/ 978946 w 989703"/>
                  <a:gd name="connsiteY2" fmla="*/ 419548 h 419548"/>
                  <a:gd name="connsiteX3" fmla="*/ 989703 w 989703"/>
                  <a:gd name="connsiteY3" fmla="*/ 0 h 419548"/>
                  <a:gd name="connsiteX4" fmla="*/ 0 w 989703"/>
                  <a:gd name="connsiteY4" fmla="*/ 0 h 41954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89703" h="419548">
                    <a:moveTo>
                      <a:pt x="0" y="0"/>
                    </a:moveTo>
                    <a:lnTo>
                      <a:pt x="96819" y="419548"/>
                    </a:lnTo>
                    <a:lnTo>
                      <a:pt x="978946" y="419548"/>
                    </a:lnTo>
                    <a:lnTo>
                      <a:pt x="989703" y="0"/>
                    </a:lnTo>
                    <a:lnTo>
                      <a:pt x="0" y="0"/>
                    </a:lnTo>
                    <a:close/>
                  </a:path>
                </a:pathLst>
              </a:custGeom>
              <a:solidFill>
                <a:schemeClr val="bg1">
                  <a:lumMod val="50000"/>
                  <a:alpha val="70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en-US" altLang="en-US" sz="6000" dirty="0" smtClean="0">
                  <a:solidFill>
                    <a:srgbClr val="000000"/>
                  </a:solidFill>
                  <a:latin typeface="Arial" pitchFamily="34" charset="0"/>
                  <a:ea typeface="宋体" charset="-122"/>
                  <a:cs typeface="Arial" pitchFamily="34" charset="0"/>
                </a:endParaRPr>
              </a:p>
            </p:txBody>
          </p:sp>
          <p:cxnSp>
            <p:nvCxnSpPr>
              <p:cNvPr id="102" name="Straight Connector 99"/>
              <p:cNvCxnSpPr/>
              <p:nvPr/>
            </p:nvCxnSpPr>
            <p:spPr>
              <a:xfrm flipV="1">
                <a:off x="3878586" y="2261093"/>
                <a:ext cx="2484000" cy="12700"/>
              </a:xfrm>
              <a:prstGeom prst="line">
                <a:avLst/>
              </a:prstGeom>
              <a:ln w="31750">
                <a:solidFill>
                  <a:schemeClr val="bg2">
                    <a:lumMod val="75000"/>
                  </a:schemeClr>
                </a:solidFill>
              </a:ln>
              <a:scene3d>
                <a:camera prst="orthographicFront">
                  <a:rot lat="0" lon="0" rev="0"/>
                </a:camera>
                <a:lightRig rig="threePt" dir="t"/>
              </a:scene3d>
            </p:spPr>
            <p:style>
              <a:lnRef idx="1">
                <a:schemeClr val="accent1"/>
              </a:lnRef>
              <a:fillRef idx="0">
                <a:schemeClr val="accent1"/>
              </a:fillRef>
              <a:effectRef idx="0">
                <a:schemeClr val="accent1"/>
              </a:effectRef>
              <a:fontRef idx="minor">
                <a:schemeClr val="tx1"/>
              </a:fontRef>
            </p:style>
          </p:cxnSp>
          <p:sp>
            <p:nvSpPr>
              <p:cNvPr id="103" name="Freeform 152"/>
              <p:cNvSpPr/>
              <p:nvPr/>
            </p:nvSpPr>
            <p:spPr bwMode="auto">
              <a:xfrm>
                <a:off x="6096000" y="781050"/>
                <a:ext cx="590550" cy="2524125"/>
              </a:xfrm>
              <a:custGeom>
                <a:avLst/>
                <a:gdLst>
                  <a:gd name="connsiteX0" fmla="*/ 0 w 590550"/>
                  <a:gd name="connsiteY0" fmla="*/ 0 h 2524125"/>
                  <a:gd name="connsiteX1" fmla="*/ 571500 w 590550"/>
                  <a:gd name="connsiteY1" fmla="*/ 2524125 h 2524125"/>
                  <a:gd name="connsiteX2" fmla="*/ 590550 w 590550"/>
                  <a:gd name="connsiteY2" fmla="*/ 0 h 2524125"/>
                  <a:gd name="connsiteX3" fmla="*/ 0 w 590550"/>
                  <a:gd name="connsiteY3" fmla="*/ 0 h 2524125"/>
                </a:gdLst>
                <a:ahLst/>
                <a:cxnLst>
                  <a:cxn ang="0">
                    <a:pos x="connsiteX0" y="connsiteY0"/>
                  </a:cxn>
                  <a:cxn ang="0">
                    <a:pos x="connsiteX1" y="connsiteY1"/>
                  </a:cxn>
                  <a:cxn ang="0">
                    <a:pos x="connsiteX2" y="connsiteY2"/>
                  </a:cxn>
                  <a:cxn ang="0">
                    <a:pos x="connsiteX3" y="connsiteY3"/>
                  </a:cxn>
                </a:cxnLst>
                <a:rect l="l" t="t" r="r" b="b"/>
                <a:pathLst>
                  <a:path w="590550" h="2524125">
                    <a:moveTo>
                      <a:pt x="0" y="0"/>
                    </a:moveTo>
                    <a:lnTo>
                      <a:pt x="571500" y="2524125"/>
                    </a:lnTo>
                    <a:lnTo>
                      <a:pt x="590550" y="0"/>
                    </a:lnTo>
                    <a:lnTo>
                      <a:pt x="0" y="0"/>
                    </a:lnTo>
                    <a:close/>
                  </a:path>
                </a:pathLst>
              </a:custGeom>
              <a:solidFill>
                <a:schemeClr val="bg1">
                  <a:lumMod val="9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en-US" sz="2000" smtClean="0">
                  <a:solidFill>
                    <a:srgbClr val="000000"/>
                  </a:solidFill>
                  <a:latin typeface="Arial" pitchFamily="34" charset="0"/>
                  <a:ea typeface="宋体" charset="-122"/>
                  <a:cs typeface="Arial" pitchFamily="34" charset="0"/>
                </a:endParaRPr>
              </a:p>
            </p:txBody>
          </p:sp>
          <p:sp>
            <p:nvSpPr>
              <p:cNvPr id="104" name="Freeform 153"/>
              <p:cNvSpPr/>
              <p:nvPr/>
            </p:nvSpPr>
            <p:spPr bwMode="auto">
              <a:xfrm>
                <a:off x="2171700" y="771525"/>
                <a:ext cx="647700" cy="2552700"/>
              </a:xfrm>
              <a:custGeom>
                <a:avLst/>
                <a:gdLst>
                  <a:gd name="connsiteX0" fmla="*/ 647700 w 647700"/>
                  <a:gd name="connsiteY0" fmla="*/ 0 h 2552700"/>
                  <a:gd name="connsiteX1" fmla="*/ 0 w 647700"/>
                  <a:gd name="connsiteY1" fmla="*/ 2552700 h 2552700"/>
                  <a:gd name="connsiteX2" fmla="*/ 9525 w 647700"/>
                  <a:gd name="connsiteY2" fmla="*/ 9525 h 2552700"/>
                  <a:gd name="connsiteX3" fmla="*/ 647700 w 647700"/>
                  <a:gd name="connsiteY3" fmla="*/ 0 h 2552700"/>
                </a:gdLst>
                <a:ahLst/>
                <a:cxnLst>
                  <a:cxn ang="0">
                    <a:pos x="connsiteX0" y="connsiteY0"/>
                  </a:cxn>
                  <a:cxn ang="0">
                    <a:pos x="connsiteX1" y="connsiteY1"/>
                  </a:cxn>
                  <a:cxn ang="0">
                    <a:pos x="connsiteX2" y="connsiteY2"/>
                  </a:cxn>
                  <a:cxn ang="0">
                    <a:pos x="connsiteX3" y="connsiteY3"/>
                  </a:cxn>
                </a:cxnLst>
                <a:rect l="l" t="t" r="r" b="b"/>
                <a:pathLst>
                  <a:path w="647700" h="2552700">
                    <a:moveTo>
                      <a:pt x="647700" y="0"/>
                    </a:moveTo>
                    <a:lnTo>
                      <a:pt x="0" y="2552700"/>
                    </a:lnTo>
                    <a:lnTo>
                      <a:pt x="9525" y="9525"/>
                    </a:lnTo>
                    <a:lnTo>
                      <a:pt x="647700" y="0"/>
                    </a:lnTo>
                    <a:close/>
                  </a:path>
                </a:pathLst>
              </a:custGeom>
              <a:solidFill>
                <a:schemeClr val="bg1">
                  <a:lumMod val="9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en-US" sz="2000" smtClean="0">
                  <a:solidFill>
                    <a:srgbClr val="000000"/>
                  </a:solidFill>
                  <a:latin typeface="Arial" pitchFamily="34" charset="0"/>
                  <a:ea typeface="宋体" charset="-122"/>
                  <a:cs typeface="Arial" pitchFamily="34" charset="0"/>
                </a:endParaRPr>
              </a:p>
            </p:txBody>
          </p:sp>
          <p:sp>
            <p:nvSpPr>
              <p:cNvPr id="105" name="Freeform 154"/>
              <p:cNvSpPr/>
              <p:nvPr/>
            </p:nvSpPr>
            <p:spPr bwMode="auto">
              <a:xfrm>
                <a:off x="6115050" y="3362325"/>
                <a:ext cx="561975" cy="657225"/>
              </a:xfrm>
              <a:custGeom>
                <a:avLst/>
                <a:gdLst>
                  <a:gd name="connsiteX0" fmla="*/ 533400 w 561975"/>
                  <a:gd name="connsiteY0" fmla="*/ 0 h 657225"/>
                  <a:gd name="connsiteX1" fmla="*/ 0 w 561975"/>
                  <a:gd name="connsiteY1" fmla="*/ 238125 h 657225"/>
                  <a:gd name="connsiteX2" fmla="*/ 114300 w 561975"/>
                  <a:gd name="connsiteY2" fmla="*/ 657225 h 657225"/>
                  <a:gd name="connsiteX3" fmla="*/ 561975 w 561975"/>
                  <a:gd name="connsiteY3" fmla="*/ 657225 h 657225"/>
                  <a:gd name="connsiteX4" fmla="*/ 533400 w 561975"/>
                  <a:gd name="connsiteY4" fmla="*/ 0 h 6572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61975" h="657225">
                    <a:moveTo>
                      <a:pt x="533400" y="0"/>
                    </a:moveTo>
                    <a:lnTo>
                      <a:pt x="0" y="238125"/>
                    </a:lnTo>
                    <a:lnTo>
                      <a:pt x="114300" y="657225"/>
                    </a:lnTo>
                    <a:lnTo>
                      <a:pt x="561975" y="657225"/>
                    </a:lnTo>
                    <a:lnTo>
                      <a:pt x="533400" y="0"/>
                    </a:lnTo>
                    <a:close/>
                  </a:path>
                </a:pathLst>
              </a:custGeom>
              <a:solidFill>
                <a:schemeClr val="bg1">
                  <a:lumMod val="9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en-US" sz="2000" smtClean="0">
                  <a:solidFill>
                    <a:srgbClr val="000000"/>
                  </a:solidFill>
                  <a:latin typeface="Arial" pitchFamily="34" charset="0"/>
                  <a:ea typeface="宋体" charset="-122"/>
                  <a:cs typeface="Arial" pitchFamily="34" charset="0"/>
                </a:endParaRPr>
              </a:p>
            </p:txBody>
          </p:sp>
          <p:sp>
            <p:nvSpPr>
              <p:cNvPr id="106" name="Freeform 155"/>
              <p:cNvSpPr/>
              <p:nvPr/>
            </p:nvSpPr>
            <p:spPr bwMode="auto">
              <a:xfrm>
                <a:off x="2190750" y="3314700"/>
                <a:ext cx="1438275" cy="723900"/>
              </a:xfrm>
              <a:custGeom>
                <a:avLst/>
                <a:gdLst>
                  <a:gd name="connsiteX0" fmla="*/ 9525 w 1438275"/>
                  <a:gd name="connsiteY0" fmla="*/ 0 h 723900"/>
                  <a:gd name="connsiteX1" fmla="*/ 514350 w 1438275"/>
                  <a:gd name="connsiteY1" fmla="*/ 266700 h 723900"/>
                  <a:gd name="connsiteX2" fmla="*/ 942975 w 1438275"/>
                  <a:gd name="connsiteY2" fmla="*/ 266700 h 723900"/>
                  <a:gd name="connsiteX3" fmla="*/ 1362075 w 1438275"/>
                  <a:gd name="connsiteY3" fmla="*/ 266700 h 723900"/>
                  <a:gd name="connsiteX4" fmla="*/ 1438275 w 1438275"/>
                  <a:gd name="connsiteY4" fmla="*/ 723900 h 723900"/>
                  <a:gd name="connsiteX5" fmla="*/ 0 w 1438275"/>
                  <a:gd name="connsiteY5" fmla="*/ 723900 h 723900"/>
                  <a:gd name="connsiteX6" fmla="*/ 9525 w 1438275"/>
                  <a:gd name="connsiteY6" fmla="*/ 0 h 7239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438275" h="723900">
                    <a:moveTo>
                      <a:pt x="9525" y="0"/>
                    </a:moveTo>
                    <a:lnTo>
                      <a:pt x="514350" y="266700"/>
                    </a:lnTo>
                    <a:lnTo>
                      <a:pt x="942975" y="266700"/>
                    </a:lnTo>
                    <a:lnTo>
                      <a:pt x="1362075" y="266700"/>
                    </a:lnTo>
                    <a:lnTo>
                      <a:pt x="1438275" y="723900"/>
                    </a:lnTo>
                    <a:lnTo>
                      <a:pt x="0" y="723900"/>
                    </a:lnTo>
                    <a:lnTo>
                      <a:pt x="9525" y="0"/>
                    </a:lnTo>
                    <a:close/>
                  </a:path>
                </a:pathLst>
              </a:custGeom>
              <a:solidFill>
                <a:schemeClr val="bg1">
                  <a:lumMod val="95000"/>
                </a:schemeClr>
              </a:solid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en-US" sz="2000" smtClean="0">
                  <a:solidFill>
                    <a:srgbClr val="000000"/>
                  </a:solidFill>
                  <a:latin typeface="Arial" pitchFamily="34" charset="0"/>
                  <a:ea typeface="宋体" charset="-122"/>
                  <a:cs typeface="Arial" pitchFamily="34" charset="0"/>
                </a:endParaRPr>
              </a:p>
            </p:txBody>
          </p:sp>
          <p:cxnSp>
            <p:nvCxnSpPr>
              <p:cNvPr id="107" name="Straight Connector 84"/>
              <p:cNvCxnSpPr/>
              <p:nvPr/>
            </p:nvCxnSpPr>
            <p:spPr>
              <a:xfrm flipH="1">
                <a:off x="2988870" y="3629025"/>
                <a:ext cx="4431105" cy="0"/>
              </a:xfrm>
              <a:prstGeom prst="line">
                <a:avLst/>
              </a:prstGeom>
              <a:noFill/>
              <a:ln w="12700">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cxnSp>
          <p:cxnSp>
            <p:nvCxnSpPr>
              <p:cNvPr id="108" name="Straight Connector 83"/>
              <p:cNvCxnSpPr/>
              <p:nvPr/>
            </p:nvCxnSpPr>
            <p:spPr>
              <a:xfrm flipH="1">
                <a:off x="2988679" y="2619680"/>
                <a:ext cx="0" cy="1008000"/>
              </a:xfrm>
              <a:prstGeom prst="line">
                <a:avLst/>
              </a:prstGeom>
              <a:noFill/>
              <a:ln w="12700">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cxnSp>
        </p:grpSp>
        <p:grpSp>
          <p:nvGrpSpPr>
            <p:cNvPr id="6" name="组合 112"/>
            <p:cNvGrpSpPr/>
            <p:nvPr/>
          </p:nvGrpSpPr>
          <p:grpSpPr>
            <a:xfrm>
              <a:off x="7" y="5367295"/>
              <a:ext cx="3882560" cy="4210985"/>
              <a:chOff x="275073" y="1383527"/>
              <a:chExt cx="1886741" cy="1932167"/>
            </a:xfrm>
          </p:grpSpPr>
          <p:sp>
            <p:nvSpPr>
              <p:cNvPr id="27" name="23505796-fead-428c-841a-45a986b62d43"/>
              <p:cNvSpPr txBox="1">
                <a:spLocks noChangeArrowheads="1"/>
              </p:cNvSpPr>
              <p:nvPr/>
            </p:nvSpPr>
            <p:spPr bwMode="auto">
              <a:xfrm>
                <a:off x="375700" y="2310023"/>
                <a:ext cx="1027278" cy="343024"/>
              </a:xfrm>
              <a:prstGeom prst="rect">
                <a:avLst/>
              </a:prstGeom>
              <a:noFill/>
              <a:ln w="9525" algn="ctr">
                <a:noFill/>
                <a:round/>
                <a:headEnd/>
                <a:tailEnd/>
              </a:ln>
              <a:effectLst>
                <a:outerShdw blurRad="63500" sx="101000" sy="101000" algn="ctr" rotWithShape="0">
                  <a:prstClr val="black">
                    <a:alpha val="20000"/>
                  </a:prstClr>
                </a:outerShdw>
              </a:effectLst>
              <a:extLst/>
            </p:spPr>
            <p:txBody>
              <a:bodyPr wrap="square" lIns="68562" tIns="34281" rIns="68562" bIns="34281" anchor="ctr"/>
              <a:lstStyle>
                <a:defPPr>
                  <a:defRPr lang="zh-CN"/>
                </a:defPPr>
                <a:lvl1pPr algn="ctr" defTabSz="685617" eaLnBrk="0" fontAlgn="auto" hangingPunct="0">
                  <a:spcBef>
                    <a:spcPts val="0"/>
                  </a:spcBef>
                  <a:spcAft>
                    <a:spcPts val="0"/>
                  </a:spcAft>
                  <a:buSzPct val="60000"/>
                  <a:defRPr sz="1400" b="1" kern="0">
                    <a:solidFill>
                      <a:schemeClr val="bg1"/>
                    </a:solidFill>
                    <a:latin typeface="微软雅黑" pitchFamily="34" charset="-122"/>
                    <a:ea typeface="微软雅黑" pitchFamily="34" charset="-122"/>
                    <a:cs typeface="Arial" pitchFamily="34" charset="0"/>
                  </a:defRPr>
                </a:lvl1pPr>
              </a:lstStyle>
              <a:p>
                <a:pPr algn="l"/>
                <a:r>
                  <a:rPr lang="en-US" altLang="zh-CN" sz="2400" b="0" dirty="0" smtClean="0">
                    <a:solidFill>
                      <a:srgbClr val="000000">
                        <a:lumMod val="75000"/>
                        <a:lumOff val="25000"/>
                      </a:srgbClr>
                    </a:solidFill>
                    <a:latin typeface="Arial" pitchFamily="34" charset="0"/>
                  </a:rPr>
                  <a:t>Audio and video interactive services, improving user experience</a:t>
                </a:r>
                <a:endParaRPr lang="en-US" altLang="zh-CN" sz="2400" b="0" dirty="0">
                  <a:solidFill>
                    <a:srgbClr val="000000">
                      <a:lumMod val="75000"/>
                      <a:lumOff val="25000"/>
                    </a:srgbClr>
                  </a:solidFill>
                  <a:latin typeface="Arial" pitchFamily="34" charset="0"/>
                </a:endParaRPr>
              </a:p>
            </p:txBody>
          </p:sp>
          <p:pic>
            <p:nvPicPr>
              <p:cNvPr id="29" name="fc74faec-bad8-457d-b7c4-3838763d5f0e" descr="C:\Users\s00203536\Desktop\图片1副本.png"/>
              <p:cNvPicPr>
                <a:picLocks noChangeAspect="1" noChangeArrowheads="1"/>
              </p:cNvPicPr>
              <p:nvPr/>
            </p:nvPicPr>
            <p:blipFill>
              <a:blip r:embed="rId14" cstate="email"/>
              <a:srcRect/>
              <a:stretch>
                <a:fillRect/>
              </a:stretch>
            </p:blipFill>
            <p:spPr bwMode="auto">
              <a:xfrm flipH="1">
                <a:off x="1272950" y="2063437"/>
                <a:ext cx="686533" cy="648376"/>
              </a:xfrm>
              <a:prstGeom prst="rect">
                <a:avLst/>
              </a:prstGeom>
              <a:noFill/>
              <a:ln w="9525">
                <a:noFill/>
                <a:miter lim="800000"/>
                <a:headEnd/>
                <a:tailEnd/>
              </a:ln>
              <a:effectLst/>
            </p:spPr>
          </p:pic>
          <p:sp>
            <p:nvSpPr>
              <p:cNvPr id="30" name="2d69f5e8-b34d-4f12-b9d2-9e4c2cae74c9"/>
              <p:cNvSpPr txBox="1">
                <a:spLocks noChangeArrowheads="1"/>
              </p:cNvSpPr>
              <p:nvPr/>
            </p:nvSpPr>
            <p:spPr bwMode="auto">
              <a:xfrm>
                <a:off x="975121" y="1928531"/>
                <a:ext cx="566784" cy="21765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pitchFamily="34" charset="0"/>
                  </a:defRPr>
                </a:lvl1pPr>
                <a:lvl2pPr marL="742950" indent="-285750">
                  <a:defRPr sz="2400">
                    <a:solidFill>
                      <a:schemeClr val="tx1"/>
                    </a:solidFill>
                    <a:latin typeface="Arial" pitchFamily="34" charset="0"/>
                  </a:defRPr>
                </a:lvl2pPr>
                <a:lvl3pPr marL="1143000" indent="-228600">
                  <a:defRPr sz="2400">
                    <a:solidFill>
                      <a:schemeClr val="tx1"/>
                    </a:solidFill>
                    <a:latin typeface="Arial" pitchFamily="34" charset="0"/>
                  </a:defRPr>
                </a:lvl3pPr>
                <a:lvl4pPr marL="1600200" indent="-228600">
                  <a:defRPr sz="2400">
                    <a:solidFill>
                      <a:schemeClr val="tx1"/>
                    </a:solidFill>
                    <a:latin typeface="Arial" pitchFamily="34" charset="0"/>
                  </a:defRPr>
                </a:lvl4pPr>
                <a:lvl5pPr marL="2057400" indent="-228600">
                  <a:defRPr sz="2400">
                    <a:solidFill>
                      <a:schemeClr val="tx1"/>
                    </a:solidFill>
                    <a:latin typeface="Arial" pitchFamily="34" charset="0"/>
                  </a:defRPr>
                </a:lvl5pPr>
                <a:lvl6pPr marL="2514600" indent="-228600" algn="ctr" eaLnBrk="0" fontAlgn="base" hangingPunct="0">
                  <a:lnSpc>
                    <a:spcPct val="90000"/>
                  </a:lnSpc>
                  <a:spcBef>
                    <a:spcPct val="0"/>
                  </a:spcBef>
                  <a:spcAft>
                    <a:spcPct val="0"/>
                  </a:spcAft>
                  <a:defRPr sz="2400">
                    <a:solidFill>
                      <a:schemeClr val="tx1"/>
                    </a:solidFill>
                    <a:latin typeface="Arial" pitchFamily="34" charset="0"/>
                  </a:defRPr>
                </a:lvl6pPr>
                <a:lvl7pPr marL="2971800" indent="-228600" algn="ctr" eaLnBrk="0" fontAlgn="base" hangingPunct="0">
                  <a:lnSpc>
                    <a:spcPct val="90000"/>
                  </a:lnSpc>
                  <a:spcBef>
                    <a:spcPct val="0"/>
                  </a:spcBef>
                  <a:spcAft>
                    <a:spcPct val="0"/>
                  </a:spcAft>
                  <a:defRPr sz="2400">
                    <a:solidFill>
                      <a:schemeClr val="tx1"/>
                    </a:solidFill>
                    <a:latin typeface="Arial" pitchFamily="34" charset="0"/>
                  </a:defRPr>
                </a:lvl7pPr>
                <a:lvl8pPr marL="3429000" indent="-228600" algn="ctr" eaLnBrk="0" fontAlgn="base" hangingPunct="0">
                  <a:lnSpc>
                    <a:spcPct val="90000"/>
                  </a:lnSpc>
                  <a:spcBef>
                    <a:spcPct val="0"/>
                  </a:spcBef>
                  <a:spcAft>
                    <a:spcPct val="0"/>
                  </a:spcAft>
                  <a:defRPr sz="2400">
                    <a:solidFill>
                      <a:schemeClr val="tx1"/>
                    </a:solidFill>
                    <a:latin typeface="Arial" pitchFamily="34" charset="0"/>
                  </a:defRPr>
                </a:lvl8pPr>
                <a:lvl9pPr marL="3886200" indent="-228600" algn="ctr" eaLnBrk="0" fontAlgn="base" hangingPunct="0">
                  <a:lnSpc>
                    <a:spcPct val="90000"/>
                  </a:lnSpc>
                  <a:spcBef>
                    <a:spcPct val="0"/>
                  </a:spcBef>
                  <a:spcAft>
                    <a:spcPct val="0"/>
                  </a:spcAft>
                  <a:defRPr sz="2400">
                    <a:solidFill>
                      <a:schemeClr val="tx1"/>
                    </a:solidFill>
                    <a:latin typeface="Arial" pitchFamily="34" charset="0"/>
                  </a:defRPr>
                </a:lvl9pPr>
              </a:lstStyle>
              <a:p>
                <a:r>
                  <a:rPr lang="en-US" altLang="zh-CN" b="1" dirty="0" smtClean="0">
                    <a:solidFill>
                      <a:srgbClr val="C00000"/>
                    </a:solidFill>
                    <a:ea typeface="微软雅黑" pitchFamily="34" charset="-122"/>
                    <a:cs typeface="Arial" pitchFamily="34" charset="0"/>
                  </a:rPr>
                  <a:t>VTM</a:t>
                </a:r>
                <a:endParaRPr lang="en-US" altLang="zh-CN" b="1" dirty="0">
                  <a:solidFill>
                    <a:srgbClr val="C00000"/>
                  </a:solidFill>
                  <a:ea typeface="微软雅黑" pitchFamily="34" charset="-122"/>
                  <a:cs typeface="Arial" pitchFamily="34" charset="0"/>
                </a:endParaRPr>
              </a:p>
            </p:txBody>
          </p:sp>
          <p:sp>
            <p:nvSpPr>
              <p:cNvPr id="41" name="c07965f3-8690-4c49-88c0-42ebc6836ff3"/>
              <p:cNvSpPr txBox="1"/>
              <p:nvPr/>
            </p:nvSpPr>
            <p:spPr>
              <a:xfrm>
                <a:off x="275073" y="2919617"/>
                <a:ext cx="1886741" cy="391785"/>
              </a:xfrm>
              <a:prstGeom prst="rect">
                <a:avLst/>
              </a:prstGeom>
              <a:noFill/>
            </p:spPr>
            <p:txBody>
              <a:bodyPr wrap="square" rtlCol="0">
                <a:spAutoFit/>
              </a:bodyPr>
              <a:lstStyle/>
              <a:p>
                <a:pPr marL="368226" indent="-575883">
                  <a:buSzPct val="70000"/>
                  <a:buFont typeface="Wingdings" pitchFamily="2" charset="2"/>
                  <a:buChar char="l"/>
                </a:pPr>
                <a:r>
                  <a:rPr lang="en-US" altLang="zh-CN" sz="2400" b="1" dirty="0" smtClean="0">
                    <a:solidFill>
                      <a:srgbClr val="595959"/>
                    </a:solidFill>
                    <a:latin typeface="Arial" pitchFamily="34" charset="0"/>
                    <a:ea typeface="微软雅黑" pitchFamily="34" charset="-122"/>
                    <a:cs typeface="Arial" pitchFamily="34" charset="0"/>
                  </a:rPr>
                  <a:t>90% counter services</a:t>
                </a:r>
              </a:p>
              <a:p>
                <a:pPr marL="368226" indent="-575883">
                  <a:buSzPct val="70000"/>
                  <a:buFont typeface="Wingdings" pitchFamily="2" charset="2"/>
                  <a:buChar char="l"/>
                </a:pPr>
                <a:r>
                  <a:rPr lang="en-US" altLang="zh-CN" sz="2400" b="1" dirty="0" smtClean="0">
                    <a:solidFill>
                      <a:srgbClr val="595959"/>
                    </a:solidFill>
                    <a:latin typeface="Arial" pitchFamily="34" charset="0"/>
                    <a:ea typeface="微软雅黑" pitchFamily="34" charset="-122"/>
                    <a:cs typeface="Arial" pitchFamily="34" charset="0"/>
                  </a:rPr>
                  <a:t>24 x 7</a:t>
                </a:r>
                <a:endParaRPr lang="zh-CN" altLang="en-US" sz="2400" b="1" dirty="0" smtClean="0">
                  <a:solidFill>
                    <a:srgbClr val="595959"/>
                  </a:solidFill>
                  <a:latin typeface="Arial" pitchFamily="34" charset="0"/>
                  <a:ea typeface="微软雅黑" pitchFamily="34" charset="-122"/>
                  <a:cs typeface="Arial" pitchFamily="34" charset="0"/>
                </a:endParaRPr>
              </a:p>
            </p:txBody>
          </p:sp>
          <p:cxnSp>
            <p:nvCxnSpPr>
              <p:cNvPr id="111" name="直接箭头连接符 110"/>
              <p:cNvCxnSpPr/>
              <p:nvPr/>
            </p:nvCxnSpPr>
            <p:spPr bwMode="auto">
              <a:xfrm flipH="1">
                <a:off x="1319917" y="1383527"/>
                <a:ext cx="103366" cy="1932167"/>
              </a:xfrm>
              <a:prstGeom prst="straightConnector1">
                <a:avLst/>
              </a:prstGeom>
              <a:noFill/>
              <a:ln>
                <a:noFill/>
                <a:tailEnd type="arrow"/>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cxnSp>
        </p:grpSp>
        <p:sp>
          <p:nvSpPr>
            <p:cNvPr id="118" name="2112551b-4775-4f79-ad87-f76728fc4795"/>
            <p:cNvSpPr/>
            <p:nvPr/>
          </p:nvSpPr>
          <p:spPr bwMode="auto">
            <a:xfrm>
              <a:off x="9718114" y="1031604"/>
              <a:ext cx="223309" cy="321927"/>
            </a:xfrm>
            <a:prstGeom prst="upArrow">
              <a:avLst/>
            </a:prstGeom>
            <a:solidFill>
              <a:srgbClr val="C00000"/>
            </a:solidFill>
            <a:ln>
              <a:noFill/>
            </a:ln>
            <a:effectLst/>
            <a:extLst/>
          </p:spPr>
          <p:txBody>
            <a:bodyPr vert="horz" wrap="square" lIns="182809" tIns="91404" rIns="182809" bIns="91404" numCol="1" rtlCol="0" anchor="t" anchorCtr="0" compatLnSpc="1">
              <a:prstTxWarp prst="textNoShape">
                <a:avLst/>
              </a:prstTxWarp>
            </a:bodyPr>
            <a:lstStyle/>
            <a:p>
              <a:pPr>
                <a:buClr>
                  <a:srgbClr val="CC9900"/>
                </a:buClr>
                <a:buFont typeface="Wingdings" pitchFamily="2" charset="2"/>
                <a:buChar char="n"/>
              </a:pPr>
              <a:endParaRPr lang="zh-CN" altLang="en-US" sz="2000" dirty="0" smtClean="0">
                <a:solidFill>
                  <a:srgbClr val="000000"/>
                </a:solidFill>
                <a:latin typeface="Arial" pitchFamily="34" charset="0"/>
                <a:ea typeface="宋体" charset="-122"/>
                <a:cs typeface="Arial" pitchFamily="34" charset="0"/>
              </a:endParaRPr>
            </a:p>
          </p:txBody>
        </p:sp>
        <p:sp>
          <p:nvSpPr>
            <p:cNvPr id="119" name="2112551b-4775-4f79-ad87-f76728fc4795"/>
            <p:cNvSpPr/>
            <p:nvPr/>
          </p:nvSpPr>
          <p:spPr bwMode="auto">
            <a:xfrm>
              <a:off x="10072552" y="1514221"/>
              <a:ext cx="223309" cy="321927"/>
            </a:xfrm>
            <a:prstGeom prst="upArrow">
              <a:avLst/>
            </a:prstGeom>
            <a:solidFill>
              <a:srgbClr val="C00000"/>
            </a:solidFill>
            <a:ln>
              <a:noFill/>
            </a:ln>
            <a:effectLst/>
            <a:extLst/>
          </p:spPr>
          <p:txBody>
            <a:bodyPr vert="horz" wrap="square" lIns="182809" tIns="91404" rIns="182809" bIns="91404" numCol="1" rtlCol="0" anchor="t" anchorCtr="0" compatLnSpc="1">
              <a:prstTxWarp prst="textNoShape">
                <a:avLst/>
              </a:prstTxWarp>
            </a:bodyPr>
            <a:lstStyle/>
            <a:p>
              <a:pPr>
                <a:buClr>
                  <a:srgbClr val="CC9900"/>
                </a:buClr>
                <a:buFont typeface="Wingdings" pitchFamily="2" charset="2"/>
                <a:buChar char="n"/>
              </a:pPr>
              <a:endParaRPr lang="zh-CN" altLang="en-US" sz="2000" dirty="0" smtClean="0">
                <a:solidFill>
                  <a:srgbClr val="000000"/>
                </a:solidFill>
                <a:latin typeface="Arial" pitchFamily="34" charset="0"/>
                <a:ea typeface="宋体" charset="-122"/>
                <a:cs typeface="Arial" pitchFamily="34" charset="0"/>
              </a:endParaRPr>
            </a:p>
          </p:txBody>
        </p:sp>
        <p:grpSp>
          <p:nvGrpSpPr>
            <p:cNvPr id="7" name="组合 120"/>
            <p:cNvGrpSpPr/>
            <p:nvPr/>
          </p:nvGrpSpPr>
          <p:grpSpPr>
            <a:xfrm>
              <a:off x="9897589" y="5291303"/>
              <a:ext cx="2622679" cy="1502732"/>
              <a:chOff x="4947932" y="2644828"/>
              <a:chExt cx="1311112" cy="751132"/>
            </a:xfrm>
          </p:grpSpPr>
          <p:grpSp>
            <p:nvGrpSpPr>
              <p:cNvPr id="9" name="组合 114"/>
              <p:cNvGrpSpPr/>
              <p:nvPr/>
            </p:nvGrpSpPr>
            <p:grpSpPr>
              <a:xfrm>
                <a:off x="4947932" y="2644828"/>
                <a:ext cx="1311112" cy="751132"/>
                <a:chOff x="3207059" y="2273382"/>
                <a:chExt cx="1311112" cy="751132"/>
              </a:xfrm>
            </p:grpSpPr>
            <p:sp>
              <p:nvSpPr>
                <p:cNvPr id="48" name="c78e7b3a-5f1c-4c29-b43b-462e36523dc5"/>
                <p:cNvSpPr txBox="1"/>
                <p:nvPr/>
              </p:nvSpPr>
              <p:spPr>
                <a:xfrm>
                  <a:off x="3301518" y="2660946"/>
                  <a:ext cx="1216653" cy="363568"/>
                </a:xfrm>
                <a:prstGeom prst="rect">
                  <a:avLst/>
                </a:prstGeom>
                <a:noFill/>
              </p:spPr>
              <p:txBody>
                <a:bodyPr wrap="square" rtlCol="0">
                  <a:spAutoFit/>
                </a:bodyPr>
                <a:lstStyle/>
                <a:p>
                  <a:r>
                    <a:rPr lang="en-US" altLang="zh-CN" sz="2000" dirty="0" smtClean="0">
                      <a:solidFill>
                        <a:srgbClr val="595959"/>
                      </a:solidFill>
                      <a:latin typeface="Arial" pitchFamily="34" charset="0"/>
                      <a:ea typeface="微软雅黑" pitchFamily="34" charset="-122"/>
                      <a:cs typeface="Arial" pitchFamily="34" charset="0"/>
                    </a:rPr>
                    <a:t>Desktop deployment efficiency</a:t>
                  </a:r>
                  <a:endParaRPr lang="zh-CN" altLang="en-US" sz="2000" dirty="0">
                    <a:solidFill>
                      <a:srgbClr val="595959"/>
                    </a:solidFill>
                    <a:latin typeface="Arial" pitchFamily="34" charset="0"/>
                    <a:ea typeface="微软雅黑" pitchFamily="34" charset="-122"/>
                    <a:cs typeface="Arial" pitchFamily="34" charset="0"/>
                  </a:endParaRPr>
                </a:p>
              </p:txBody>
            </p:sp>
            <p:sp>
              <p:nvSpPr>
                <p:cNvPr id="50" name="44729735-c91e-4f5a-a5db-81a40d220c22"/>
                <p:cNvSpPr txBox="1">
                  <a:spLocks noChangeArrowheads="1"/>
                </p:cNvSpPr>
                <p:nvPr/>
              </p:nvSpPr>
              <p:spPr bwMode="auto">
                <a:xfrm>
                  <a:off x="3207059" y="2273382"/>
                  <a:ext cx="1195693" cy="250772"/>
                </a:xfrm>
                <a:prstGeom prst="rect">
                  <a:avLst/>
                </a:prstGeom>
                <a:noFill/>
                <a:ln w="9525" algn="ctr">
                  <a:noFill/>
                  <a:round/>
                  <a:headEnd/>
                  <a:tailEnd/>
                </a:ln>
                <a:effectLst>
                  <a:outerShdw blurRad="63500" sx="101000" sy="101000" algn="ctr" rotWithShape="0">
                    <a:prstClr val="black">
                      <a:alpha val="20000"/>
                    </a:prstClr>
                  </a:outerShdw>
                </a:effectLst>
                <a:extLst>
                  <a:ext uri="{91240B29-F687-4F45-9708-019B960494DF}">
                    <a14:hiddenLine xmlns:a14="http://schemas.microsoft.com/office/drawing/2010/main" xmlns="" w="9525">
                      <a:solidFill>
                        <a:srgbClr val="000000"/>
                      </a:solidFill>
                      <a:miter lim="800000"/>
                      <a:headEnd/>
                      <a:tailEnd/>
                    </a14:hiddenLine>
                  </a:ext>
                </a:extLst>
              </p:spPr>
              <p:txBody>
                <a:bodyPr wrap="square" lIns="68562" tIns="34281" rIns="68562" bIns="34281" anchor="ctr"/>
                <a:lstStyle>
                  <a:defPPr>
                    <a:defRPr lang="zh-CN"/>
                  </a:defPPr>
                  <a:lvl1pPr defTabSz="685617" eaLnBrk="0" fontAlgn="auto" hangingPunct="0">
                    <a:spcBef>
                      <a:spcPts val="0"/>
                    </a:spcBef>
                    <a:spcAft>
                      <a:spcPts val="0"/>
                    </a:spcAft>
                    <a:buSzPct val="60000"/>
                    <a:defRPr sz="1000" b="0" kern="0">
                      <a:solidFill>
                        <a:schemeClr val="tx1">
                          <a:lumMod val="75000"/>
                          <a:lumOff val="25000"/>
                        </a:schemeClr>
                      </a:solidFill>
                      <a:latin typeface="微软雅黑" pitchFamily="34" charset="-122"/>
                      <a:ea typeface="微软雅黑" pitchFamily="34" charset="-122"/>
                      <a:cs typeface="Arial" pitchFamily="34" charset="0"/>
                    </a:defRPr>
                  </a:lvl1pPr>
                </a:lstStyle>
                <a:p>
                  <a:r>
                    <a:rPr lang="en-US" altLang="zh-CN" sz="2000" dirty="0" smtClean="0">
                      <a:solidFill>
                        <a:srgbClr val="000000">
                          <a:lumMod val="75000"/>
                          <a:lumOff val="25000"/>
                        </a:srgbClr>
                      </a:solidFill>
                      <a:latin typeface="Arial" pitchFamily="34" charset="0"/>
                    </a:rPr>
                    <a:t>Cloud-based VDI light counter solution</a:t>
                  </a:r>
                  <a:endParaRPr lang="en-GB" altLang="zh-CN" sz="2000" dirty="0">
                    <a:solidFill>
                      <a:srgbClr val="000000">
                        <a:lumMod val="75000"/>
                        <a:lumOff val="25000"/>
                      </a:srgbClr>
                    </a:solidFill>
                    <a:latin typeface="Arial" pitchFamily="34" charset="0"/>
                  </a:endParaRPr>
                </a:p>
              </p:txBody>
            </p:sp>
          </p:grpSp>
          <p:sp>
            <p:nvSpPr>
              <p:cNvPr id="120" name="2112551b-4775-4f79-ad87-f76728fc4795"/>
              <p:cNvSpPr/>
              <p:nvPr/>
            </p:nvSpPr>
            <p:spPr bwMode="auto">
              <a:xfrm>
                <a:off x="5567034" y="3208744"/>
                <a:ext cx="111635" cy="160913"/>
              </a:xfrm>
              <a:prstGeom prst="upArrow">
                <a:avLst/>
              </a:prstGeom>
              <a:solidFill>
                <a:srgbClr val="C00000"/>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2000" dirty="0" smtClean="0">
                  <a:solidFill>
                    <a:srgbClr val="000000"/>
                  </a:solidFill>
                  <a:latin typeface="Arial" pitchFamily="34" charset="0"/>
                  <a:ea typeface="宋体" charset="-122"/>
                  <a:cs typeface="Arial" pitchFamily="34" charset="0"/>
                </a:endParaRPr>
              </a:p>
            </p:txBody>
          </p:sp>
        </p:grpSp>
        <p:pic>
          <p:nvPicPr>
            <p:cNvPr id="122" name="d28dc29b-cd9c-48d3-b147-18b6455edd29" descr="C:\Users\z00124665\Desktop\HUAWEI TP3106 Product Only Photo 8.png"/>
            <p:cNvPicPr>
              <a:picLocks noChangeAspect="1" noChangeArrowheads="1"/>
            </p:cNvPicPr>
            <p:nvPr/>
          </p:nvPicPr>
          <p:blipFill>
            <a:blip r:embed="rId15" cstate="email">
              <a:duotone>
                <a:prstClr val="black"/>
                <a:schemeClr val="bg1">
                  <a:lumMod val="95000"/>
                  <a:tint val="45000"/>
                  <a:satMod val="400000"/>
                </a:schemeClr>
              </a:duotone>
            </a:blip>
            <a:srcRect/>
            <a:stretch>
              <a:fillRect/>
            </a:stretch>
          </p:blipFill>
          <p:spPr bwMode="auto">
            <a:xfrm>
              <a:off x="5680342" y="1313655"/>
              <a:ext cx="2284809" cy="1153860"/>
            </a:xfrm>
            <a:prstGeom prst="rect">
              <a:avLst/>
            </a:prstGeom>
            <a:noFill/>
          </p:spPr>
        </p:pic>
      </p:grpSp>
    </p:spTree>
    <p:extLst>
      <p:ext uri="{BB962C8B-B14F-4D97-AF65-F5344CB8AC3E}">
        <p14:creationId xmlns:p14="http://schemas.microsoft.com/office/powerpoint/2010/main" xmlns="" val="3207567570"/>
      </p:ext>
    </p:extLst>
  </p:cSld>
  <p:clrMapOvr>
    <a:masterClrMapping/>
  </p:clrMapOvr>
  <p:transition advClick="0" advTm="62730"/>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9" name="Rounded Rectangle 95"/>
          <p:cNvSpPr/>
          <p:nvPr/>
        </p:nvSpPr>
        <p:spPr bwMode="auto">
          <a:xfrm>
            <a:off x="1897196" y="1511666"/>
            <a:ext cx="12577909" cy="1040333"/>
          </a:xfrm>
          <a:prstGeom prst="roundRect">
            <a:avLst>
              <a:gd name="adj" fmla="val 14085"/>
            </a:avLst>
          </a:prstGeom>
          <a:solidFill>
            <a:schemeClr val="bg1">
              <a:lumMod val="85000"/>
            </a:schemeClr>
          </a:solidFill>
          <a:ln w="12700" cap="flat" cmpd="sng" algn="ctr">
            <a:solidFill>
              <a:schemeClr val="bg1">
                <a:lumMod val="85000"/>
              </a:schemeClr>
            </a:solidFill>
            <a:prstDash val="solid"/>
            <a:headEnd type="none" w="med" len="med"/>
            <a:tailEnd type="none" w="med" len="med"/>
          </a:ln>
          <a:effectLst>
            <a:outerShdw blurRad="50800" dist="38100" dir="5400000" algn="t" rotWithShape="0">
              <a:srgbClr val="FFFFFF">
                <a:lumMod val="50000"/>
                <a:lumOff val="50000"/>
                <a:alpha val="40000"/>
              </a:srgbClr>
            </a:outerShdw>
          </a:effectLst>
          <a:scene3d>
            <a:camera prst="orthographicFront"/>
            <a:lightRig rig="threePt" dir="t"/>
          </a:scene3d>
          <a:sp3d>
            <a:bevelT w="31750" h="12700"/>
          </a:sp3d>
        </p:spPr>
        <p:txBody>
          <a:bodyPr lIns="182881" tIns="91442" rIns="182881" bIns="91442" anchor="ctr"/>
          <a:lstStyle/>
          <a:p>
            <a:pPr algn="ctr" defTabSz="1829166">
              <a:spcAft>
                <a:spcPct val="40000"/>
              </a:spcAft>
              <a:defRPr/>
            </a:pPr>
            <a:endParaRPr lang="en-US" altLang="zh-CN" b="1" kern="0" dirty="0" smtClean="0">
              <a:solidFill>
                <a:srgbClr val="FFFFFF"/>
              </a:solidFill>
              <a:latin typeface="微软雅黑" pitchFamily="34" charset="-122"/>
              <a:ea typeface="微软雅黑" pitchFamily="34" charset="-122"/>
            </a:endParaRPr>
          </a:p>
        </p:txBody>
      </p:sp>
      <p:sp>
        <p:nvSpPr>
          <p:cNvPr id="82" name="Rounded Rectangle 9"/>
          <p:cNvSpPr/>
          <p:nvPr/>
        </p:nvSpPr>
        <p:spPr bwMode="auto">
          <a:xfrm>
            <a:off x="14907228" y="2840121"/>
            <a:ext cx="2448697" cy="6626783"/>
          </a:xfrm>
          <a:prstGeom prst="roundRect">
            <a:avLst/>
          </a:prstGeom>
          <a:solidFill>
            <a:srgbClr val="B3E0FF"/>
          </a:solidFill>
          <a:ln w="12700" cap="flat" cmpd="sng" algn="ctr">
            <a:noFill/>
            <a:prstDash val="solid"/>
            <a:headEnd type="none" w="med" len="med"/>
            <a:tailEnd type="none" w="med" len="med"/>
          </a:ln>
          <a:effectLst>
            <a:outerShdw blurRad="50800" dist="38100" dir="5400000" algn="t" rotWithShape="0">
              <a:prstClr val="black">
                <a:alpha val="40000"/>
              </a:prstClr>
            </a:outerShdw>
          </a:effectLst>
          <a:scene3d>
            <a:camera prst="orthographicFront"/>
            <a:lightRig rig="threePt" dir="t"/>
          </a:scene3d>
          <a:sp3d>
            <a:bevelT w="31750" h="12700"/>
          </a:sp3d>
        </p:spPr>
        <p:txBody>
          <a:bodyPr vert="eaVert" lIns="182917" tIns="91458" rIns="182917" bIns="91458" anchor="ctr"/>
          <a:lstStyle/>
          <a:p>
            <a:pPr algn="ctr" defTabSz="1829166">
              <a:defRPr/>
            </a:pPr>
            <a:endParaRPr lang="zh-CN" altLang="en-US" b="1" kern="0" spc="200" dirty="0">
              <a:solidFill>
                <a:srgbClr val="FFFFFF"/>
              </a:solidFill>
              <a:latin typeface="微软雅黑" pitchFamily="34" charset="-122"/>
              <a:ea typeface="微软雅黑" pitchFamily="34" charset="-122"/>
            </a:endParaRPr>
          </a:p>
        </p:txBody>
      </p:sp>
      <p:sp>
        <p:nvSpPr>
          <p:cNvPr id="73" name="Rounded Rectangle 97"/>
          <p:cNvSpPr/>
          <p:nvPr/>
        </p:nvSpPr>
        <p:spPr bwMode="auto">
          <a:xfrm>
            <a:off x="1799496" y="2696060"/>
            <a:ext cx="12819649" cy="5042116"/>
          </a:xfrm>
          <a:prstGeom prst="roundRect">
            <a:avLst>
              <a:gd name="adj" fmla="val 11067"/>
            </a:avLst>
          </a:prstGeom>
          <a:solidFill>
            <a:srgbClr val="B3E0FF"/>
          </a:solidFill>
          <a:ln w="12700" cap="flat" cmpd="sng" algn="ctr">
            <a:solidFill>
              <a:srgbClr val="BBE0E3">
                <a:lumMod val="75000"/>
              </a:srgbClr>
            </a:solidFill>
            <a:prstDash val="solid"/>
            <a:headEnd type="none" w="med" len="med"/>
            <a:tailEnd type="none" w="med" len="med"/>
          </a:ln>
          <a:effectLst>
            <a:outerShdw blurRad="50800" dist="38100" dir="5400000" algn="t" rotWithShape="0">
              <a:srgbClr val="FFFFFF">
                <a:lumMod val="50000"/>
                <a:lumOff val="50000"/>
                <a:alpha val="40000"/>
              </a:srgbClr>
            </a:outerShdw>
          </a:effectLst>
          <a:scene3d>
            <a:camera prst="orthographicFront"/>
            <a:lightRig rig="threePt" dir="t"/>
          </a:scene3d>
          <a:sp3d>
            <a:bevelT w="38100" h="12700"/>
          </a:sp3d>
        </p:spPr>
        <p:txBody>
          <a:bodyPr wrap="square" lIns="182881" tIns="91442" rIns="182881" bIns="91442" anchor="ctr">
            <a:noAutofit/>
          </a:bodyPr>
          <a:lstStyle/>
          <a:p>
            <a:pPr algn="ctr" defTabSz="1829166">
              <a:spcAft>
                <a:spcPct val="40000"/>
              </a:spcAft>
              <a:defRPr/>
            </a:pPr>
            <a:endParaRPr lang="en-US" b="1" kern="0" dirty="0">
              <a:solidFill>
                <a:srgbClr val="FFFFFF"/>
              </a:solidFill>
              <a:latin typeface="微软雅黑" pitchFamily="34" charset="-122"/>
              <a:ea typeface="微软雅黑" pitchFamily="34" charset="-122"/>
            </a:endParaRPr>
          </a:p>
        </p:txBody>
      </p:sp>
      <p:sp>
        <p:nvSpPr>
          <p:cNvPr id="67" name="矩形 66"/>
          <p:cNvSpPr/>
          <p:nvPr/>
        </p:nvSpPr>
        <p:spPr bwMode="auto">
          <a:xfrm>
            <a:off x="1943537" y="7738176"/>
            <a:ext cx="12675608" cy="1872786"/>
          </a:xfrm>
          <a:prstGeom prst="rect">
            <a:avLst/>
          </a:prstGeom>
          <a:ln>
            <a:headEnd type="none" w="med" len="med"/>
            <a:tailEnd type="none" w="med" len="med"/>
          </a:ln>
        </p:spPr>
        <p:style>
          <a:lnRef idx="1">
            <a:schemeClr val="accent3"/>
          </a:lnRef>
          <a:fillRef idx="3">
            <a:schemeClr val="accent3"/>
          </a:fillRef>
          <a:effectRef idx="2">
            <a:schemeClr val="accent3"/>
          </a:effectRef>
          <a:fontRef idx="minor">
            <a:schemeClr val="lt1"/>
          </a:fontRef>
        </p:style>
        <p:txBody>
          <a:bodyPr vert="horz" wrap="square" lIns="158432" tIns="79216" rIns="158432" bIns="79216" numCol="1" rtlCol="0" anchor="ctr" anchorCtr="0" compatLnSpc="1">
            <a:prstTxWarp prst="textNoShape">
              <a:avLst/>
            </a:prstTxWarp>
            <a:noAutofit/>
          </a:bodyPr>
          <a:lstStyle/>
          <a:p>
            <a:pPr algn="ctr" defTabSz="1603697"/>
            <a:endParaRPr lang="zh-CN" altLang="en-US" sz="2800" dirty="0" smtClean="0">
              <a:solidFill>
                <a:srgbClr val="000000"/>
              </a:solidFill>
              <a:latin typeface="微软雅黑" pitchFamily="34" charset="-122"/>
              <a:ea typeface="微软雅黑" pitchFamily="34" charset="-122"/>
              <a:cs typeface="Arial Unicode MS" pitchFamily="34" charset="-122"/>
            </a:endParaRPr>
          </a:p>
        </p:txBody>
      </p:sp>
      <p:sp>
        <p:nvSpPr>
          <p:cNvPr id="48" name="圆角矩形 47"/>
          <p:cNvSpPr/>
          <p:nvPr/>
        </p:nvSpPr>
        <p:spPr bwMode="auto">
          <a:xfrm>
            <a:off x="2015406" y="5732125"/>
            <a:ext cx="10443125" cy="1728725"/>
          </a:xfrm>
          <a:prstGeom prst="roundRect">
            <a:avLst/>
          </a:prstGeom>
          <a:solidFill>
            <a:srgbClr val="4FB8FF"/>
          </a:solidFill>
          <a:ln>
            <a:solidFill>
              <a:schemeClr val="tx1"/>
            </a:solidFill>
            <a:prstDash val="solid"/>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917" tIns="91458" rIns="182917" bIns="91458" numCol="1" rtlCol="0" anchor="t" anchorCtr="0" compatLnSpc="1">
            <a:prstTxWarp prst="textNoShape">
              <a:avLst/>
            </a:prstTxWarp>
          </a:bodyPr>
          <a:lstStyle/>
          <a:p>
            <a:pPr defTabSz="1829166">
              <a:buClr>
                <a:srgbClr val="CC9900"/>
              </a:buClr>
              <a:buFont typeface="Wingdings" pitchFamily="2" charset="2"/>
              <a:buChar char="n"/>
            </a:pPr>
            <a:endParaRPr lang="zh-CN" altLang="en-US" sz="2200" dirty="0" smtClean="0">
              <a:latin typeface="微软雅黑" pitchFamily="34" charset="-122"/>
              <a:ea typeface="微软雅黑" pitchFamily="34" charset="-122"/>
            </a:endParaRPr>
          </a:p>
        </p:txBody>
      </p:sp>
      <p:sp>
        <p:nvSpPr>
          <p:cNvPr id="2" name="标题 1"/>
          <p:cNvSpPr>
            <a:spLocks noGrp="1"/>
          </p:cNvSpPr>
          <p:nvPr>
            <p:ph type="title"/>
          </p:nvPr>
        </p:nvSpPr>
        <p:spPr>
          <a:xfrm>
            <a:off x="557561" y="401316"/>
            <a:ext cx="15268050" cy="1119021"/>
          </a:xfrm>
        </p:spPr>
        <p:txBody>
          <a:bodyPr/>
          <a:lstStyle/>
          <a:p>
            <a:r>
              <a:rPr lang="en-US" altLang="zh-CN" sz="4000" dirty="0" smtClean="0"/>
              <a:t>Cloud Platform</a:t>
            </a:r>
            <a:r>
              <a:rPr lang="zh-CN" altLang="en-US" sz="4000" dirty="0" smtClean="0"/>
              <a:t> </a:t>
            </a:r>
            <a:r>
              <a:rPr lang="en-US" altLang="zh-CN" sz="4000" dirty="0" smtClean="0"/>
              <a:t>for ICBC</a:t>
            </a:r>
            <a:endParaRPr lang="zh-CN" altLang="en-US" sz="4000" dirty="0"/>
          </a:p>
        </p:txBody>
      </p:sp>
      <p:sp>
        <p:nvSpPr>
          <p:cNvPr id="57" name="圆角矩形 56"/>
          <p:cNvSpPr/>
          <p:nvPr/>
        </p:nvSpPr>
        <p:spPr bwMode="auto">
          <a:xfrm>
            <a:off x="10497653" y="6153511"/>
            <a:ext cx="1242110" cy="1008423"/>
          </a:xfrm>
          <a:prstGeom prst="roundRect">
            <a:avLst/>
          </a:prstGeom>
          <a:solidFill>
            <a:schemeClr val="bg1">
              <a:lumMod val="85000"/>
            </a:schemeClr>
          </a:solidFill>
          <a:ln>
            <a:noFill/>
          </a:ln>
          <a:effectLst>
            <a:outerShdw blurRad="50800" dist="38100" dir="5400000" algn="t" rotWithShape="0">
              <a:prstClr val="black">
                <a:alpha val="40000"/>
              </a:prst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0" tIns="72014" rIns="0" bIns="91458" numCol="1" rtlCol="0" anchor="t" anchorCtr="0" compatLnSpc="1">
            <a:prstTxWarp prst="textNoShape">
              <a:avLst/>
            </a:prstTxWarp>
          </a:bodyPr>
          <a:lstStyle/>
          <a:p>
            <a:pPr algn="ctr" defTabSz="1829166">
              <a:buClr>
                <a:srgbClr val="CC9900"/>
              </a:buClr>
            </a:pPr>
            <a:r>
              <a:rPr lang="en-US" altLang="zh-CN" sz="2100" dirty="0" smtClean="0">
                <a:latin typeface="微软雅黑" pitchFamily="34" charset="-122"/>
                <a:ea typeface="微软雅黑" pitchFamily="34" charset="-122"/>
              </a:rPr>
              <a:t>Network</a:t>
            </a:r>
          </a:p>
          <a:p>
            <a:pPr algn="ctr" defTabSz="1829166">
              <a:buClr>
                <a:srgbClr val="CC9900"/>
              </a:buClr>
            </a:pPr>
            <a:r>
              <a:rPr lang="en-US" altLang="zh-CN" sz="2100" dirty="0" smtClean="0">
                <a:latin typeface="微软雅黑" pitchFamily="34" charset="-122"/>
                <a:ea typeface="微软雅黑" pitchFamily="34" charset="-122"/>
              </a:rPr>
              <a:t>Virtualization</a:t>
            </a:r>
            <a:endParaRPr lang="zh-CN" altLang="en-US" sz="2100" dirty="0" smtClean="0">
              <a:latin typeface="微软雅黑" pitchFamily="34" charset="-122"/>
              <a:ea typeface="微软雅黑" pitchFamily="34" charset="-122"/>
            </a:endParaRPr>
          </a:p>
        </p:txBody>
      </p:sp>
      <p:sp>
        <p:nvSpPr>
          <p:cNvPr id="79" name="圆角矩形 78"/>
          <p:cNvSpPr/>
          <p:nvPr/>
        </p:nvSpPr>
        <p:spPr bwMode="auto">
          <a:xfrm>
            <a:off x="0" y="8026297"/>
            <a:ext cx="1971646" cy="1008423"/>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400" b="1" dirty="0" smtClean="0">
                <a:latin typeface="微软雅黑" pitchFamily="34" charset="-122"/>
                <a:ea typeface="微软雅黑" pitchFamily="34" charset="-122"/>
              </a:rPr>
              <a:t>Physical Resources</a:t>
            </a:r>
          </a:p>
        </p:txBody>
      </p:sp>
      <p:sp>
        <p:nvSpPr>
          <p:cNvPr id="80" name="圆角矩形 79"/>
          <p:cNvSpPr/>
          <p:nvPr/>
        </p:nvSpPr>
        <p:spPr bwMode="auto">
          <a:xfrm>
            <a:off x="0" y="5998657"/>
            <a:ext cx="1900382" cy="1008423"/>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400" b="1" dirty="0" smtClean="0">
                <a:latin typeface="微软雅黑" pitchFamily="34" charset="-122"/>
                <a:ea typeface="微软雅黑" pitchFamily="34" charset="-122"/>
              </a:rPr>
              <a:t>Virtual </a:t>
            </a:r>
            <a:r>
              <a:rPr lang="en-US" altLang="zh-CN" sz="2400" b="1" dirty="0" err="1" smtClean="0">
                <a:latin typeface="微软雅黑" pitchFamily="34" charset="-122"/>
                <a:ea typeface="微软雅黑" pitchFamily="34" charset="-122"/>
              </a:rPr>
              <a:t>resouces</a:t>
            </a:r>
            <a:endParaRPr lang="en-US" altLang="zh-CN" sz="2400" b="1" dirty="0" smtClean="0">
              <a:latin typeface="微软雅黑" pitchFamily="34" charset="-122"/>
              <a:ea typeface="微软雅黑" pitchFamily="34" charset="-122"/>
            </a:endParaRPr>
          </a:p>
        </p:txBody>
      </p:sp>
      <p:sp>
        <p:nvSpPr>
          <p:cNvPr id="81" name="圆角矩形 80"/>
          <p:cNvSpPr/>
          <p:nvPr/>
        </p:nvSpPr>
        <p:spPr bwMode="auto">
          <a:xfrm>
            <a:off x="1" y="3704483"/>
            <a:ext cx="1682506" cy="1008423"/>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400" b="1" dirty="0" smtClean="0">
                <a:latin typeface="微软雅黑" pitchFamily="34" charset="-122"/>
                <a:ea typeface="微软雅黑" pitchFamily="34" charset="-122"/>
              </a:rPr>
              <a:t>Infra. Service</a:t>
            </a:r>
          </a:p>
        </p:txBody>
      </p:sp>
      <p:sp>
        <p:nvSpPr>
          <p:cNvPr id="91" name="圆角矩形 90"/>
          <p:cNvSpPr/>
          <p:nvPr/>
        </p:nvSpPr>
        <p:spPr bwMode="auto">
          <a:xfrm>
            <a:off x="7708816" y="5876185"/>
            <a:ext cx="2160615" cy="3730611"/>
          </a:xfrm>
          <a:prstGeom prst="roundRect">
            <a:avLst/>
          </a:prstGeom>
          <a:noFill/>
          <a:ln>
            <a:solidFill>
              <a:schemeClr val="tx1"/>
            </a:solidFill>
            <a:prstDash val="dash"/>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917" tIns="91458" rIns="182917" bIns="91458" numCol="1" rtlCol="0" anchor="t" anchorCtr="0" compatLnSpc="1">
            <a:prstTxWarp prst="textNoShape">
              <a:avLst/>
            </a:prstTxWarp>
          </a:bodyPr>
          <a:lstStyle/>
          <a:p>
            <a:pPr defTabSz="1829166">
              <a:buClr>
                <a:srgbClr val="CC9900"/>
              </a:buClr>
              <a:buFont typeface="Wingdings" pitchFamily="2" charset="2"/>
              <a:buChar char="n"/>
            </a:pPr>
            <a:endParaRPr lang="zh-CN" altLang="en-US" sz="3600" dirty="0" smtClean="0">
              <a:latin typeface="微软雅黑" pitchFamily="34" charset="-122"/>
              <a:ea typeface="微软雅黑" pitchFamily="34" charset="-122"/>
            </a:endParaRPr>
          </a:p>
        </p:txBody>
      </p:sp>
      <p:sp>
        <p:nvSpPr>
          <p:cNvPr id="92" name="圆角矩形 91"/>
          <p:cNvSpPr/>
          <p:nvPr/>
        </p:nvSpPr>
        <p:spPr bwMode="auto">
          <a:xfrm>
            <a:off x="10153875" y="5876185"/>
            <a:ext cx="1928229" cy="3730611"/>
          </a:xfrm>
          <a:prstGeom prst="roundRect">
            <a:avLst/>
          </a:prstGeom>
          <a:noFill/>
          <a:ln>
            <a:solidFill>
              <a:schemeClr val="tx1"/>
            </a:solidFill>
            <a:prstDash val="dash"/>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917" tIns="91458" rIns="182917" bIns="91458" numCol="1" rtlCol="0" anchor="t" anchorCtr="0" compatLnSpc="1">
            <a:prstTxWarp prst="textNoShape">
              <a:avLst/>
            </a:prstTxWarp>
          </a:bodyPr>
          <a:lstStyle/>
          <a:p>
            <a:pPr defTabSz="1829166">
              <a:buClr>
                <a:srgbClr val="CC9900"/>
              </a:buClr>
              <a:buFont typeface="Wingdings" pitchFamily="2" charset="2"/>
              <a:buChar char="n"/>
            </a:pPr>
            <a:endParaRPr lang="zh-CN" altLang="en-US" sz="3600" dirty="0" smtClean="0">
              <a:latin typeface="微软雅黑" pitchFamily="34" charset="-122"/>
              <a:ea typeface="微软雅黑" pitchFamily="34" charset="-122"/>
            </a:endParaRPr>
          </a:p>
        </p:txBody>
      </p:sp>
      <p:sp>
        <p:nvSpPr>
          <p:cNvPr id="100" name="圆角矩形 99"/>
          <p:cNvSpPr/>
          <p:nvPr/>
        </p:nvSpPr>
        <p:spPr bwMode="auto">
          <a:xfrm>
            <a:off x="10230631" y="9005494"/>
            <a:ext cx="1845746" cy="457455"/>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000" dirty="0" smtClean="0">
                <a:latin typeface="微软雅黑" pitchFamily="34" charset="-122"/>
                <a:ea typeface="微软雅黑" pitchFamily="34" charset="-122"/>
              </a:rPr>
              <a:t>Network</a:t>
            </a:r>
            <a:endParaRPr lang="zh-CN" altLang="en-US" sz="2000" dirty="0" smtClean="0">
              <a:latin typeface="微软雅黑" pitchFamily="34" charset="-122"/>
              <a:ea typeface="微软雅黑" pitchFamily="34" charset="-122"/>
            </a:endParaRPr>
          </a:p>
        </p:txBody>
      </p:sp>
      <p:sp>
        <p:nvSpPr>
          <p:cNvPr id="64" name="圆角矩形 63"/>
          <p:cNvSpPr/>
          <p:nvPr/>
        </p:nvSpPr>
        <p:spPr bwMode="auto">
          <a:xfrm>
            <a:off x="7925433" y="9005494"/>
            <a:ext cx="1845746" cy="457455"/>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000" dirty="0" smtClean="0">
                <a:latin typeface="微软雅黑" pitchFamily="34" charset="-122"/>
                <a:ea typeface="微软雅黑" pitchFamily="34" charset="-122"/>
              </a:rPr>
              <a:t>Storage</a:t>
            </a:r>
            <a:endParaRPr lang="zh-CN" altLang="en-US" sz="2000" dirty="0" smtClean="0">
              <a:latin typeface="微软雅黑" pitchFamily="34" charset="-122"/>
              <a:ea typeface="微软雅黑" pitchFamily="34" charset="-122"/>
            </a:endParaRPr>
          </a:p>
        </p:txBody>
      </p:sp>
      <p:sp>
        <p:nvSpPr>
          <p:cNvPr id="74" name="矩形 73"/>
          <p:cNvSpPr/>
          <p:nvPr/>
        </p:nvSpPr>
        <p:spPr bwMode="auto">
          <a:xfrm>
            <a:off x="2111333" y="3272302"/>
            <a:ext cx="1416656" cy="1008423"/>
          </a:xfrm>
          <a:prstGeom prst="rect">
            <a:avLst/>
          </a:prstGeom>
          <a:solidFill>
            <a:srgbClr val="3333FF"/>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3">
            <a:schemeClr val="lt1"/>
          </a:lnRef>
          <a:fillRef idx="1">
            <a:schemeClr val="accent1"/>
          </a:fillRef>
          <a:effectRef idx="1">
            <a:schemeClr val="accent1"/>
          </a:effectRef>
          <a:fontRef idx="minor">
            <a:schemeClr val="lt1"/>
          </a:fontRef>
        </p:style>
        <p:txBody>
          <a:bodyPr vert="horz" wrap="square" lIns="72014" tIns="36007" rIns="72014" bIns="36007" numCol="1" rtlCol="0" anchor="ctr" anchorCtr="0" compatLnSpc="1">
            <a:prstTxWarp prst="textNoShape">
              <a:avLst/>
            </a:prstTxWarp>
          </a:bodyPr>
          <a:lstStyle/>
          <a:p>
            <a:pPr algn="ctr" defTabSz="1829166">
              <a:buClr>
                <a:srgbClr val="CC9900"/>
              </a:buClr>
            </a:pPr>
            <a:r>
              <a:rPr lang="en-US" altLang="zh-CN" sz="2200" b="1" dirty="0" smtClean="0">
                <a:solidFill>
                  <a:schemeClr val="bg1"/>
                </a:solidFill>
                <a:latin typeface="微软雅黑" pitchFamily="34" charset="-122"/>
                <a:ea typeface="微软雅黑" pitchFamily="34" charset="-122"/>
              </a:rPr>
              <a:t>Unix Server</a:t>
            </a:r>
            <a:endParaRPr lang="zh-CN" altLang="en-US" sz="2200" b="1" dirty="0" smtClean="0">
              <a:solidFill>
                <a:schemeClr val="bg1"/>
              </a:solidFill>
              <a:latin typeface="微软雅黑" pitchFamily="34" charset="-122"/>
              <a:ea typeface="微软雅黑" pitchFamily="34" charset="-122"/>
            </a:endParaRPr>
          </a:p>
        </p:txBody>
      </p:sp>
      <p:sp>
        <p:nvSpPr>
          <p:cNvPr id="75" name="矩形 74"/>
          <p:cNvSpPr/>
          <p:nvPr/>
        </p:nvSpPr>
        <p:spPr bwMode="auto">
          <a:xfrm>
            <a:off x="3836648" y="3319818"/>
            <a:ext cx="1440410" cy="1008423"/>
          </a:xfrm>
          <a:prstGeom prst="rect">
            <a:avLst/>
          </a:prstGeom>
          <a:solidFill>
            <a:srgbClr val="3333FF"/>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3">
            <a:schemeClr val="lt1"/>
          </a:lnRef>
          <a:fillRef idx="1">
            <a:schemeClr val="accent1"/>
          </a:fillRef>
          <a:effectRef idx="1">
            <a:schemeClr val="accent1"/>
          </a:effectRef>
          <a:fontRef idx="minor">
            <a:schemeClr val="lt1"/>
          </a:fontRef>
        </p:style>
        <p:txBody>
          <a:bodyPr vert="horz" wrap="square" lIns="72014" tIns="36007" rIns="72014" bIns="36007" numCol="1" rtlCol="0" anchor="ctr" anchorCtr="0" compatLnSpc="1">
            <a:prstTxWarp prst="textNoShape">
              <a:avLst/>
            </a:prstTxWarp>
          </a:bodyPr>
          <a:lstStyle/>
          <a:p>
            <a:pPr algn="ctr" defTabSz="1829166">
              <a:buClr>
                <a:srgbClr val="CC9900"/>
              </a:buClr>
            </a:pPr>
            <a:r>
              <a:rPr lang="en-US" altLang="zh-CN" sz="2200" b="1" dirty="0" smtClean="0">
                <a:solidFill>
                  <a:schemeClr val="bg1"/>
                </a:solidFill>
                <a:latin typeface="微软雅黑" pitchFamily="34" charset="-122"/>
                <a:ea typeface="微软雅黑" pitchFamily="34" charset="-122"/>
              </a:rPr>
              <a:t>X86 </a:t>
            </a:r>
          </a:p>
          <a:p>
            <a:pPr algn="ctr" defTabSz="1829166">
              <a:buClr>
                <a:srgbClr val="CC9900"/>
              </a:buClr>
            </a:pPr>
            <a:r>
              <a:rPr lang="en-US" altLang="zh-CN" sz="2200" b="1" dirty="0" smtClean="0">
                <a:solidFill>
                  <a:schemeClr val="bg1"/>
                </a:solidFill>
                <a:latin typeface="微软雅黑" pitchFamily="34" charset="-122"/>
                <a:ea typeface="微软雅黑" pitchFamily="34" charset="-122"/>
              </a:rPr>
              <a:t>Server</a:t>
            </a:r>
            <a:br>
              <a:rPr lang="en-US" altLang="zh-CN" sz="2200" b="1" dirty="0" smtClean="0">
                <a:solidFill>
                  <a:schemeClr val="bg1"/>
                </a:solidFill>
                <a:latin typeface="微软雅黑" pitchFamily="34" charset="-122"/>
                <a:ea typeface="微软雅黑" pitchFamily="34" charset="-122"/>
              </a:rPr>
            </a:br>
            <a:endParaRPr lang="zh-CN" altLang="en-US" sz="2200" b="1" dirty="0" smtClean="0">
              <a:solidFill>
                <a:schemeClr val="bg1"/>
              </a:solidFill>
              <a:latin typeface="微软雅黑" pitchFamily="34" charset="-122"/>
              <a:ea typeface="微软雅黑" pitchFamily="34" charset="-122"/>
            </a:endParaRPr>
          </a:p>
        </p:txBody>
      </p:sp>
      <p:sp>
        <p:nvSpPr>
          <p:cNvPr id="76" name="矩形 75"/>
          <p:cNvSpPr/>
          <p:nvPr/>
        </p:nvSpPr>
        <p:spPr bwMode="auto">
          <a:xfrm>
            <a:off x="5585718" y="3272302"/>
            <a:ext cx="1152328" cy="1008423"/>
          </a:xfrm>
          <a:prstGeom prst="rect">
            <a:avLst/>
          </a:prstGeom>
          <a:solidFill>
            <a:srgbClr val="3333FF"/>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3">
            <a:schemeClr val="lt1"/>
          </a:lnRef>
          <a:fillRef idx="1">
            <a:schemeClr val="accent1"/>
          </a:fillRef>
          <a:effectRef idx="1">
            <a:schemeClr val="accent1"/>
          </a:effectRef>
          <a:fontRef idx="minor">
            <a:schemeClr val="lt1"/>
          </a:fontRef>
        </p:style>
        <p:txBody>
          <a:bodyPr vert="horz" wrap="square" lIns="72014" tIns="36007" rIns="72014" bIns="36007" numCol="1" rtlCol="0" anchor="ctr" anchorCtr="0" compatLnSpc="1">
            <a:prstTxWarp prst="textNoShape">
              <a:avLst/>
            </a:prstTxWarp>
          </a:bodyPr>
          <a:lstStyle/>
          <a:p>
            <a:pPr algn="ctr" defTabSz="1829166">
              <a:buClr>
                <a:srgbClr val="CC9900"/>
              </a:buClr>
            </a:pPr>
            <a:r>
              <a:rPr lang="en-US" altLang="zh-CN" sz="2000" b="1" dirty="0" smtClean="0">
                <a:solidFill>
                  <a:schemeClr val="bg1"/>
                </a:solidFill>
                <a:latin typeface="微软雅黑" pitchFamily="34" charset="-122"/>
                <a:ea typeface="微软雅黑" pitchFamily="34" charset="-122"/>
              </a:rPr>
              <a:t>Block</a:t>
            </a:r>
          </a:p>
          <a:p>
            <a:pPr algn="ctr" defTabSz="1829166">
              <a:buClr>
                <a:srgbClr val="CC9900"/>
              </a:buClr>
            </a:pPr>
            <a:r>
              <a:rPr lang="en-US" altLang="zh-CN" sz="2000" b="1" dirty="0" smtClean="0">
                <a:solidFill>
                  <a:schemeClr val="bg1"/>
                </a:solidFill>
                <a:latin typeface="微软雅黑" pitchFamily="34" charset="-122"/>
                <a:ea typeface="微软雅黑" pitchFamily="34" charset="-122"/>
              </a:rPr>
              <a:t>Storage</a:t>
            </a:r>
            <a:endParaRPr lang="zh-CN" altLang="en-US" sz="2000" b="1" dirty="0" smtClean="0">
              <a:solidFill>
                <a:schemeClr val="bg1"/>
              </a:solidFill>
              <a:latin typeface="微软雅黑" pitchFamily="34" charset="-122"/>
              <a:ea typeface="微软雅黑" pitchFamily="34" charset="-122"/>
            </a:endParaRPr>
          </a:p>
        </p:txBody>
      </p:sp>
      <p:sp>
        <p:nvSpPr>
          <p:cNvPr id="78" name="矩形 77"/>
          <p:cNvSpPr/>
          <p:nvPr/>
        </p:nvSpPr>
        <p:spPr bwMode="auto">
          <a:xfrm>
            <a:off x="8574175" y="3272302"/>
            <a:ext cx="975047" cy="1008423"/>
          </a:xfrm>
          <a:prstGeom prst="rect">
            <a:avLst/>
          </a:prstGeom>
          <a:solidFill>
            <a:srgbClr val="3333FF"/>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3">
            <a:schemeClr val="lt1"/>
          </a:lnRef>
          <a:fillRef idx="1">
            <a:schemeClr val="accent1"/>
          </a:fillRef>
          <a:effectRef idx="1">
            <a:schemeClr val="accent1"/>
          </a:effectRef>
          <a:fontRef idx="minor">
            <a:schemeClr val="lt1"/>
          </a:fontRef>
        </p:style>
        <p:txBody>
          <a:bodyPr vert="horz" wrap="square" lIns="72014" tIns="36007" rIns="72014" bIns="36007" numCol="1" rtlCol="0" anchor="ctr" anchorCtr="0" compatLnSpc="1">
            <a:prstTxWarp prst="textNoShape">
              <a:avLst/>
            </a:prstTxWarp>
          </a:bodyPr>
          <a:lstStyle/>
          <a:p>
            <a:pPr algn="ctr" defTabSz="1829166">
              <a:buClr>
                <a:srgbClr val="CC9900"/>
              </a:buClr>
            </a:pPr>
            <a:r>
              <a:rPr lang="en-US" altLang="zh-CN" sz="2200" b="1" dirty="0" smtClean="0">
                <a:solidFill>
                  <a:schemeClr val="bg1"/>
                </a:solidFill>
                <a:latin typeface="微软雅黑" pitchFamily="34" charset="-122"/>
                <a:ea typeface="微软雅黑" pitchFamily="34" charset="-122"/>
              </a:rPr>
              <a:t>VPC</a:t>
            </a:r>
            <a:endParaRPr lang="zh-CN" altLang="en-US" sz="2200" b="1" dirty="0" smtClean="0">
              <a:solidFill>
                <a:schemeClr val="bg1"/>
              </a:solidFill>
              <a:latin typeface="微软雅黑" pitchFamily="34" charset="-122"/>
              <a:ea typeface="微软雅黑" pitchFamily="34" charset="-122"/>
            </a:endParaRPr>
          </a:p>
        </p:txBody>
      </p:sp>
      <p:grpSp>
        <p:nvGrpSpPr>
          <p:cNvPr id="3" name="组合 142"/>
          <p:cNvGrpSpPr/>
          <p:nvPr/>
        </p:nvGrpSpPr>
        <p:grpSpPr>
          <a:xfrm>
            <a:off x="8281341" y="8026296"/>
            <a:ext cx="1008287" cy="864363"/>
            <a:chOff x="3707904" y="3867894"/>
            <a:chExt cx="720080" cy="432048"/>
          </a:xfrm>
        </p:grpSpPr>
        <p:pic>
          <p:nvPicPr>
            <p:cNvPr id="65" name="图片 64"/>
            <p:cNvPicPr/>
            <p:nvPr/>
          </p:nvPicPr>
          <p:blipFill>
            <a:blip r:embed="rId3" cstate="screen"/>
            <a:srcRect/>
            <a:stretch>
              <a:fillRect/>
            </a:stretch>
          </p:blipFill>
          <p:spPr bwMode="auto">
            <a:xfrm>
              <a:off x="3707904" y="3867894"/>
              <a:ext cx="288032" cy="432048"/>
            </a:xfrm>
            <a:prstGeom prst="rect">
              <a:avLst/>
            </a:prstGeom>
            <a:noFill/>
            <a:ln w="9525">
              <a:noFill/>
              <a:miter lim="800000"/>
              <a:headEnd/>
              <a:tailEnd/>
            </a:ln>
          </p:spPr>
        </p:pic>
        <p:pic>
          <p:nvPicPr>
            <p:cNvPr id="66" name="图片 65"/>
            <p:cNvPicPr/>
            <p:nvPr/>
          </p:nvPicPr>
          <p:blipFill>
            <a:blip r:embed="rId3" cstate="screen"/>
            <a:srcRect/>
            <a:stretch>
              <a:fillRect/>
            </a:stretch>
          </p:blipFill>
          <p:spPr bwMode="auto">
            <a:xfrm>
              <a:off x="4139952" y="3867894"/>
              <a:ext cx="288032" cy="432048"/>
            </a:xfrm>
            <a:prstGeom prst="rect">
              <a:avLst/>
            </a:prstGeom>
            <a:noFill/>
            <a:ln w="9525">
              <a:noFill/>
              <a:miter lim="800000"/>
              <a:headEnd/>
              <a:tailEnd/>
            </a:ln>
          </p:spPr>
        </p:pic>
      </p:grpSp>
      <p:grpSp>
        <p:nvGrpSpPr>
          <p:cNvPr id="4" name="组合 144"/>
          <p:cNvGrpSpPr/>
          <p:nvPr/>
        </p:nvGrpSpPr>
        <p:grpSpPr>
          <a:xfrm>
            <a:off x="10406782" y="8254433"/>
            <a:ext cx="1331543" cy="502959"/>
            <a:chOff x="4942299" y="3983959"/>
            <a:chExt cx="665656" cy="251402"/>
          </a:xfrm>
        </p:grpSpPr>
        <p:pic>
          <p:nvPicPr>
            <p:cNvPr id="44036" name="Picture 4" descr="http://img5.imgtn.bdimg.com/it/u=4181287541,350381794&amp;fm=23&amp;gp=0.jpg"/>
            <p:cNvPicPr>
              <a:picLocks noChangeArrowheads="1"/>
            </p:cNvPicPr>
            <p:nvPr/>
          </p:nvPicPr>
          <p:blipFill>
            <a:blip r:embed="rId4" cstate="print"/>
            <a:srcRect l="3867" t="28346" r="6766" b="28346"/>
            <a:stretch>
              <a:fillRect/>
            </a:stretch>
          </p:blipFill>
          <p:spPr bwMode="auto">
            <a:xfrm>
              <a:off x="4942300" y="3983959"/>
              <a:ext cx="665655" cy="99002"/>
            </a:xfrm>
            <a:prstGeom prst="rect">
              <a:avLst/>
            </a:prstGeom>
            <a:noFill/>
          </p:spPr>
        </p:pic>
        <p:pic>
          <p:nvPicPr>
            <p:cNvPr id="83" name="Picture 4" descr="http://img5.imgtn.bdimg.com/it/u=4181287541,350381794&amp;fm=23&amp;gp=0.jpg"/>
            <p:cNvPicPr>
              <a:picLocks noChangeArrowheads="1"/>
            </p:cNvPicPr>
            <p:nvPr/>
          </p:nvPicPr>
          <p:blipFill>
            <a:blip r:embed="rId4" cstate="print"/>
            <a:srcRect l="3867" t="28346" r="6766" b="28346"/>
            <a:stretch>
              <a:fillRect/>
            </a:stretch>
          </p:blipFill>
          <p:spPr bwMode="auto">
            <a:xfrm>
              <a:off x="4942299" y="4136359"/>
              <a:ext cx="665655" cy="99002"/>
            </a:xfrm>
            <a:prstGeom prst="rect">
              <a:avLst/>
            </a:prstGeom>
            <a:noFill/>
          </p:spPr>
        </p:pic>
      </p:grpSp>
      <p:sp>
        <p:nvSpPr>
          <p:cNvPr id="85" name="圆角矩形 84"/>
          <p:cNvSpPr/>
          <p:nvPr/>
        </p:nvSpPr>
        <p:spPr bwMode="auto">
          <a:xfrm>
            <a:off x="8137300" y="6153511"/>
            <a:ext cx="1296369" cy="1008423"/>
          </a:xfrm>
          <a:prstGeom prst="roundRect">
            <a:avLst/>
          </a:prstGeom>
          <a:solidFill>
            <a:schemeClr val="bg1">
              <a:lumMod val="85000"/>
            </a:schemeClr>
          </a:solidFill>
          <a:ln>
            <a:noFill/>
          </a:ln>
          <a:effectLst>
            <a:outerShdw blurRad="50800" dist="38100" dir="5400000" algn="t" rotWithShape="0">
              <a:prstClr val="black">
                <a:alpha val="40000"/>
              </a:prst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0" tIns="72014" rIns="0" bIns="91458" numCol="1" rtlCol="0" anchor="t" anchorCtr="0" compatLnSpc="1">
            <a:prstTxWarp prst="textNoShape">
              <a:avLst/>
            </a:prstTxWarp>
          </a:bodyPr>
          <a:lstStyle/>
          <a:p>
            <a:pPr algn="ctr" defTabSz="1829166">
              <a:buClr>
                <a:srgbClr val="CC9900"/>
              </a:buClr>
            </a:pPr>
            <a:r>
              <a:rPr lang="en-US" altLang="zh-CN" sz="2200" dirty="0" smtClean="0">
                <a:latin typeface="微软雅黑" pitchFamily="34" charset="-122"/>
                <a:ea typeface="微软雅黑" pitchFamily="34" charset="-122"/>
              </a:rPr>
              <a:t>Storage</a:t>
            </a:r>
          </a:p>
          <a:p>
            <a:pPr algn="ctr" defTabSz="1829166">
              <a:buClr>
                <a:srgbClr val="CC9900"/>
              </a:buClr>
            </a:pPr>
            <a:r>
              <a:rPr lang="en-US" altLang="zh-CN" sz="2200" dirty="0" smtClean="0">
                <a:latin typeface="微软雅黑" pitchFamily="34" charset="-122"/>
                <a:ea typeface="微软雅黑" pitchFamily="34" charset="-122"/>
              </a:rPr>
              <a:t>Virtualization</a:t>
            </a:r>
            <a:endParaRPr lang="zh-CN" altLang="en-US" sz="2200" dirty="0" smtClean="0">
              <a:latin typeface="微软雅黑" pitchFamily="34" charset="-122"/>
              <a:ea typeface="微软雅黑" pitchFamily="34" charset="-122"/>
            </a:endParaRPr>
          </a:p>
        </p:txBody>
      </p:sp>
      <p:sp>
        <p:nvSpPr>
          <p:cNvPr id="95" name="圆角矩形 94"/>
          <p:cNvSpPr/>
          <p:nvPr/>
        </p:nvSpPr>
        <p:spPr bwMode="auto">
          <a:xfrm>
            <a:off x="12746613" y="9045513"/>
            <a:ext cx="1584451" cy="432181"/>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000" dirty="0" smtClean="0">
                <a:latin typeface="微软雅黑" pitchFamily="34" charset="-122"/>
                <a:ea typeface="微软雅黑" pitchFamily="34" charset="-122"/>
              </a:rPr>
              <a:t>Physical dev.</a:t>
            </a:r>
            <a:endParaRPr lang="zh-CN" altLang="en-US" sz="2000" dirty="0" smtClean="0">
              <a:latin typeface="微软雅黑" pitchFamily="34" charset="-122"/>
              <a:ea typeface="微软雅黑" pitchFamily="34" charset="-122"/>
            </a:endParaRPr>
          </a:p>
        </p:txBody>
      </p:sp>
      <p:sp>
        <p:nvSpPr>
          <p:cNvPr id="96" name="矩形 95"/>
          <p:cNvSpPr/>
          <p:nvPr/>
        </p:nvSpPr>
        <p:spPr bwMode="auto">
          <a:xfrm>
            <a:off x="9857882" y="3272302"/>
            <a:ext cx="975047" cy="1008423"/>
          </a:xfrm>
          <a:prstGeom prst="rect">
            <a:avLst/>
          </a:prstGeom>
          <a:solidFill>
            <a:srgbClr val="3333FF"/>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3">
            <a:schemeClr val="lt1"/>
          </a:lnRef>
          <a:fillRef idx="1">
            <a:schemeClr val="accent1"/>
          </a:fillRef>
          <a:effectRef idx="1">
            <a:schemeClr val="accent1"/>
          </a:effectRef>
          <a:fontRef idx="minor">
            <a:schemeClr val="lt1"/>
          </a:fontRef>
        </p:style>
        <p:txBody>
          <a:bodyPr vert="horz" wrap="square" lIns="72014" tIns="36007" rIns="72014" bIns="36007" numCol="1" rtlCol="0" anchor="ctr" anchorCtr="0" compatLnSpc="1">
            <a:prstTxWarp prst="textNoShape">
              <a:avLst/>
            </a:prstTxWarp>
          </a:bodyPr>
          <a:lstStyle/>
          <a:p>
            <a:pPr algn="ctr" defTabSz="1829166">
              <a:buClr>
                <a:srgbClr val="CC9900"/>
              </a:buClr>
            </a:pPr>
            <a:r>
              <a:rPr lang="en-US" altLang="zh-CN" sz="2200" b="1" dirty="0" smtClean="0">
                <a:solidFill>
                  <a:schemeClr val="bg1"/>
                </a:solidFill>
                <a:latin typeface="微软雅黑" pitchFamily="34" charset="-122"/>
                <a:ea typeface="微软雅黑" pitchFamily="34" charset="-122"/>
              </a:rPr>
              <a:t>ELB</a:t>
            </a:r>
            <a:endParaRPr lang="zh-CN" altLang="en-US" sz="2200" b="1" dirty="0" smtClean="0">
              <a:solidFill>
                <a:schemeClr val="bg1"/>
              </a:solidFill>
              <a:latin typeface="微软雅黑" pitchFamily="34" charset="-122"/>
              <a:ea typeface="微软雅黑" pitchFamily="34" charset="-122"/>
            </a:endParaRPr>
          </a:p>
        </p:txBody>
      </p:sp>
      <p:sp>
        <p:nvSpPr>
          <p:cNvPr id="97" name="矩形 96"/>
          <p:cNvSpPr/>
          <p:nvPr/>
        </p:nvSpPr>
        <p:spPr bwMode="auto">
          <a:xfrm>
            <a:off x="11141588" y="3272302"/>
            <a:ext cx="1584451" cy="1008423"/>
          </a:xfrm>
          <a:prstGeom prst="rect">
            <a:avLst/>
          </a:prstGeom>
          <a:solidFill>
            <a:srgbClr val="3333FF"/>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3">
            <a:schemeClr val="lt1"/>
          </a:lnRef>
          <a:fillRef idx="1">
            <a:schemeClr val="accent1"/>
          </a:fillRef>
          <a:effectRef idx="1">
            <a:schemeClr val="accent1"/>
          </a:effectRef>
          <a:fontRef idx="minor">
            <a:schemeClr val="lt1"/>
          </a:fontRef>
        </p:style>
        <p:txBody>
          <a:bodyPr vert="horz" wrap="square" lIns="72014" tIns="36007" rIns="72014" bIns="36007" numCol="1" rtlCol="0" anchor="ctr" anchorCtr="0" compatLnSpc="1">
            <a:prstTxWarp prst="textNoShape">
              <a:avLst/>
            </a:prstTxWarp>
          </a:bodyPr>
          <a:lstStyle/>
          <a:p>
            <a:pPr algn="ctr" defTabSz="1829166">
              <a:buClr>
                <a:srgbClr val="CC9900"/>
              </a:buClr>
            </a:pPr>
            <a:r>
              <a:rPr lang="en-US" altLang="zh-CN" sz="2200" b="1" dirty="0" smtClean="0">
                <a:solidFill>
                  <a:schemeClr val="bg1"/>
                </a:solidFill>
                <a:latin typeface="微软雅黑" pitchFamily="34" charset="-122"/>
                <a:ea typeface="微软雅黑" pitchFamily="34" charset="-122"/>
              </a:rPr>
              <a:t>E.E.</a:t>
            </a:r>
            <a:endParaRPr lang="zh-CN" altLang="en-US" sz="2200" b="1" dirty="0" smtClean="0">
              <a:solidFill>
                <a:schemeClr val="bg1"/>
              </a:solidFill>
              <a:latin typeface="微软雅黑" pitchFamily="34" charset="-122"/>
              <a:ea typeface="微软雅黑" pitchFamily="34" charset="-122"/>
            </a:endParaRPr>
          </a:p>
        </p:txBody>
      </p:sp>
      <p:sp>
        <p:nvSpPr>
          <p:cNvPr id="98" name="矩形 97"/>
          <p:cNvSpPr/>
          <p:nvPr/>
        </p:nvSpPr>
        <p:spPr bwMode="auto">
          <a:xfrm>
            <a:off x="13034695" y="3272302"/>
            <a:ext cx="1343877" cy="1008423"/>
          </a:xfrm>
          <a:prstGeom prst="rect">
            <a:avLst/>
          </a:prstGeom>
          <a:solidFill>
            <a:srgbClr val="3333FF"/>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3">
            <a:schemeClr val="lt1"/>
          </a:lnRef>
          <a:fillRef idx="1">
            <a:schemeClr val="accent1"/>
          </a:fillRef>
          <a:effectRef idx="1">
            <a:schemeClr val="accent1"/>
          </a:effectRef>
          <a:fontRef idx="minor">
            <a:schemeClr val="lt1"/>
          </a:fontRef>
        </p:style>
        <p:txBody>
          <a:bodyPr vert="horz" wrap="square" lIns="72014" tIns="36007" rIns="72014" bIns="36007" numCol="1" rtlCol="0" anchor="ctr" anchorCtr="0" compatLnSpc="1">
            <a:prstTxWarp prst="textNoShape">
              <a:avLst/>
            </a:prstTxWarp>
          </a:bodyPr>
          <a:lstStyle/>
          <a:p>
            <a:pPr algn="ctr" defTabSz="1829166">
              <a:buClr>
                <a:srgbClr val="CC9900"/>
              </a:buClr>
            </a:pPr>
            <a:r>
              <a:rPr lang="en-US" altLang="zh-CN" sz="2200" b="1" dirty="0" smtClean="0">
                <a:solidFill>
                  <a:schemeClr val="bg1"/>
                </a:solidFill>
                <a:latin typeface="微软雅黑" pitchFamily="34" charset="-122"/>
                <a:ea typeface="微软雅黑" pitchFamily="34" charset="-122"/>
              </a:rPr>
              <a:t>APP</a:t>
            </a:r>
          </a:p>
          <a:p>
            <a:pPr algn="ctr" defTabSz="1829166">
              <a:buClr>
                <a:srgbClr val="CC9900"/>
              </a:buClr>
            </a:pPr>
            <a:r>
              <a:rPr lang="en-US" altLang="zh-CN" sz="2200" b="1" dirty="0" smtClean="0">
                <a:solidFill>
                  <a:schemeClr val="bg1"/>
                </a:solidFill>
                <a:latin typeface="微软雅黑" pitchFamily="34" charset="-122"/>
                <a:ea typeface="微软雅黑" pitchFamily="34" charset="-122"/>
              </a:rPr>
              <a:t>Deploy</a:t>
            </a:r>
            <a:endParaRPr lang="zh-CN" altLang="en-US" sz="2200" b="1" dirty="0" smtClean="0">
              <a:solidFill>
                <a:schemeClr val="bg1"/>
              </a:solidFill>
              <a:latin typeface="微软雅黑" pitchFamily="34" charset="-122"/>
              <a:ea typeface="微软雅黑" pitchFamily="34" charset="-122"/>
            </a:endParaRPr>
          </a:p>
        </p:txBody>
      </p:sp>
      <p:sp>
        <p:nvSpPr>
          <p:cNvPr id="103" name="圆角矩形 102"/>
          <p:cNvSpPr/>
          <p:nvPr/>
        </p:nvSpPr>
        <p:spPr bwMode="auto">
          <a:xfrm>
            <a:off x="359086" y="1707030"/>
            <a:ext cx="1440250" cy="556850"/>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400" b="1" dirty="0" smtClean="0">
                <a:latin typeface="微软雅黑" pitchFamily="34" charset="-122"/>
                <a:ea typeface="微软雅黑" pitchFamily="34" charset="-122"/>
              </a:rPr>
              <a:t>Appl.</a:t>
            </a:r>
            <a:endParaRPr lang="zh-CN" altLang="en-US" sz="2400" b="1" dirty="0" smtClean="0">
              <a:latin typeface="微软雅黑" pitchFamily="34" charset="-122"/>
              <a:ea typeface="微软雅黑" pitchFamily="34" charset="-122"/>
            </a:endParaRPr>
          </a:p>
        </p:txBody>
      </p:sp>
      <p:sp>
        <p:nvSpPr>
          <p:cNvPr id="104" name="圆角矩形 103"/>
          <p:cNvSpPr/>
          <p:nvPr/>
        </p:nvSpPr>
        <p:spPr bwMode="auto">
          <a:xfrm>
            <a:off x="2159799" y="1614185"/>
            <a:ext cx="1800313" cy="768323"/>
          </a:xfrm>
          <a:prstGeom prst="roundRect">
            <a:avLst/>
          </a:prstGeom>
          <a:solidFill>
            <a:schemeClr val="accent1">
              <a:lumMod val="40000"/>
              <a:lumOff val="60000"/>
            </a:schemeClr>
          </a:solidFill>
          <a:ln>
            <a:headEnd type="none" w="med" len="med"/>
            <a:tailEnd type="none" w="med" len="med"/>
          </a:ln>
        </p:spPr>
        <p:style>
          <a:lnRef idx="1">
            <a:schemeClr val="accent6"/>
          </a:lnRef>
          <a:fillRef idx="3">
            <a:schemeClr val="accent6"/>
          </a:fillRef>
          <a:effectRef idx="2">
            <a:schemeClr val="accent6"/>
          </a:effectRef>
          <a:fontRef idx="minor">
            <a:schemeClr val="lt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200" dirty="0" smtClean="0">
                <a:solidFill>
                  <a:schemeClr val="tx1"/>
                </a:solidFill>
                <a:latin typeface="微软雅黑" pitchFamily="34" charset="-122"/>
                <a:ea typeface="微软雅黑" pitchFamily="34" charset="-122"/>
              </a:rPr>
              <a:t>CORE</a:t>
            </a:r>
            <a:endParaRPr lang="zh-CN" altLang="en-US" sz="2200" dirty="0" smtClean="0">
              <a:solidFill>
                <a:schemeClr val="tx1"/>
              </a:solidFill>
              <a:latin typeface="微软雅黑" pitchFamily="34" charset="-122"/>
              <a:ea typeface="微软雅黑" pitchFamily="34" charset="-122"/>
            </a:endParaRPr>
          </a:p>
        </p:txBody>
      </p:sp>
      <p:sp>
        <p:nvSpPr>
          <p:cNvPr id="105" name="圆角矩形 104"/>
          <p:cNvSpPr/>
          <p:nvPr/>
        </p:nvSpPr>
        <p:spPr bwMode="auto">
          <a:xfrm>
            <a:off x="4219544" y="1614185"/>
            <a:ext cx="1757141" cy="768323"/>
          </a:xfrm>
          <a:prstGeom prst="roundRect">
            <a:avLst/>
          </a:prstGeom>
          <a:solidFill>
            <a:schemeClr val="accent1">
              <a:lumMod val="40000"/>
              <a:lumOff val="60000"/>
            </a:schemeClr>
          </a:solidFill>
          <a:ln>
            <a:headEnd type="none" w="med" len="med"/>
            <a:tailEnd type="none" w="med" len="med"/>
          </a:ln>
        </p:spPr>
        <p:style>
          <a:lnRef idx="1">
            <a:schemeClr val="accent6"/>
          </a:lnRef>
          <a:fillRef idx="3">
            <a:schemeClr val="accent6"/>
          </a:fillRef>
          <a:effectRef idx="2">
            <a:schemeClr val="accent6"/>
          </a:effectRef>
          <a:fontRef idx="minor">
            <a:schemeClr val="lt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200" dirty="0" smtClean="0">
                <a:solidFill>
                  <a:schemeClr val="tx1"/>
                </a:solidFill>
                <a:latin typeface="微软雅黑" pitchFamily="34" charset="-122"/>
                <a:ea typeface="微软雅黑" pitchFamily="34" charset="-122"/>
              </a:rPr>
              <a:t>Intermediate </a:t>
            </a:r>
            <a:endParaRPr lang="zh-CN" altLang="en-US" sz="2200" dirty="0" smtClean="0">
              <a:solidFill>
                <a:schemeClr val="tx1"/>
              </a:solidFill>
              <a:latin typeface="微软雅黑" pitchFamily="34" charset="-122"/>
              <a:ea typeface="微软雅黑" pitchFamily="34" charset="-122"/>
            </a:endParaRPr>
          </a:p>
        </p:txBody>
      </p:sp>
      <p:sp>
        <p:nvSpPr>
          <p:cNvPr id="123" name="圆角矩形 122"/>
          <p:cNvSpPr/>
          <p:nvPr/>
        </p:nvSpPr>
        <p:spPr bwMode="auto">
          <a:xfrm>
            <a:off x="6242530" y="1614185"/>
            <a:ext cx="1584451" cy="768323"/>
          </a:xfrm>
          <a:prstGeom prst="roundRect">
            <a:avLst/>
          </a:prstGeom>
          <a:solidFill>
            <a:schemeClr val="accent1">
              <a:lumMod val="40000"/>
              <a:lumOff val="60000"/>
            </a:schemeClr>
          </a:solidFill>
          <a:ln>
            <a:headEnd type="none" w="med" len="med"/>
            <a:tailEnd type="none" w="med" len="med"/>
          </a:ln>
        </p:spPr>
        <p:style>
          <a:lnRef idx="1">
            <a:schemeClr val="accent6"/>
          </a:lnRef>
          <a:fillRef idx="3">
            <a:schemeClr val="accent6"/>
          </a:fillRef>
          <a:effectRef idx="2">
            <a:schemeClr val="accent6"/>
          </a:effectRef>
          <a:fontRef idx="minor">
            <a:schemeClr val="lt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200" dirty="0" smtClean="0">
                <a:solidFill>
                  <a:schemeClr val="tx1"/>
                </a:solidFill>
                <a:latin typeface="微软雅黑" pitchFamily="34" charset="-122"/>
                <a:ea typeface="微软雅黑" pitchFamily="34" charset="-122"/>
              </a:rPr>
              <a:t>Channel access</a:t>
            </a:r>
            <a:endParaRPr lang="zh-CN" altLang="en-US" sz="2200" dirty="0" smtClean="0">
              <a:solidFill>
                <a:schemeClr val="tx1"/>
              </a:solidFill>
              <a:latin typeface="微软雅黑" pitchFamily="34" charset="-122"/>
              <a:ea typeface="微软雅黑" pitchFamily="34" charset="-122"/>
            </a:endParaRPr>
          </a:p>
        </p:txBody>
      </p:sp>
      <p:sp>
        <p:nvSpPr>
          <p:cNvPr id="124" name="圆角矩形 123"/>
          <p:cNvSpPr/>
          <p:nvPr/>
        </p:nvSpPr>
        <p:spPr bwMode="auto">
          <a:xfrm>
            <a:off x="8005361" y="1614185"/>
            <a:ext cx="2304214" cy="768323"/>
          </a:xfrm>
          <a:prstGeom prst="roundRect">
            <a:avLst/>
          </a:prstGeom>
          <a:solidFill>
            <a:schemeClr val="accent1">
              <a:lumMod val="40000"/>
              <a:lumOff val="60000"/>
            </a:schemeClr>
          </a:solidFill>
          <a:ln>
            <a:headEnd type="none" w="med" len="med"/>
            <a:tailEnd type="none" w="med" len="med"/>
          </a:ln>
        </p:spPr>
        <p:style>
          <a:lnRef idx="1">
            <a:schemeClr val="accent6"/>
          </a:lnRef>
          <a:fillRef idx="3">
            <a:schemeClr val="accent6"/>
          </a:fillRef>
          <a:effectRef idx="2">
            <a:schemeClr val="accent6"/>
          </a:effectRef>
          <a:fontRef idx="minor">
            <a:schemeClr val="lt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200" dirty="0" smtClean="0">
                <a:solidFill>
                  <a:schemeClr val="tx1"/>
                </a:solidFill>
                <a:latin typeface="微软雅黑" pitchFamily="34" charset="-122"/>
                <a:ea typeface="微软雅黑" pitchFamily="34" charset="-122"/>
              </a:rPr>
              <a:t>Management Support</a:t>
            </a:r>
            <a:endParaRPr lang="zh-CN" altLang="en-US" sz="2200" dirty="0" smtClean="0">
              <a:solidFill>
                <a:schemeClr val="tx1"/>
              </a:solidFill>
              <a:latin typeface="微软雅黑" pitchFamily="34" charset="-122"/>
              <a:ea typeface="微软雅黑" pitchFamily="34" charset="-122"/>
            </a:endParaRPr>
          </a:p>
        </p:txBody>
      </p:sp>
      <p:sp>
        <p:nvSpPr>
          <p:cNvPr id="125" name="圆角矩形 124"/>
          <p:cNvSpPr/>
          <p:nvPr/>
        </p:nvSpPr>
        <p:spPr bwMode="auto">
          <a:xfrm>
            <a:off x="10517551" y="1614185"/>
            <a:ext cx="1800313" cy="768323"/>
          </a:xfrm>
          <a:prstGeom prst="roundRect">
            <a:avLst/>
          </a:prstGeom>
          <a:solidFill>
            <a:schemeClr val="accent1">
              <a:lumMod val="40000"/>
              <a:lumOff val="60000"/>
            </a:schemeClr>
          </a:solidFill>
          <a:ln>
            <a:headEnd type="none" w="med" len="med"/>
            <a:tailEnd type="none" w="med" len="med"/>
          </a:ln>
        </p:spPr>
        <p:style>
          <a:lnRef idx="1">
            <a:schemeClr val="accent6"/>
          </a:lnRef>
          <a:fillRef idx="3">
            <a:schemeClr val="accent6"/>
          </a:fillRef>
          <a:effectRef idx="2">
            <a:schemeClr val="accent6"/>
          </a:effectRef>
          <a:fontRef idx="minor">
            <a:schemeClr val="lt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200" dirty="0" smtClean="0">
                <a:solidFill>
                  <a:schemeClr val="tx1"/>
                </a:solidFill>
                <a:latin typeface="微软雅黑" pitchFamily="34" charset="-122"/>
                <a:ea typeface="微软雅黑" pitchFamily="34" charset="-122"/>
              </a:rPr>
              <a:t>Dev. &amp; test</a:t>
            </a:r>
            <a:endParaRPr lang="zh-CN" altLang="en-US" sz="2200" dirty="0" smtClean="0">
              <a:solidFill>
                <a:schemeClr val="tx1"/>
              </a:solidFill>
              <a:latin typeface="微软雅黑" pitchFamily="34" charset="-122"/>
              <a:ea typeface="微软雅黑" pitchFamily="34" charset="-122"/>
            </a:endParaRPr>
          </a:p>
        </p:txBody>
      </p:sp>
      <p:sp>
        <p:nvSpPr>
          <p:cNvPr id="126" name="圆角矩形 125"/>
          <p:cNvSpPr/>
          <p:nvPr/>
        </p:nvSpPr>
        <p:spPr bwMode="auto">
          <a:xfrm>
            <a:off x="12529793" y="1612861"/>
            <a:ext cx="1728492" cy="795079"/>
          </a:xfrm>
          <a:prstGeom prst="roundRect">
            <a:avLst/>
          </a:prstGeom>
          <a:solidFill>
            <a:schemeClr val="accent1">
              <a:lumMod val="40000"/>
              <a:lumOff val="60000"/>
            </a:schemeClr>
          </a:solidFill>
          <a:ln>
            <a:headEnd type="none" w="med" len="med"/>
            <a:tailEnd type="none" w="med" len="med"/>
          </a:ln>
        </p:spPr>
        <p:style>
          <a:lnRef idx="1">
            <a:schemeClr val="accent6"/>
          </a:lnRef>
          <a:fillRef idx="3">
            <a:schemeClr val="accent6"/>
          </a:fillRef>
          <a:effectRef idx="2">
            <a:schemeClr val="accent6"/>
          </a:effectRef>
          <a:fontRef idx="minor">
            <a:schemeClr val="lt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200" dirty="0" err="1" smtClean="0">
                <a:solidFill>
                  <a:schemeClr val="tx1"/>
                </a:solidFill>
                <a:latin typeface="微软雅黑" pitchFamily="34" charset="-122"/>
                <a:ea typeface="微软雅黑" pitchFamily="34" charset="-122"/>
              </a:rPr>
              <a:t>Destop</a:t>
            </a:r>
            <a:endParaRPr lang="zh-CN" altLang="en-US" sz="2200" dirty="0" smtClean="0">
              <a:solidFill>
                <a:schemeClr val="tx1"/>
              </a:solidFill>
              <a:latin typeface="微软雅黑" pitchFamily="34" charset="-122"/>
              <a:ea typeface="微软雅黑" pitchFamily="34" charset="-122"/>
            </a:endParaRPr>
          </a:p>
        </p:txBody>
      </p:sp>
      <p:sp>
        <p:nvSpPr>
          <p:cNvPr id="129" name="圆角矩形 128"/>
          <p:cNvSpPr/>
          <p:nvPr/>
        </p:nvSpPr>
        <p:spPr bwMode="auto">
          <a:xfrm>
            <a:off x="15225103" y="8333811"/>
            <a:ext cx="1668966" cy="700910"/>
          </a:xfrm>
          <a:prstGeom prst="roundRect">
            <a:avLst/>
          </a:prstGeom>
          <a:solidFill>
            <a:srgbClr val="5BBDFF"/>
          </a:solidFill>
          <a:ln>
            <a:headEnd type="none" w="med" len="med"/>
            <a:tailEnd type="none" w="med" len="med"/>
          </a:ln>
        </p:spPr>
        <p:style>
          <a:lnRef idx="1">
            <a:schemeClr val="accent2"/>
          </a:lnRef>
          <a:fillRef idx="2">
            <a:schemeClr val="accent2"/>
          </a:fillRef>
          <a:effectRef idx="1">
            <a:schemeClr val="accent2"/>
          </a:effectRef>
          <a:fontRef idx="minor">
            <a:schemeClr val="dk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dirty="0" smtClean="0">
                <a:latin typeface="微软雅黑" pitchFamily="34" charset="-122"/>
                <a:ea typeface="微软雅黑" pitchFamily="34" charset="-122"/>
              </a:rPr>
              <a:t>Analyst</a:t>
            </a:r>
          </a:p>
          <a:p>
            <a:pPr algn="ctr">
              <a:buClr>
                <a:srgbClr val="CC9900"/>
              </a:buClr>
            </a:pPr>
            <a:r>
              <a:rPr lang="en-US" altLang="zh-CN" dirty="0" smtClean="0">
                <a:latin typeface="微软雅黑" pitchFamily="34" charset="-122"/>
                <a:ea typeface="微软雅黑" pitchFamily="34" charset="-122"/>
              </a:rPr>
              <a:t>Accounting</a:t>
            </a:r>
            <a:endParaRPr lang="zh-CN" altLang="en-US" dirty="0" smtClean="0">
              <a:latin typeface="微软雅黑" pitchFamily="34" charset="-122"/>
              <a:ea typeface="微软雅黑" pitchFamily="34" charset="-122"/>
            </a:endParaRPr>
          </a:p>
        </p:txBody>
      </p:sp>
      <p:sp>
        <p:nvSpPr>
          <p:cNvPr id="130" name="圆角矩形 129"/>
          <p:cNvSpPr/>
          <p:nvPr/>
        </p:nvSpPr>
        <p:spPr bwMode="auto">
          <a:xfrm>
            <a:off x="15225103" y="7289372"/>
            <a:ext cx="1668966" cy="700910"/>
          </a:xfrm>
          <a:prstGeom prst="roundRect">
            <a:avLst/>
          </a:prstGeom>
          <a:solidFill>
            <a:srgbClr val="5BBDFF"/>
          </a:solidFill>
          <a:ln>
            <a:headEnd type="none" w="med" len="med"/>
            <a:tailEnd type="none" w="med" len="med"/>
          </a:ln>
        </p:spPr>
        <p:style>
          <a:lnRef idx="1">
            <a:schemeClr val="accent2"/>
          </a:lnRef>
          <a:fillRef idx="2">
            <a:schemeClr val="accent2"/>
          </a:fillRef>
          <a:effectRef idx="1">
            <a:schemeClr val="accent2"/>
          </a:effectRef>
          <a:fontRef idx="minor">
            <a:schemeClr val="dk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dirty="0" smtClean="0">
                <a:latin typeface="微软雅黑" pitchFamily="34" charset="-122"/>
                <a:ea typeface="微软雅黑" pitchFamily="34" charset="-122"/>
              </a:rPr>
              <a:t>Unify</a:t>
            </a:r>
          </a:p>
          <a:p>
            <a:pPr algn="ctr">
              <a:buClr>
                <a:srgbClr val="CC9900"/>
              </a:buClr>
            </a:pPr>
            <a:r>
              <a:rPr lang="en-US" altLang="zh-CN" dirty="0" smtClean="0">
                <a:latin typeface="微软雅黑" pitchFamily="34" charset="-122"/>
                <a:ea typeface="微软雅黑" pitchFamily="34" charset="-122"/>
              </a:rPr>
              <a:t>Alert</a:t>
            </a:r>
            <a:endParaRPr lang="zh-CN" altLang="en-US" dirty="0" smtClean="0">
              <a:latin typeface="微软雅黑" pitchFamily="34" charset="-122"/>
              <a:ea typeface="微软雅黑" pitchFamily="34" charset="-122"/>
            </a:endParaRPr>
          </a:p>
        </p:txBody>
      </p:sp>
      <p:sp>
        <p:nvSpPr>
          <p:cNvPr id="131" name="圆角矩形 130"/>
          <p:cNvSpPr/>
          <p:nvPr/>
        </p:nvSpPr>
        <p:spPr bwMode="auto">
          <a:xfrm>
            <a:off x="15225103" y="6244934"/>
            <a:ext cx="1668966" cy="700910"/>
          </a:xfrm>
          <a:prstGeom prst="roundRect">
            <a:avLst/>
          </a:prstGeom>
          <a:solidFill>
            <a:srgbClr val="5BBDFF"/>
          </a:solidFill>
          <a:ln>
            <a:headEnd type="none" w="med" len="med"/>
            <a:tailEnd type="none" w="med" len="med"/>
          </a:ln>
        </p:spPr>
        <p:style>
          <a:lnRef idx="1">
            <a:schemeClr val="accent2"/>
          </a:lnRef>
          <a:fillRef idx="2">
            <a:schemeClr val="accent2"/>
          </a:fillRef>
          <a:effectRef idx="1">
            <a:schemeClr val="accent2"/>
          </a:effectRef>
          <a:fontRef idx="minor">
            <a:schemeClr val="dk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dirty="0" err="1" smtClean="0">
                <a:latin typeface="微软雅黑" pitchFamily="34" charset="-122"/>
                <a:ea typeface="微软雅黑" pitchFamily="34" charset="-122"/>
              </a:rPr>
              <a:t>Perf</a:t>
            </a:r>
            <a:r>
              <a:rPr lang="en-US" altLang="zh-CN" dirty="0" smtClean="0">
                <a:latin typeface="微软雅黑" pitchFamily="34" charset="-122"/>
                <a:ea typeface="微软雅黑" pitchFamily="34" charset="-122"/>
              </a:rPr>
              <a:t>.</a:t>
            </a:r>
          </a:p>
          <a:p>
            <a:pPr algn="ctr">
              <a:buClr>
                <a:srgbClr val="CC9900"/>
              </a:buClr>
            </a:pPr>
            <a:r>
              <a:rPr lang="en-US" altLang="zh-CN" dirty="0" smtClean="0">
                <a:latin typeface="微软雅黑" pitchFamily="34" charset="-122"/>
                <a:ea typeface="微软雅黑" pitchFamily="34" charset="-122"/>
              </a:rPr>
              <a:t>Monitor</a:t>
            </a:r>
            <a:endParaRPr lang="zh-CN" altLang="en-US" dirty="0" smtClean="0">
              <a:latin typeface="微软雅黑" pitchFamily="34" charset="-122"/>
              <a:ea typeface="微软雅黑" pitchFamily="34" charset="-122"/>
            </a:endParaRPr>
          </a:p>
        </p:txBody>
      </p:sp>
      <p:sp>
        <p:nvSpPr>
          <p:cNvPr id="132" name="圆角矩形 131"/>
          <p:cNvSpPr/>
          <p:nvPr/>
        </p:nvSpPr>
        <p:spPr bwMode="auto">
          <a:xfrm>
            <a:off x="15225103" y="5200496"/>
            <a:ext cx="1668966" cy="700910"/>
          </a:xfrm>
          <a:prstGeom prst="roundRect">
            <a:avLst/>
          </a:prstGeom>
          <a:solidFill>
            <a:srgbClr val="5BBDFF"/>
          </a:solidFill>
          <a:ln>
            <a:headEnd type="none" w="med" len="med"/>
            <a:tailEnd type="none" w="med" len="med"/>
          </a:ln>
        </p:spPr>
        <p:style>
          <a:lnRef idx="1">
            <a:schemeClr val="accent2"/>
          </a:lnRef>
          <a:fillRef idx="2">
            <a:schemeClr val="accent2"/>
          </a:fillRef>
          <a:effectRef idx="1">
            <a:schemeClr val="accent2"/>
          </a:effectRef>
          <a:fontRef idx="minor">
            <a:schemeClr val="dk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dirty="0" smtClean="0">
                <a:latin typeface="微软雅黑" pitchFamily="34" charset="-122"/>
                <a:ea typeface="微软雅黑" pitchFamily="34" charset="-122"/>
              </a:rPr>
              <a:t>User</a:t>
            </a:r>
          </a:p>
          <a:p>
            <a:pPr algn="ctr">
              <a:buClr>
                <a:srgbClr val="CC9900"/>
              </a:buClr>
            </a:pPr>
            <a:r>
              <a:rPr lang="en-US" altLang="zh-CN" dirty="0" err="1" smtClean="0">
                <a:latin typeface="微软雅黑" pitchFamily="34" charset="-122"/>
                <a:ea typeface="微软雅黑" pitchFamily="34" charset="-122"/>
              </a:rPr>
              <a:t>Mng</a:t>
            </a:r>
            <a:endParaRPr lang="zh-CN" altLang="en-US" dirty="0" smtClean="0">
              <a:latin typeface="微软雅黑" pitchFamily="34" charset="-122"/>
              <a:ea typeface="微软雅黑" pitchFamily="34" charset="-122"/>
            </a:endParaRPr>
          </a:p>
        </p:txBody>
      </p:sp>
      <p:sp>
        <p:nvSpPr>
          <p:cNvPr id="133" name="圆角矩形 132"/>
          <p:cNvSpPr/>
          <p:nvPr/>
        </p:nvSpPr>
        <p:spPr bwMode="auto">
          <a:xfrm>
            <a:off x="15051269" y="3128242"/>
            <a:ext cx="2041806" cy="556850"/>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400" dirty="0" err="1" smtClean="0">
                <a:latin typeface="微软雅黑" pitchFamily="34" charset="-122"/>
                <a:ea typeface="微软雅黑" pitchFamily="34" charset="-122"/>
              </a:rPr>
              <a:t>Clound</a:t>
            </a:r>
            <a:r>
              <a:rPr lang="en-US" altLang="zh-CN" sz="2400" dirty="0" smtClean="0">
                <a:latin typeface="微软雅黑" pitchFamily="34" charset="-122"/>
                <a:ea typeface="微软雅黑" pitchFamily="34" charset="-122"/>
              </a:rPr>
              <a:t> MNG</a:t>
            </a:r>
            <a:endParaRPr lang="zh-CN" altLang="en-US" sz="2400" dirty="0" smtClean="0">
              <a:latin typeface="微软雅黑" pitchFamily="34" charset="-122"/>
              <a:ea typeface="微软雅黑" pitchFamily="34" charset="-122"/>
            </a:endParaRPr>
          </a:p>
        </p:txBody>
      </p:sp>
      <p:sp>
        <p:nvSpPr>
          <p:cNvPr id="139" name="圆角矩形 138"/>
          <p:cNvSpPr/>
          <p:nvPr/>
        </p:nvSpPr>
        <p:spPr bwMode="auto">
          <a:xfrm>
            <a:off x="15225103" y="3950318"/>
            <a:ext cx="1668966" cy="906650"/>
          </a:xfrm>
          <a:prstGeom prst="roundRect">
            <a:avLst/>
          </a:prstGeom>
          <a:solidFill>
            <a:srgbClr val="5BBDFF"/>
          </a:solidFill>
          <a:ln>
            <a:headEnd type="none" w="med" len="med"/>
            <a:tailEnd type="none" w="med" len="med"/>
          </a:ln>
        </p:spPr>
        <p:style>
          <a:lnRef idx="1">
            <a:schemeClr val="accent2"/>
          </a:lnRef>
          <a:fillRef idx="2">
            <a:schemeClr val="accent2"/>
          </a:fillRef>
          <a:effectRef idx="1">
            <a:schemeClr val="accent2"/>
          </a:effectRef>
          <a:fontRef idx="minor">
            <a:schemeClr val="dk1"/>
          </a:fontRef>
        </p:style>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dirty="0" smtClean="0">
                <a:latin typeface="微软雅黑" pitchFamily="34" charset="-122"/>
                <a:ea typeface="微软雅黑" pitchFamily="34" charset="-122"/>
              </a:rPr>
              <a:t>Self. Service</a:t>
            </a:r>
          </a:p>
          <a:p>
            <a:pPr algn="ctr">
              <a:buClr>
                <a:srgbClr val="CC9900"/>
              </a:buClr>
            </a:pPr>
            <a:r>
              <a:rPr lang="en-US" altLang="zh-CN" dirty="0" smtClean="0">
                <a:latin typeface="微软雅黑" pitchFamily="34" charset="-122"/>
                <a:ea typeface="微软雅黑" pitchFamily="34" charset="-122"/>
              </a:rPr>
              <a:t>Portal</a:t>
            </a:r>
            <a:endParaRPr lang="zh-CN" altLang="en-US" dirty="0" smtClean="0">
              <a:latin typeface="微软雅黑" pitchFamily="34" charset="-122"/>
              <a:ea typeface="微软雅黑" pitchFamily="34" charset="-122"/>
            </a:endParaRPr>
          </a:p>
        </p:txBody>
      </p:sp>
      <p:pic>
        <p:nvPicPr>
          <p:cNvPr id="44037" name="图片 2" descr="image002"/>
          <p:cNvPicPr>
            <a:picLocks noChangeAspect="1" noChangeArrowheads="1"/>
          </p:cNvPicPr>
          <p:nvPr/>
        </p:nvPicPr>
        <p:blipFill>
          <a:blip r:embed="rId5" cstate="print"/>
          <a:srcRect/>
          <a:stretch>
            <a:fillRect/>
          </a:stretch>
        </p:blipFill>
        <p:spPr bwMode="auto">
          <a:xfrm>
            <a:off x="13178736" y="8026298"/>
            <a:ext cx="711075" cy="924523"/>
          </a:xfrm>
          <a:prstGeom prst="rect">
            <a:avLst/>
          </a:prstGeom>
          <a:noFill/>
          <a:ln w="9525">
            <a:noFill/>
            <a:miter lim="800000"/>
            <a:headEnd/>
            <a:tailEnd/>
          </a:ln>
        </p:spPr>
      </p:pic>
      <p:sp>
        <p:nvSpPr>
          <p:cNvPr id="140" name="圆角矩形 139"/>
          <p:cNvSpPr/>
          <p:nvPr/>
        </p:nvSpPr>
        <p:spPr bwMode="auto">
          <a:xfrm>
            <a:off x="12602572" y="5746602"/>
            <a:ext cx="1872533" cy="3864358"/>
          </a:xfrm>
          <a:prstGeom prst="roundRect">
            <a:avLst/>
          </a:prstGeom>
          <a:noFill/>
          <a:ln>
            <a:solidFill>
              <a:schemeClr val="tx1"/>
            </a:solidFill>
            <a:prstDash val="solid"/>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917" tIns="91458" rIns="182917" bIns="91458" numCol="1" rtlCol="0" anchor="t" anchorCtr="0" compatLnSpc="1">
            <a:prstTxWarp prst="textNoShape">
              <a:avLst/>
            </a:prstTxWarp>
          </a:bodyPr>
          <a:lstStyle/>
          <a:p>
            <a:pPr defTabSz="1829166">
              <a:buClr>
                <a:srgbClr val="CC9900"/>
              </a:buClr>
            </a:pPr>
            <a:endParaRPr lang="zh-CN" altLang="en-US" sz="3600" dirty="0" smtClean="0">
              <a:latin typeface="微软雅黑" pitchFamily="34" charset="-122"/>
              <a:ea typeface="微软雅黑" pitchFamily="34" charset="-122"/>
            </a:endParaRPr>
          </a:p>
        </p:txBody>
      </p:sp>
      <p:sp>
        <p:nvSpPr>
          <p:cNvPr id="141" name="圆角矩形 140"/>
          <p:cNvSpPr/>
          <p:nvPr/>
        </p:nvSpPr>
        <p:spPr bwMode="auto">
          <a:xfrm>
            <a:off x="12890652" y="5987011"/>
            <a:ext cx="1409719" cy="1140384"/>
          </a:xfrm>
          <a:prstGeom prst="roundRect">
            <a:avLst/>
          </a:prstGeom>
          <a:solidFill>
            <a:schemeClr val="bg1">
              <a:lumMod val="85000"/>
            </a:schemeClr>
          </a:solidFill>
          <a:ln>
            <a:noFill/>
          </a:ln>
          <a:effectLst>
            <a:outerShdw blurRad="50800" dist="38100" dir="5400000" algn="t" rotWithShape="0">
              <a:prstClr val="black">
                <a:alpha val="40000"/>
              </a:prst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0" tIns="72014" rIns="0" bIns="91458" numCol="1" rtlCol="0" anchor="t" anchorCtr="0" compatLnSpc="1">
            <a:prstTxWarp prst="textNoShape">
              <a:avLst/>
            </a:prstTxWarp>
          </a:bodyPr>
          <a:lstStyle/>
          <a:p>
            <a:pPr algn="ctr" defTabSz="1829166">
              <a:buClr>
                <a:srgbClr val="CC9900"/>
              </a:buClr>
            </a:pPr>
            <a:r>
              <a:rPr lang="en-US" altLang="zh-CN" sz="2200" dirty="0" smtClean="0">
                <a:latin typeface="微软雅黑" pitchFamily="34" charset="-122"/>
                <a:ea typeface="微软雅黑" pitchFamily="34" charset="-122"/>
              </a:rPr>
              <a:t>Non. Virtual Resource</a:t>
            </a:r>
            <a:endParaRPr lang="zh-CN" altLang="en-US" sz="2200" dirty="0" smtClean="0">
              <a:latin typeface="微软雅黑" pitchFamily="34" charset="-122"/>
              <a:ea typeface="微软雅黑" pitchFamily="34" charset="-122"/>
            </a:endParaRPr>
          </a:p>
        </p:txBody>
      </p:sp>
      <p:sp>
        <p:nvSpPr>
          <p:cNvPr id="142" name="圆角矩形 141"/>
          <p:cNvSpPr/>
          <p:nvPr/>
        </p:nvSpPr>
        <p:spPr bwMode="auto">
          <a:xfrm>
            <a:off x="14907228" y="1399516"/>
            <a:ext cx="2304656" cy="1296544"/>
          </a:xfrm>
          <a:prstGeom prst="roundRect">
            <a:avLst/>
          </a:prstGeom>
          <a:solidFill>
            <a:schemeClr val="accent1">
              <a:lumMod val="40000"/>
              <a:lumOff val="60000"/>
            </a:schemeClr>
          </a:solidFill>
          <a:ln>
            <a:headEnd type="none" w="med" len="med"/>
            <a:tailEnd type="none" w="med" len="med"/>
          </a:ln>
          <a:scene3d>
            <a:camera prst="orthographicFront">
              <a:rot lat="0" lon="0" rev="0"/>
            </a:camera>
            <a:lightRig rig="threePt" dir="t">
              <a:rot lat="0" lon="0" rev="1200000"/>
            </a:lightRig>
          </a:scene3d>
          <a:extLst>
            <a:ext uri="{909E8E84-426E-40DD-AFC4-6F175D3DCCD1}">
              <a14:hiddenFill xmlns:a14="http://schemas.microsoft.com/office/drawing/2010/main" xmlns="">
                <a:solidFill>
                  <a:schemeClr val="accent1"/>
                </a:solidFill>
              </a14:hiddenFill>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0">
            <a:schemeClr val="accent3"/>
          </a:lnRef>
          <a:fillRef idx="3">
            <a:schemeClr val="accent3"/>
          </a:fillRef>
          <a:effectRef idx="3">
            <a:schemeClr val="accent3"/>
          </a:effectRef>
          <a:fontRef idx="minor">
            <a:schemeClr val="lt1"/>
          </a:fontRef>
        </p:style>
        <p:txBody>
          <a:bodyPr vert="horz" wrap="square" lIns="118792" tIns="59396" rIns="118792" bIns="59396" numCol="1" rtlCol="0" anchor="ctr" anchorCtr="0" compatLnSpc="1">
            <a:prstTxWarp prst="textNoShape">
              <a:avLst/>
            </a:prstTxWarp>
            <a:noAutofit/>
          </a:bodyPr>
          <a:lstStyle/>
          <a:p>
            <a:pPr algn="ctr" defTabSz="1202452">
              <a:buClr>
                <a:srgbClr val="CC9900"/>
              </a:buClr>
            </a:pPr>
            <a:r>
              <a:rPr lang="en-US" altLang="zh-CN" sz="2400" dirty="0" smtClean="0">
                <a:solidFill>
                  <a:srgbClr val="000000"/>
                </a:solidFill>
                <a:latin typeface="微软雅黑" pitchFamily="34" charset="-122"/>
                <a:ea typeface="微软雅黑" pitchFamily="34" charset="-122"/>
                <a:cs typeface="Arial Unicode MS" pitchFamily="34" charset="-122"/>
              </a:rPr>
              <a:t>DC OCC</a:t>
            </a:r>
            <a:endParaRPr lang="zh-CN" altLang="en-US" sz="2200" dirty="0" smtClean="0">
              <a:solidFill>
                <a:srgbClr val="000000"/>
              </a:solidFill>
              <a:latin typeface="微软雅黑" pitchFamily="34" charset="-122"/>
              <a:ea typeface="微软雅黑" pitchFamily="34" charset="-122"/>
              <a:cs typeface="Arial Unicode MS" pitchFamily="34" charset="-122"/>
            </a:endParaRPr>
          </a:p>
        </p:txBody>
      </p:sp>
      <p:sp>
        <p:nvSpPr>
          <p:cNvPr id="147" name="圆角矩形 146"/>
          <p:cNvSpPr/>
          <p:nvPr/>
        </p:nvSpPr>
        <p:spPr bwMode="auto">
          <a:xfrm>
            <a:off x="5344824" y="2696060"/>
            <a:ext cx="4520969" cy="392477"/>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400" dirty="0" smtClean="0">
                <a:latin typeface="微软雅黑" pitchFamily="34" charset="-122"/>
                <a:ea typeface="微软雅黑" pitchFamily="34" charset="-122"/>
              </a:rPr>
              <a:t>Infra. Cloud Platform</a:t>
            </a:r>
            <a:endParaRPr lang="zh-CN" altLang="en-US" sz="2400" dirty="0" smtClean="0">
              <a:latin typeface="微软雅黑" pitchFamily="34" charset="-122"/>
              <a:ea typeface="微软雅黑" pitchFamily="34" charset="-122"/>
            </a:endParaRPr>
          </a:p>
        </p:txBody>
      </p:sp>
      <p:sp>
        <p:nvSpPr>
          <p:cNvPr id="149" name="矩形 148"/>
          <p:cNvSpPr/>
          <p:nvPr/>
        </p:nvSpPr>
        <p:spPr bwMode="auto">
          <a:xfrm>
            <a:off x="7046706" y="3272302"/>
            <a:ext cx="1218810" cy="1008423"/>
          </a:xfrm>
          <a:prstGeom prst="rect">
            <a:avLst/>
          </a:prstGeom>
          <a:solidFill>
            <a:srgbClr val="3333FF"/>
          </a:solid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3">
            <a:schemeClr val="lt1"/>
          </a:lnRef>
          <a:fillRef idx="1">
            <a:schemeClr val="accent1"/>
          </a:fillRef>
          <a:effectRef idx="1">
            <a:schemeClr val="accent1"/>
          </a:effectRef>
          <a:fontRef idx="minor">
            <a:schemeClr val="lt1"/>
          </a:fontRef>
        </p:style>
        <p:txBody>
          <a:bodyPr vert="horz" wrap="square" lIns="72014" tIns="36007" rIns="72014" bIns="36007" numCol="1" rtlCol="0" anchor="ctr" anchorCtr="0" compatLnSpc="1">
            <a:prstTxWarp prst="textNoShape">
              <a:avLst/>
            </a:prstTxWarp>
          </a:bodyPr>
          <a:lstStyle/>
          <a:p>
            <a:pPr algn="ctr" defTabSz="1829166">
              <a:buClr>
                <a:srgbClr val="CC9900"/>
              </a:buClr>
            </a:pPr>
            <a:r>
              <a:rPr lang="en-US" altLang="zh-CN" sz="2100" b="1" dirty="0" smtClean="0">
                <a:solidFill>
                  <a:schemeClr val="bg1"/>
                </a:solidFill>
                <a:latin typeface="微软雅黑" pitchFamily="34" charset="-122"/>
                <a:ea typeface="微软雅黑" pitchFamily="34" charset="-122"/>
              </a:rPr>
              <a:t>Object</a:t>
            </a:r>
          </a:p>
          <a:p>
            <a:pPr algn="ctr" defTabSz="1829166">
              <a:buClr>
                <a:srgbClr val="CC9900"/>
              </a:buClr>
            </a:pPr>
            <a:r>
              <a:rPr lang="en-US" altLang="zh-CN" sz="2100" b="1" dirty="0" smtClean="0">
                <a:solidFill>
                  <a:schemeClr val="bg1"/>
                </a:solidFill>
                <a:latin typeface="微软雅黑" pitchFamily="34" charset="-122"/>
                <a:ea typeface="微软雅黑" pitchFamily="34" charset="-122"/>
              </a:rPr>
              <a:t>Storage</a:t>
            </a:r>
            <a:endParaRPr lang="zh-CN" altLang="en-US" sz="2100" b="1" dirty="0" smtClean="0">
              <a:solidFill>
                <a:schemeClr val="bg1"/>
              </a:solidFill>
              <a:latin typeface="微软雅黑" pitchFamily="34" charset="-122"/>
              <a:ea typeface="微软雅黑" pitchFamily="34" charset="-122"/>
            </a:endParaRPr>
          </a:p>
        </p:txBody>
      </p:sp>
      <p:sp>
        <p:nvSpPr>
          <p:cNvPr id="72" name="Rounded Rectangle 5"/>
          <p:cNvSpPr/>
          <p:nvPr/>
        </p:nvSpPr>
        <p:spPr bwMode="auto">
          <a:xfrm>
            <a:off x="2087578" y="4609937"/>
            <a:ext cx="12243485" cy="823272"/>
          </a:xfrm>
          <a:prstGeom prst="roundRect">
            <a:avLst>
              <a:gd name="adj" fmla="val 10999"/>
            </a:avLst>
          </a:prstGeom>
          <a:solidFill>
            <a:srgbClr val="4FB8FF"/>
          </a:solidFill>
          <a:ln w="12700" cap="flat" cmpd="sng" algn="ctr">
            <a:solidFill>
              <a:srgbClr val="1A448A"/>
            </a:solidFill>
            <a:prstDash val="solid"/>
            <a:headEnd type="none" w="med" len="med"/>
            <a:tailEnd type="none" w="med" len="med"/>
          </a:ln>
          <a:effectLst/>
          <a:scene3d>
            <a:camera prst="orthographicFront"/>
            <a:lightRig rig="threePt" dir="t"/>
          </a:scene3d>
          <a:sp3d>
            <a:bevelT w="38100" h="12700"/>
          </a:sp3d>
        </p:spPr>
        <p:txBody>
          <a:bodyPr lIns="182917" tIns="91458" rIns="182917" bIns="91458" anchor="ctr"/>
          <a:lstStyle/>
          <a:p>
            <a:pPr algn="ctr" defTabSz="1829166">
              <a:buClr>
                <a:srgbClr val="000000"/>
              </a:buClr>
              <a:defRPr/>
            </a:pPr>
            <a:r>
              <a:rPr lang="en-US" altLang="zh-CN" sz="2800" kern="0" dirty="0" err="1" smtClean="0">
                <a:latin typeface="微软雅黑" pitchFamily="34" charset="-122"/>
                <a:ea typeface="微软雅黑" pitchFamily="34" charset="-122"/>
              </a:rPr>
              <a:t>Clound</a:t>
            </a:r>
            <a:r>
              <a:rPr lang="en-US" altLang="zh-CN" sz="2800" kern="0" dirty="0" smtClean="0">
                <a:latin typeface="微软雅黑" pitchFamily="34" charset="-122"/>
                <a:ea typeface="微软雅黑" pitchFamily="34" charset="-122"/>
              </a:rPr>
              <a:t> Orchestration</a:t>
            </a:r>
            <a:endParaRPr lang="zh-CN" altLang="en-US" sz="2800" kern="0" dirty="0">
              <a:latin typeface="微软雅黑" pitchFamily="34" charset="-122"/>
              <a:ea typeface="微软雅黑" pitchFamily="34" charset="-122"/>
            </a:endParaRPr>
          </a:p>
        </p:txBody>
      </p:sp>
      <p:sp>
        <p:nvSpPr>
          <p:cNvPr id="84" name="圆角矩形 83"/>
          <p:cNvSpPr/>
          <p:nvPr/>
        </p:nvSpPr>
        <p:spPr bwMode="auto">
          <a:xfrm>
            <a:off x="7871456" y="6009450"/>
            <a:ext cx="1872533" cy="1296544"/>
          </a:xfrm>
          <a:prstGeom prst="roundRect">
            <a:avLst/>
          </a:prstGeom>
          <a:solidFill>
            <a:srgbClr val="C00000">
              <a:alpha val="30000"/>
            </a:srgbClr>
          </a:solid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2">
            <a:schemeClr val="accent1">
              <a:shade val="50000"/>
            </a:schemeClr>
          </a:lnRef>
          <a:fillRef idx="1">
            <a:schemeClr val="accent1"/>
          </a:fillRef>
          <a:effectRef idx="0">
            <a:schemeClr val="accent1"/>
          </a:effectRef>
          <a:fontRef idx="minor">
            <a:schemeClr val="lt1"/>
          </a:fontRef>
        </p:style>
        <p:txBody>
          <a:bodyPr vert="horz" wrap="square" lIns="182917" tIns="91458" rIns="182917" bIns="91458" numCol="1" rtlCol="0" anchor="t" anchorCtr="0" compatLnSpc="1">
            <a:prstTxWarp prst="textNoShape">
              <a:avLst/>
            </a:prstTxWarp>
          </a:bodyPr>
          <a:lstStyle/>
          <a:p>
            <a:pPr algn="ctr" defTabSz="1829166">
              <a:buClr>
                <a:srgbClr val="CC9900"/>
              </a:buClr>
            </a:pPr>
            <a:r>
              <a:rPr lang="en-US" altLang="zh-CN" sz="2800" b="1" dirty="0" smtClean="0">
                <a:solidFill>
                  <a:schemeClr val="bg1"/>
                </a:solidFill>
                <a:latin typeface="Arial" charset="0"/>
                <a:ea typeface="宋体" charset="-122"/>
              </a:rPr>
              <a:t>Fusion</a:t>
            </a:r>
            <a:br>
              <a:rPr lang="en-US" altLang="zh-CN" sz="2800" b="1" dirty="0" smtClean="0">
                <a:solidFill>
                  <a:schemeClr val="bg1"/>
                </a:solidFill>
                <a:latin typeface="Arial" charset="0"/>
                <a:ea typeface="宋体" charset="-122"/>
              </a:rPr>
            </a:br>
            <a:r>
              <a:rPr lang="en-US" altLang="zh-CN" sz="2800" b="1" dirty="0" smtClean="0">
                <a:solidFill>
                  <a:schemeClr val="bg1"/>
                </a:solidFill>
                <a:latin typeface="Arial" charset="0"/>
                <a:ea typeface="宋体" charset="-122"/>
              </a:rPr>
              <a:t>Storage</a:t>
            </a:r>
            <a:endParaRPr lang="zh-CN" altLang="en-US" sz="2800" b="1" dirty="0" smtClean="0">
              <a:solidFill>
                <a:schemeClr val="bg1"/>
              </a:solidFill>
              <a:latin typeface="Arial" charset="0"/>
              <a:ea typeface="宋体" charset="-122"/>
            </a:endParaRPr>
          </a:p>
        </p:txBody>
      </p:sp>
      <p:sp>
        <p:nvSpPr>
          <p:cNvPr id="86" name="圆角矩形 85"/>
          <p:cNvSpPr/>
          <p:nvPr/>
        </p:nvSpPr>
        <p:spPr bwMode="auto">
          <a:xfrm>
            <a:off x="10177631" y="5985691"/>
            <a:ext cx="2016574" cy="1296544"/>
          </a:xfrm>
          <a:prstGeom prst="roundRect">
            <a:avLst/>
          </a:prstGeom>
          <a:solidFill>
            <a:srgbClr val="C00000">
              <a:alpha val="30000"/>
            </a:srgbClr>
          </a:solid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2">
            <a:schemeClr val="accent1">
              <a:shade val="50000"/>
            </a:schemeClr>
          </a:lnRef>
          <a:fillRef idx="1">
            <a:schemeClr val="accent1"/>
          </a:fillRef>
          <a:effectRef idx="0">
            <a:schemeClr val="accent1"/>
          </a:effectRef>
          <a:fontRef idx="minor">
            <a:schemeClr val="lt1"/>
          </a:fontRef>
        </p:style>
        <p:txBody>
          <a:bodyPr vert="horz" wrap="square" lIns="182917" tIns="91458" rIns="182917" bIns="91458" numCol="1" rtlCol="0" anchor="t" anchorCtr="0" compatLnSpc="1">
            <a:prstTxWarp prst="textNoShape">
              <a:avLst/>
            </a:prstTxWarp>
          </a:bodyPr>
          <a:lstStyle/>
          <a:p>
            <a:pPr algn="ctr" defTabSz="1829166">
              <a:buClr>
                <a:srgbClr val="CC9900"/>
              </a:buClr>
            </a:pPr>
            <a:r>
              <a:rPr lang="en-US" altLang="zh-CN" sz="2800" b="1" dirty="0" smtClean="0">
                <a:solidFill>
                  <a:schemeClr val="bg1"/>
                </a:solidFill>
                <a:latin typeface="Arial" charset="0"/>
                <a:ea typeface="宋体" charset="-122"/>
              </a:rPr>
              <a:t>Fusion</a:t>
            </a:r>
            <a:br>
              <a:rPr lang="en-US" altLang="zh-CN" sz="2800" b="1" dirty="0" smtClean="0">
                <a:solidFill>
                  <a:schemeClr val="bg1"/>
                </a:solidFill>
                <a:latin typeface="Arial" charset="0"/>
                <a:ea typeface="宋体" charset="-122"/>
              </a:rPr>
            </a:br>
            <a:r>
              <a:rPr lang="en-US" altLang="zh-CN" sz="2800" b="1" dirty="0" smtClean="0">
                <a:solidFill>
                  <a:schemeClr val="bg1"/>
                </a:solidFill>
                <a:latin typeface="Arial" charset="0"/>
                <a:ea typeface="宋体" charset="-122"/>
              </a:rPr>
              <a:t>Network</a:t>
            </a:r>
            <a:endParaRPr lang="zh-CN" altLang="en-US" sz="2800" b="1" dirty="0" smtClean="0">
              <a:solidFill>
                <a:schemeClr val="bg1"/>
              </a:solidFill>
              <a:latin typeface="Arial" charset="0"/>
              <a:ea typeface="宋体" charset="-122"/>
            </a:endParaRPr>
          </a:p>
        </p:txBody>
      </p:sp>
      <p:sp>
        <p:nvSpPr>
          <p:cNvPr id="87" name="圆角矩形 86"/>
          <p:cNvSpPr/>
          <p:nvPr/>
        </p:nvSpPr>
        <p:spPr bwMode="auto">
          <a:xfrm>
            <a:off x="15051271" y="2936666"/>
            <a:ext cx="2160615" cy="6338660"/>
          </a:xfrm>
          <a:prstGeom prst="roundRect">
            <a:avLst/>
          </a:prstGeom>
          <a:solidFill>
            <a:srgbClr val="C00000">
              <a:alpha val="30000"/>
            </a:srgbClr>
          </a:solid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2">
            <a:schemeClr val="accent1">
              <a:shade val="50000"/>
            </a:schemeClr>
          </a:lnRef>
          <a:fillRef idx="1">
            <a:schemeClr val="accent1"/>
          </a:fillRef>
          <a:effectRef idx="0">
            <a:schemeClr val="accent1"/>
          </a:effectRef>
          <a:fontRef idx="minor">
            <a:schemeClr val="lt1"/>
          </a:fontRef>
        </p:style>
        <p:txBody>
          <a:bodyPr vert="horz" wrap="square" lIns="72014" tIns="91458" rIns="72014" bIns="91458" numCol="1" rtlCol="0" anchor="ctr" anchorCtr="0" compatLnSpc="1">
            <a:prstTxWarp prst="textNoShape">
              <a:avLst/>
            </a:prstTxWarp>
          </a:bodyPr>
          <a:lstStyle/>
          <a:p>
            <a:pPr algn="ctr" defTabSz="1829166">
              <a:buClr>
                <a:srgbClr val="CC9900"/>
              </a:buClr>
            </a:pPr>
            <a:r>
              <a:rPr lang="en-US" altLang="zh-CN" sz="2800" b="1" dirty="0" smtClean="0">
                <a:solidFill>
                  <a:schemeClr val="bg1"/>
                </a:solidFill>
                <a:latin typeface="Arial" charset="0"/>
                <a:ea typeface="宋体" charset="-122"/>
              </a:rPr>
              <a:t>Fusion</a:t>
            </a:r>
            <a:br>
              <a:rPr lang="en-US" altLang="zh-CN" sz="2800" b="1" dirty="0" smtClean="0">
                <a:solidFill>
                  <a:schemeClr val="bg1"/>
                </a:solidFill>
                <a:latin typeface="Arial" charset="0"/>
                <a:ea typeface="宋体" charset="-122"/>
              </a:rPr>
            </a:br>
            <a:r>
              <a:rPr lang="en-US" altLang="zh-CN" sz="2800" b="1" dirty="0" smtClean="0">
                <a:solidFill>
                  <a:schemeClr val="bg1"/>
                </a:solidFill>
                <a:latin typeface="Arial" charset="0"/>
                <a:ea typeface="宋体" charset="-122"/>
              </a:rPr>
              <a:t>Manager </a:t>
            </a:r>
            <a:endParaRPr lang="zh-CN" altLang="en-US" sz="2800" b="1" dirty="0" smtClean="0">
              <a:solidFill>
                <a:schemeClr val="bg1"/>
              </a:solidFill>
              <a:latin typeface="Arial" charset="0"/>
              <a:ea typeface="宋体" charset="-122"/>
            </a:endParaRPr>
          </a:p>
        </p:txBody>
      </p:sp>
      <p:sp>
        <p:nvSpPr>
          <p:cNvPr id="88" name="圆角矩形 87"/>
          <p:cNvSpPr/>
          <p:nvPr/>
        </p:nvSpPr>
        <p:spPr bwMode="auto">
          <a:xfrm>
            <a:off x="2014804" y="2938178"/>
            <a:ext cx="12531567" cy="2449028"/>
          </a:xfrm>
          <a:prstGeom prst="roundRect">
            <a:avLst/>
          </a:prstGeom>
          <a:solidFill>
            <a:srgbClr val="C00000">
              <a:alpha val="30000"/>
            </a:srgbClr>
          </a:solid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2">
            <a:schemeClr val="accent1">
              <a:shade val="50000"/>
            </a:schemeClr>
          </a:lnRef>
          <a:fillRef idx="1">
            <a:schemeClr val="accent1"/>
          </a:fillRef>
          <a:effectRef idx="0">
            <a:schemeClr val="accent1"/>
          </a:effectRef>
          <a:fontRef idx="minor">
            <a:schemeClr val="lt1"/>
          </a:fontRef>
        </p:style>
        <p:txBody>
          <a:bodyPr vert="horz" wrap="square" lIns="182917" tIns="91458" rIns="182917" bIns="91458" numCol="1" rtlCol="0" anchor="ctr" anchorCtr="0" compatLnSpc="1">
            <a:prstTxWarp prst="textNoShape">
              <a:avLst/>
            </a:prstTxWarp>
          </a:bodyPr>
          <a:lstStyle/>
          <a:p>
            <a:pPr algn="ctr" defTabSz="1829166">
              <a:buClr>
                <a:srgbClr val="CC9900"/>
              </a:buClr>
            </a:pPr>
            <a:r>
              <a:rPr lang="en-US" altLang="zh-CN" sz="2800" b="1" dirty="0" smtClean="0">
                <a:solidFill>
                  <a:schemeClr val="bg1"/>
                </a:solidFill>
                <a:latin typeface="Arial" charset="0"/>
                <a:ea typeface="宋体" charset="-122"/>
              </a:rPr>
              <a:t>Huawei Fusion OpenStack </a:t>
            </a:r>
            <a:endParaRPr lang="zh-CN" altLang="en-US" sz="2800" b="1" dirty="0" smtClean="0">
              <a:solidFill>
                <a:schemeClr val="bg1"/>
              </a:solidFill>
              <a:latin typeface="Arial" charset="0"/>
              <a:ea typeface="宋体" charset="-122"/>
            </a:endParaRPr>
          </a:p>
        </p:txBody>
      </p:sp>
      <p:sp>
        <p:nvSpPr>
          <p:cNvPr id="71" name="圆角矩形 70"/>
          <p:cNvSpPr/>
          <p:nvPr/>
        </p:nvSpPr>
        <p:spPr bwMode="auto">
          <a:xfrm>
            <a:off x="6151232" y="6020309"/>
            <a:ext cx="720125" cy="576178"/>
          </a:xfrm>
          <a:prstGeom prst="roundRect">
            <a:avLst/>
          </a:prstGeom>
          <a:solidFill>
            <a:schemeClr val="bg1">
              <a:lumMod val="85000"/>
            </a:schemeClr>
          </a:solidFill>
          <a:ln>
            <a:noFill/>
          </a:ln>
          <a:effectLst>
            <a:outerShdw blurRad="50800" dist="38100" dir="5400000" algn="t" rotWithShape="0">
              <a:prstClr val="black">
                <a:alpha val="40000"/>
              </a:prst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0" tIns="72014" rIns="0" bIns="91458" numCol="1" rtlCol="0" anchor="t" anchorCtr="0" compatLnSpc="1">
            <a:prstTxWarp prst="textNoShape">
              <a:avLst/>
            </a:prstTxWarp>
          </a:bodyPr>
          <a:lstStyle/>
          <a:p>
            <a:pPr algn="ctr" defTabSz="1829166">
              <a:buClr>
                <a:srgbClr val="CC9900"/>
              </a:buClr>
            </a:pPr>
            <a:r>
              <a:rPr lang="en-US" altLang="zh-CN" sz="2200" dirty="0" smtClean="0">
                <a:latin typeface="微软雅黑" pitchFamily="34" charset="-122"/>
                <a:ea typeface="微软雅黑" pitchFamily="34" charset="-122"/>
              </a:rPr>
              <a:t>VM</a:t>
            </a:r>
            <a:endParaRPr lang="zh-CN" altLang="en-US" sz="2200" dirty="0" smtClean="0">
              <a:latin typeface="微软雅黑" pitchFamily="34" charset="-122"/>
              <a:ea typeface="微软雅黑" pitchFamily="34" charset="-122"/>
            </a:endParaRPr>
          </a:p>
        </p:txBody>
      </p:sp>
      <p:sp>
        <p:nvSpPr>
          <p:cNvPr id="94" name="圆角矩形 93"/>
          <p:cNvSpPr/>
          <p:nvPr/>
        </p:nvSpPr>
        <p:spPr bwMode="auto">
          <a:xfrm>
            <a:off x="2303488" y="5876185"/>
            <a:ext cx="2160615" cy="3730611"/>
          </a:xfrm>
          <a:prstGeom prst="roundRect">
            <a:avLst/>
          </a:prstGeom>
          <a:noFill/>
          <a:ln>
            <a:solidFill>
              <a:schemeClr val="tx1"/>
            </a:solidFill>
            <a:prstDash val="dash"/>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917" tIns="91458" rIns="182917" bIns="91458" numCol="1" rtlCol="0" anchor="t" anchorCtr="0" compatLnSpc="1">
            <a:prstTxWarp prst="textNoShape">
              <a:avLst/>
            </a:prstTxWarp>
          </a:bodyPr>
          <a:lstStyle/>
          <a:p>
            <a:pPr defTabSz="1829166">
              <a:buClr>
                <a:srgbClr val="CC9900"/>
              </a:buClr>
              <a:buFont typeface="Wingdings" pitchFamily="2" charset="2"/>
              <a:buChar char="n"/>
            </a:pPr>
            <a:endParaRPr lang="zh-CN" altLang="en-US" sz="3600" dirty="0" smtClean="0">
              <a:latin typeface="微软雅黑" pitchFamily="34" charset="-122"/>
              <a:ea typeface="微软雅黑" pitchFamily="34" charset="-122"/>
            </a:endParaRPr>
          </a:p>
        </p:txBody>
      </p:sp>
      <p:sp>
        <p:nvSpPr>
          <p:cNvPr id="99" name="圆角矩形 98"/>
          <p:cNvSpPr/>
          <p:nvPr/>
        </p:nvSpPr>
        <p:spPr bwMode="auto">
          <a:xfrm>
            <a:off x="4998824" y="5876185"/>
            <a:ext cx="2160615" cy="3730611"/>
          </a:xfrm>
          <a:prstGeom prst="roundRect">
            <a:avLst/>
          </a:prstGeom>
          <a:noFill/>
          <a:ln>
            <a:solidFill>
              <a:schemeClr val="tx1"/>
            </a:solidFill>
            <a:prstDash val="dash"/>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917" tIns="91458" rIns="182917" bIns="91458" numCol="1" rtlCol="0" anchor="t" anchorCtr="0" compatLnSpc="1">
            <a:prstTxWarp prst="textNoShape">
              <a:avLst/>
            </a:prstTxWarp>
          </a:bodyPr>
          <a:lstStyle/>
          <a:p>
            <a:pPr defTabSz="1829166">
              <a:buClr>
                <a:srgbClr val="CC9900"/>
              </a:buClr>
              <a:buFont typeface="Wingdings" pitchFamily="2" charset="2"/>
              <a:buChar char="n"/>
            </a:pPr>
            <a:endParaRPr lang="zh-CN" altLang="en-US" sz="3600" dirty="0" smtClean="0">
              <a:latin typeface="微软雅黑" pitchFamily="34" charset="-122"/>
              <a:ea typeface="微软雅黑" pitchFamily="34" charset="-122"/>
            </a:endParaRPr>
          </a:p>
        </p:txBody>
      </p:sp>
      <p:sp>
        <p:nvSpPr>
          <p:cNvPr id="102" name="圆角矩形 101"/>
          <p:cNvSpPr/>
          <p:nvPr/>
        </p:nvSpPr>
        <p:spPr bwMode="auto">
          <a:xfrm>
            <a:off x="5304675" y="6016358"/>
            <a:ext cx="720125" cy="576178"/>
          </a:xfrm>
          <a:prstGeom prst="roundRect">
            <a:avLst/>
          </a:prstGeom>
          <a:solidFill>
            <a:schemeClr val="bg1">
              <a:lumMod val="85000"/>
            </a:schemeClr>
          </a:solidFill>
          <a:ln>
            <a:noFill/>
          </a:ln>
          <a:effectLst>
            <a:outerShdw blurRad="50800" dist="38100" dir="5400000" algn="t" rotWithShape="0">
              <a:prstClr val="black">
                <a:alpha val="40000"/>
              </a:prst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0" tIns="72014" rIns="0" bIns="91458" numCol="1" rtlCol="0" anchor="t" anchorCtr="0" compatLnSpc="1">
            <a:prstTxWarp prst="textNoShape">
              <a:avLst/>
            </a:prstTxWarp>
          </a:bodyPr>
          <a:lstStyle/>
          <a:p>
            <a:pPr algn="ctr" defTabSz="1829166">
              <a:buClr>
                <a:srgbClr val="CC9900"/>
              </a:buClr>
            </a:pPr>
            <a:r>
              <a:rPr lang="en-US" altLang="zh-CN" sz="2200" dirty="0" smtClean="0">
                <a:latin typeface="微软雅黑" pitchFamily="34" charset="-122"/>
                <a:ea typeface="微软雅黑" pitchFamily="34" charset="-122"/>
              </a:rPr>
              <a:t>VM</a:t>
            </a:r>
            <a:endParaRPr lang="zh-CN" altLang="en-US" sz="2200" dirty="0" smtClean="0">
              <a:latin typeface="微软雅黑" pitchFamily="34" charset="-122"/>
              <a:ea typeface="微软雅黑" pitchFamily="34" charset="-122"/>
            </a:endParaRPr>
          </a:p>
        </p:txBody>
      </p:sp>
      <p:sp>
        <p:nvSpPr>
          <p:cNvPr id="106" name="圆角矩形 105"/>
          <p:cNvSpPr/>
          <p:nvPr/>
        </p:nvSpPr>
        <p:spPr bwMode="auto">
          <a:xfrm>
            <a:off x="5240845" y="9031036"/>
            <a:ext cx="1845746" cy="457455"/>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000" dirty="0" smtClean="0">
                <a:latin typeface="微软雅黑" pitchFamily="34" charset="-122"/>
                <a:ea typeface="微软雅黑" pitchFamily="34" charset="-122"/>
              </a:rPr>
              <a:t>X86 server</a:t>
            </a:r>
            <a:endParaRPr lang="zh-CN" altLang="en-US" sz="2000" dirty="0" smtClean="0">
              <a:latin typeface="微软雅黑" pitchFamily="34" charset="-122"/>
              <a:ea typeface="微软雅黑" pitchFamily="34" charset="-122"/>
            </a:endParaRPr>
          </a:p>
        </p:txBody>
      </p:sp>
      <p:grpSp>
        <p:nvGrpSpPr>
          <p:cNvPr id="5" name="组合 70"/>
          <p:cNvGrpSpPr/>
          <p:nvPr/>
        </p:nvGrpSpPr>
        <p:grpSpPr>
          <a:xfrm>
            <a:off x="5400521" y="8026297"/>
            <a:ext cx="1243428" cy="875158"/>
            <a:chOff x="2355417" y="3651870"/>
            <a:chExt cx="821965" cy="529322"/>
          </a:xfrm>
        </p:grpSpPr>
        <p:pic>
          <p:nvPicPr>
            <p:cNvPr id="110" name="Picture 3"/>
            <p:cNvPicPr>
              <a:picLocks noChangeAspect="1" noChangeArrowheads="1"/>
            </p:cNvPicPr>
            <p:nvPr/>
          </p:nvPicPr>
          <p:blipFill>
            <a:blip r:embed="rId6" cstate="print">
              <a:clrChange>
                <a:clrFrom>
                  <a:srgbClr val="FFFEFF"/>
                </a:clrFrom>
                <a:clrTo>
                  <a:srgbClr val="FFFEFF">
                    <a:alpha val="0"/>
                  </a:srgbClr>
                </a:clrTo>
              </a:clrChange>
            </a:blip>
            <a:srcRect/>
            <a:stretch>
              <a:fillRect/>
            </a:stretch>
          </p:blipFill>
          <p:spPr bwMode="auto">
            <a:xfrm>
              <a:off x="2367292" y="3821152"/>
              <a:ext cx="810090" cy="360040"/>
            </a:xfrm>
            <a:prstGeom prst="rect">
              <a:avLst/>
            </a:prstGeom>
            <a:noFill/>
          </p:spPr>
        </p:pic>
        <p:pic>
          <p:nvPicPr>
            <p:cNvPr id="111" name="Picture 3"/>
            <p:cNvPicPr>
              <a:picLocks noChangeAspect="1" noChangeArrowheads="1"/>
            </p:cNvPicPr>
            <p:nvPr/>
          </p:nvPicPr>
          <p:blipFill>
            <a:blip r:embed="rId6" cstate="print">
              <a:clrChange>
                <a:clrFrom>
                  <a:srgbClr val="FFFEFF"/>
                </a:clrFrom>
                <a:clrTo>
                  <a:srgbClr val="FFFEFF">
                    <a:alpha val="0"/>
                  </a:srgbClr>
                </a:clrTo>
              </a:clrChange>
            </a:blip>
            <a:srcRect/>
            <a:stretch>
              <a:fillRect/>
            </a:stretch>
          </p:blipFill>
          <p:spPr bwMode="auto">
            <a:xfrm>
              <a:off x="2355417" y="3651870"/>
              <a:ext cx="810090" cy="360040"/>
            </a:xfrm>
            <a:prstGeom prst="rect">
              <a:avLst/>
            </a:prstGeom>
            <a:noFill/>
          </p:spPr>
        </p:pic>
      </p:grpSp>
      <p:sp>
        <p:nvSpPr>
          <p:cNvPr id="112" name="TextBox 111"/>
          <p:cNvSpPr txBox="1"/>
          <p:nvPr/>
        </p:nvSpPr>
        <p:spPr>
          <a:xfrm>
            <a:off x="5112439" y="6729753"/>
            <a:ext cx="1872533" cy="492594"/>
          </a:xfrm>
          <a:prstGeom prst="rect">
            <a:avLst/>
          </a:prstGeom>
        </p:spPr>
        <p:style>
          <a:lnRef idx="1">
            <a:schemeClr val="accent3"/>
          </a:lnRef>
          <a:fillRef idx="3">
            <a:schemeClr val="accent3"/>
          </a:fillRef>
          <a:effectRef idx="2">
            <a:schemeClr val="accent3"/>
          </a:effectRef>
          <a:fontRef idx="minor">
            <a:schemeClr val="lt1"/>
          </a:fontRef>
        </p:style>
        <p:txBody>
          <a:bodyPr wrap="square" lIns="182917" tIns="91458" rIns="182917" bIns="91458" rtlCol="0">
            <a:spAutoFit/>
          </a:bodyPr>
          <a:lstStyle/>
          <a:p>
            <a:pPr algn="ctr"/>
            <a:r>
              <a:rPr lang="en-US" altLang="zh-CN" sz="2000" dirty="0" smtClean="0">
                <a:solidFill>
                  <a:schemeClr val="tx1"/>
                </a:solidFill>
              </a:rPr>
              <a:t>UVP   </a:t>
            </a:r>
            <a:endParaRPr lang="zh-CN" altLang="en-US" sz="2000" dirty="0">
              <a:solidFill>
                <a:schemeClr val="tx1"/>
              </a:solidFill>
            </a:endParaRPr>
          </a:p>
        </p:txBody>
      </p:sp>
      <p:sp>
        <p:nvSpPr>
          <p:cNvPr id="113" name="圆角矩形 112"/>
          <p:cNvSpPr/>
          <p:nvPr/>
        </p:nvSpPr>
        <p:spPr bwMode="auto">
          <a:xfrm>
            <a:off x="2615404" y="6020309"/>
            <a:ext cx="720125" cy="576178"/>
          </a:xfrm>
          <a:prstGeom prst="roundRect">
            <a:avLst/>
          </a:prstGeom>
          <a:solidFill>
            <a:schemeClr val="bg1">
              <a:lumMod val="85000"/>
            </a:schemeClr>
          </a:solidFill>
          <a:ln>
            <a:noFill/>
          </a:ln>
          <a:effectLst>
            <a:outerShdw blurRad="50800" dist="38100" dir="5400000" algn="t" rotWithShape="0">
              <a:prstClr val="black">
                <a:alpha val="40000"/>
              </a:prst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0" tIns="72014" rIns="0" bIns="91458" numCol="1" rtlCol="0" anchor="t" anchorCtr="0" compatLnSpc="1">
            <a:prstTxWarp prst="textNoShape">
              <a:avLst/>
            </a:prstTxWarp>
          </a:bodyPr>
          <a:lstStyle/>
          <a:p>
            <a:pPr algn="ctr" defTabSz="1829166">
              <a:buClr>
                <a:srgbClr val="CC9900"/>
              </a:buClr>
            </a:pPr>
            <a:r>
              <a:rPr lang="en-US" altLang="zh-CN" sz="2200" dirty="0" smtClean="0">
                <a:latin typeface="微软雅黑" pitchFamily="34" charset="-122"/>
                <a:ea typeface="微软雅黑" pitchFamily="34" charset="-122"/>
              </a:rPr>
              <a:t>VM</a:t>
            </a:r>
            <a:endParaRPr lang="zh-CN" altLang="en-US" sz="2200" dirty="0" smtClean="0">
              <a:latin typeface="微软雅黑" pitchFamily="34" charset="-122"/>
              <a:ea typeface="微软雅黑" pitchFamily="34" charset="-122"/>
            </a:endParaRPr>
          </a:p>
        </p:txBody>
      </p:sp>
      <p:sp>
        <p:nvSpPr>
          <p:cNvPr id="114" name="圆角矩形 113"/>
          <p:cNvSpPr/>
          <p:nvPr/>
        </p:nvSpPr>
        <p:spPr bwMode="auto">
          <a:xfrm>
            <a:off x="3479650" y="6020309"/>
            <a:ext cx="720125" cy="576178"/>
          </a:xfrm>
          <a:prstGeom prst="roundRect">
            <a:avLst/>
          </a:prstGeom>
          <a:solidFill>
            <a:schemeClr val="bg1">
              <a:lumMod val="85000"/>
            </a:schemeClr>
          </a:solidFill>
          <a:ln>
            <a:noFill/>
          </a:ln>
          <a:effectLst>
            <a:outerShdw blurRad="50800" dist="38100" dir="5400000" algn="t" rotWithShape="0">
              <a:prstClr val="black">
                <a:alpha val="40000"/>
              </a:prst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0" tIns="72014" rIns="0" bIns="91458" numCol="1" rtlCol="0" anchor="t" anchorCtr="0" compatLnSpc="1">
            <a:prstTxWarp prst="textNoShape">
              <a:avLst/>
            </a:prstTxWarp>
          </a:bodyPr>
          <a:lstStyle/>
          <a:p>
            <a:pPr algn="ctr" defTabSz="1829166">
              <a:buClr>
                <a:srgbClr val="CC9900"/>
              </a:buClr>
            </a:pPr>
            <a:r>
              <a:rPr lang="en-US" altLang="zh-CN" sz="2200" dirty="0" smtClean="0">
                <a:latin typeface="微软雅黑" pitchFamily="34" charset="-122"/>
                <a:ea typeface="微软雅黑" pitchFamily="34" charset="-122"/>
              </a:rPr>
              <a:t>VM</a:t>
            </a:r>
            <a:endParaRPr lang="zh-CN" altLang="en-US" sz="2200" dirty="0" smtClean="0">
              <a:latin typeface="微软雅黑" pitchFamily="34" charset="-122"/>
              <a:ea typeface="微软雅黑" pitchFamily="34" charset="-122"/>
            </a:endParaRPr>
          </a:p>
        </p:txBody>
      </p:sp>
      <p:sp>
        <p:nvSpPr>
          <p:cNvPr id="115" name="圆角矩形 114"/>
          <p:cNvSpPr/>
          <p:nvPr/>
        </p:nvSpPr>
        <p:spPr bwMode="auto">
          <a:xfrm>
            <a:off x="2303488" y="5876185"/>
            <a:ext cx="2160615" cy="3730611"/>
          </a:xfrm>
          <a:prstGeom prst="roundRect">
            <a:avLst/>
          </a:prstGeom>
          <a:noFill/>
          <a:ln>
            <a:solidFill>
              <a:schemeClr val="tx1"/>
            </a:solidFill>
            <a:prstDash val="dash"/>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square" lIns="182917" tIns="91458" rIns="182917" bIns="91458" numCol="1" rtlCol="0" anchor="t" anchorCtr="0" compatLnSpc="1">
            <a:prstTxWarp prst="textNoShape">
              <a:avLst/>
            </a:prstTxWarp>
          </a:bodyPr>
          <a:lstStyle/>
          <a:p>
            <a:pPr defTabSz="1829166">
              <a:buClr>
                <a:srgbClr val="CC9900"/>
              </a:buClr>
              <a:buFont typeface="Wingdings" pitchFamily="2" charset="2"/>
              <a:buChar char="n"/>
            </a:pPr>
            <a:endParaRPr lang="zh-CN" altLang="en-US" sz="3600" dirty="0" smtClean="0">
              <a:latin typeface="微软雅黑" pitchFamily="34" charset="-122"/>
              <a:ea typeface="微软雅黑" pitchFamily="34" charset="-122"/>
            </a:endParaRPr>
          </a:p>
        </p:txBody>
      </p:sp>
      <p:sp>
        <p:nvSpPr>
          <p:cNvPr id="116" name="TextBox 115"/>
          <p:cNvSpPr txBox="1"/>
          <p:nvPr/>
        </p:nvSpPr>
        <p:spPr>
          <a:xfrm>
            <a:off x="2519701" y="6729755"/>
            <a:ext cx="1728492" cy="492594"/>
          </a:xfrm>
          <a:prstGeom prst="rect">
            <a:avLst/>
          </a:prstGeom>
        </p:spPr>
        <p:style>
          <a:lnRef idx="1">
            <a:schemeClr val="accent3"/>
          </a:lnRef>
          <a:fillRef idx="3">
            <a:schemeClr val="accent3"/>
          </a:fillRef>
          <a:effectRef idx="2">
            <a:schemeClr val="accent3"/>
          </a:effectRef>
          <a:fontRef idx="minor">
            <a:schemeClr val="lt1"/>
          </a:fontRef>
        </p:style>
        <p:txBody>
          <a:bodyPr wrap="square" lIns="182917" tIns="91458" rIns="182917" bIns="91458" rtlCol="0">
            <a:spAutoFit/>
          </a:bodyPr>
          <a:lstStyle/>
          <a:p>
            <a:pPr algn="ctr"/>
            <a:r>
              <a:rPr lang="en-US" altLang="zh-CN" sz="2000" dirty="0" err="1" smtClean="0">
                <a:solidFill>
                  <a:schemeClr val="tx1"/>
                </a:solidFill>
              </a:rPr>
              <a:t>ESXi</a:t>
            </a:r>
            <a:endParaRPr lang="zh-CN" altLang="en-US" sz="2000" dirty="0">
              <a:solidFill>
                <a:schemeClr val="tx1"/>
              </a:solidFill>
            </a:endParaRPr>
          </a:p>
        </p:txBody>
      </p:sp>
      <p:sp>
        <p:nvSpPr>
          <p:cNvPr id="117" name="圆角矩形 116"/>
          <p:cNvSpPr/>
          <p:nvPr/>
        </p:nvSpPr>
        <p:spPr bwMode="auto">
          <a:xfrm>
            <a:off x="2375662" y="9031036"/>
            <a:ext cx="1845746" cy="457455"/>
          </a:xfrm>
          <a:prstGeom prst="roundRect">
            <a:avLst/>
          </a:prstGeom>
          <a:noFill/>
          <a:ln w="9525" cap="flat" cmpd="sng" algn="ctr">
            <a:noFill/>
            <a:prstDash val="solid"/>
            <a:round/>
            <a:headEnd type="none" w="med" len="med"/>
            <a:tailEnd type="none" w="med" len="med"/>
          </a:ln>
          <a:effectLst/>
        </p:spPr>
        <p:txBody>
          <a:bodyPr vert="horz" wrap="square" lIns="158432" tIns="79216" rIns="158432" bIns="79216" numCol="1" rtlCol="0" anchor="ctr" anchorCtr="0" compatLnSpc="1">
            <a:prstTxWarp prst="textNoShape">
              <a:avLst/>
            </a:prstTxWarp>
            <a:noAutofit/>
          </a:bodyPr>
          <a:lstStyle/>
          <a:p>
            <a:pPr algn="ctr">
              <a:buClr>
                <a:srgbClr val="CC9900"/>
              </a:buClr>
            </a:pPr>
            <a:r>
              <a:rPr lang="en-US" altLang="zh-CN" sz="2000" dirty="0" smtClean="0">
                <a:latin typeface="微软雅黑" pitchFamily="34" charset="-122"/>
                <a:ea typeface="微软雅黑" pitchFamily="34" charset="-122"/>
              </a:rPr>
              <a:t>X86</a:t>
            </a:r>
            <a:r>
              <a:rPr lang="zh-CN" altLang="en-US" sz="2000" dirty="0" smtClean="0">
                <a:latin typeface="微软雅黑" pitchFamily="34" charset="-122"/>
                <a:ea typeface="微软雅黑" pitchFamily="34" charset="-122"/>
              </a:rPr>
              <a:t> </a:t>
            </a:r>
            <a:r>
              <a:rPr lang="en-US" altLang="zh-CN" sz="2000" dirty="0" smtClean="0">
                <a:latin typeface="微软雅黑" pitchFamily="34" charset="-122"/>
                <a:ea typeface="微软雅黑" pitchFamily="34" charset="-122"/>
              </a:rPr>
              <a:t>server</a:t>
            </a:r>
            <a:endParaRPr lang="zh-CN" altLang="en-US" sz="2000" dirty="0" smtClean="0">
              <a:latin typeface="微软雅黑" pitchFamily="34" charset="-122"/>
              <a:ea typeface="微软雅黑" pitchFamily="34" charset="-122"/>
            </a:endParaRPr>
          </a:p>
        </p:txBody>
      </p:sp>
      <p:grpSp>
        <p:nvGrpSpPr>
          <p:cNvPr id="6" name="组合 70"/>
          <p:cNvGrpSpPr/>
          <p:nvPr/>
        </p:nvGrpSpPr>
        <p:grpSpPr>
          <a:xfrm>
            <a:off x="2679379" y="8026297"/>
            <a:ext cx="1243428" cy="875158"/>
            <a:chOff x="2355417" y="3651870"/>
            <a:chExt cx="821965" cy="529322"/>
          </a:xfrm>
        </p:grpSpPr>
        <p:pic>
          <p:nvPicPr>
            <p:cNvPr id="119" name="Picture 3"/>
            <p:cNvPicPr>
              <a:picLocks noChangeAspect="1" noChangeArrowheads="1"/>
            </p:cNvPicPr>
            <p:nvPr/>
          </p:nvPicPr>
          <p:blipFill>
            <a:blip r:embed="rId6" cstate="print">
              <a:clrChange>
                <a:clrFrom>
                  <a:srgbClr val="FFFEFF"/>
                </a:clrFrom>
                <a:clrTo>
                  <a:srgbClr val="FFFEFF">
                    <a:alpha val="0"/>
                  </a:srgbClr>
                </a:clrTo>
              </a:clrChange>
            </a:blip>
            <a:srcRect/>
            <a:stretch>
              <a:fillRect/>
            </a:stretch>
          </p:blipFill>
          <p:spPr bwMode="auto">
            <a:xfrm>
              <a:off x="2367292" y="3821152"/>
              <a:ext cx="810090" cy="360040"/>
            </a:xfrm>
            <a:prstGeom prst="rect">
              <a:avLst/>
            </a:prstGeom>
            <a:noFill/>
          </p:spPr>
        </p:pic>
        <p:pic>
          <p:nvPicPr>
            <p:cNvPr id="120" name="Picture 3"/>
            <p:cNvPicPr>
              <a:picLocks noChangeAspect="1" noChangeArrowheads="1"/>
            </p:cNvPicPr>
            <p:nvPr/>
          </p:nvPicPr>
          <p:blipFill>
            <a:blip r:embed="rId6" cstate="print">
              <a:clrChange>
                <a:clrFrom>
                  <a:srgbClr val="FFFEFF"/>
                </a:clrFrom>
                <a:clrTo>
                  <a:srgbClr val="FFFEFF">
                    <a:alpha val="0"/>
                  </a:srgbClr>
                </a:clrTo>
              </a:clrChange>
            </a:blip>
            <a:srcRect/>
            <a:stretch>
              <a:fillRect/>
            </a:stretch>
          </p:blipFill>
          <p:spPr bwMode="auto">
            <a:xfrm>
              <a:off x="2355417" y="3651870"/>
              <a:ext cx="810090" cy="360040"/>
            </a:xfrm>
            <a:prstGeom prst="rect">
              <a:avLst/>
            </a:prstGeom>
            <a:noFill/>
          </p:spPr>
        </p:pic>
      </p:grpSp>
      <p:sp>
        <p:nvSpPr>
          <p:cNvPr id="77" name="圆角矩形 76"/>
          <p:cNvSpPr/>
          <p:nvPr/>
        </p:nvSpPr>
        <p:spPr bwMode="auto">
          <a:xfrm>
            <a:off x="2231619" y="5865390"/>
            <a:ext cx="4897394" cy="1440604"/>
          </a:xfrm>
          <a:prstGeom prst="roundRect">
            <a:avLst/>
          </a:prstGeom>
          <a:solidFill>
            <a:srgbClr val="C00000">
              <a:alpha val="30000"/>
            </a:srgbClr>
          </a:solid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style>
          <a:lnRef idx="2">
            <a:schemeClr val="accent1">
              <a:shade val="50000"/>
            </a:schemeClr>
          </a:lnRef>
          <a:fillRef idx="1">
            <a:schemeClr val="accent1"/>
          </a:fillRef>
          <a:effectRef idx="0">
            <a:schemeClr val="accent1"/>
          </a:effectRef>
          <a:fontRef idx="minor">
            <a:schemeClr val="lt1"/>
          </a:fontRef>
        </p:style>
        <p:txBody>
          <a:bodyPr vert="horz" wrap="square" lIns="182917" tIns="91458" rIns="182917" bIns="91458" numCol="1" rtlCol="0" anchor="t" anchorCtr="0" compatLnSpc="1">
            <a:prstTxWarp prst="textNoShape">
              <a:avLst/>
            </a:prstTxWarp>
          </a:bodyPr>
          <a:lstStyle/>
          <a:p>
            <a:pPr algn="ctr" defTabSz="1829166">
              <a:buClr>
                <a:srgbClr val="CC9900"/>
              </a:buClr>
            </a:pPr>
            <a:r>
              <a:rPr lang="en-US" altLang="zh-CN" sz="2800" b="1" dirty="0" smtClean="0">
                <a:solidFill>
                  <a:schemeClr val="bg1"/>
                </a:solidFill>
                <a:latin typeface="Arial" charset="0"/>
                <a:ea typeface="宋体" charset="-122"/>
              </a:rPr>
              <a:t>Fusion</a:t>
            </a:r>
            <a:br>
              <a:rPr lang="en-US" altLang="zh-CN" sz="2800" b="1" dirty="0" smtClean="0">
                <a:solidFill>
                  <a:schemeClr val="bg1"/>
                </a:solidFill>
                <a:latin typeface="Arial" charset="0"/>
                <a:ea typeface="宋体" charset="-122"/>
              </a:rPr>
            </a:br>
            <a:r>
              <a:rPr lang="en-US" altLang="zh-CN" sz="2800" b="1" dirty="0" smtClean="0">
                <a:solidFill>
                  <a:schemeClr val="bg1"/>
                </a:solidFill>
                <a:latin typeface="Arial" charset="0"/>
                <a:ea typeface="宋体" charset="-122"/>
              </a:rPr>
              <a:t>Compute</a:t>
            </a:r>
            <a:endParaRPr lang="zh-CN" altLang="en-US" sz="2800" b="1" dirty="0" smtClean="0">
              <a:solidFill>
                <a:schemeClr val="bg1"/>
              </a:solidFill>
              <a:latin typeface="Arial" charset="0"/>
              <a:ea typeface="宋体" charset="-122"/>
            </a:endParaRPr>
          </a:p>
        </p:txBody>
      </p:sp>
    </p:spTree>
    <p:extLst>
      <p:ext uri="{BB962C8B-B14F-4D97-AF65-F5344CB8AC3E}">
        <p14:creationId xmlns="" xmlns:p14="http://schemas.microsoft.com/office/powerpoint/2010/main" val="822826932"/>
      </p:ext>
    </p:extLst>
  </p:cSld>
  <p:clrMapOvr>
    <a:masterClrMapping/>
  </p:clrMapOvr>
  <p:transition advClick="0" advTm="8000">
    <p:fade thruBlk="1"/>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8" presetClass="entr" presetSubtype="16" fill="hold" grpId="0" nodeType="clickEffect">
                                  <p:stCondLst>
                                    <p:cond delay="0"/>
                                  </p:stCondLst>
                                  <p:childTnLst>
                                    <p:set>
                                      <p:cBhvr>
                                        <p:cTn id="6" dur="1" fill="hold">
                                          <p:stCondLst>
                                            <p:cond delay="0"/>
                                          </p:stCondLst>
                                        </p:cTn>
                                        <p:tgtEl>
                                          <p:spTgt spid="77"/>
                                        </p:tgtEl>
                                        <p:attrNameLst>
                                          <p:attrName>style.visibility</p:attrName>
                                        </p:attrNameLst>
                                      </p:cBhvr>
                                      <p:to>
                                        <p:strVal val="visible"/>
                                      </p:to>
                                    </p:set>
                                    <p:animEffect transition="in" filter="diamond(in)">
                                      <p:cBhvr>
                                        <p:cTn id="7" dur="2000"/>
                                        <p:tgtEl>
                                          <p:spTgt spid="77"/>
                                        </p:tgtEl>
                                      </p:cBhvr>
                                    </p:animEffect>
                                  </p:childTnLst>
                                </p:cTn>
                              </p:par>
                              <p:par>
                                <p:cTn id="8" presetID="8" presetClass="entr" presetSubtype="16" fill="hold" grpId="0" nodeType="withEffect">
                                  <p:stCondLst>
                                    <p:cond delay="0"/>
                                  </p:stCondLst>
                                  <p:childTnLst>
                                    <p:set>
                                      <p:cBhvr>
                                        <p:cTn id="9" dur="1" fill="hold">
                                          <p:stCondLst>
                                            <p:cond delay="0"/>
                                          </p:stCondLst>
                                        </p:cTn>
                                        <p:tgtEl>
                                          <p:spTgt spid="88"/>
                                        </p:tgtEl>
                                        <p:attrNameLst>
                                          <p:attrName>style.visibility</p:attrName>
                                        </p:attrNameLst>
                                      </p:cBhvr>
                                      <p:to>
                                        <p:strVal val="visible"/>
                                      </p:to>
                                    </p:set>
                                    <p:animEffect transition="in" filter="diamond(in)">
                                      <p:cBhvr>
                                        <p:cTn id="10" dur="2000"/>
                                        <p:tgtEl>
                                          <p:spTgt spid="88"/>
                                        </p:tgtEl>
                                      </p:cBhvr>
                                    </p:animEffect>
                                  </p:childTnLst>
                                </p:cTn>
                              </p:par>
                              <p:par>
                                <p:cTn id="11" presetID="8" presetClass="entr" presetSubtype="16" fill="hold" grpId="0" nodeType="withEffect">
                                  <p:stCondLst>
                                    <p:cond delay="0"/>
                                  </p:stCondLst>
                                  <p:childTnLst>
                                    <p:set>
                                      <p:cBhvr>
                                        <p:cTn id="12" dur="1" fill="hold">
                                          <p:stCondLst>
                                            <p:cond delay="0"/>
                                          </p:stCondLst>
                                        </p:cTn>
                                        <p:tgtEl>
                                          <p:spTgt spid="84"/>
                                        </p:tgtEl>
                                        <p:attrNameLst>
                                          <p:attrName>style.visibility</p:attrName>
                                        </p:attrNameLst>
                                      </p:cBhvr>
                                      <p:to>
                                        <p:strVal val="visible"/>
                                      </p:to>
                                    </p:set>
                                    <p:animEffect transition="in" filter="diamond(in)">
                                      <p:cBhvr>
                                        <p:cTn id="13" dur="2000"/>
                                        <p:tgtEl>
                                          <p:spTgt spid="84"/>
                                        </p:tgtEl>
                                      </p:cBhvr>
                                    </p:animEffect>
                                  </p:childTnLst>
                                </p:cTn>
                              </p:par>
                              <p:par>
                                <p:cTn id="14" presetID="8" presetClass="entr" presetSubtype="16" fill="hold" grpId="0" nodeType="withEffect">
                                  <p:stCondLst>
                                    <p:cond delay="0"/>
                                  </p:stCondLst>
                                  <p:childTnLst>
                                    <p:set>
                                      <p:cBhvr>
                                        <p:cTn id="15" dur="1" fill="hold">
                                          <p:stCondLst>
                                            <p:cond delay="0"/>
                                          </p:stCondLst>
                                        </p:cTn>
                                        <p:tgtEl>
                                          <p:spTgt spid="86"/>
                                        </p:tgtEl>
                                        <p:attrNameLst>
                                          <p:attrName>style.visibility</p:attrName>
                                        </p:attrNameLst>
                                      </p:cBhvr>
                                      <p:to>
                                        <p:strVal val="visible"/>
                                      </p:to>
                                    </p:set>
                                    <p:animEffect transition="in" filter="diamond(in)">
                                      <p:cBhvr>
                                        <p:cTn id="16" dur="2000"/>
                                        <p:tgtEl>
                                          <p:spTgt spid="86"/>
                                        </p:tgtEl>
                                      </p:cBhvr>
                                    </p:animEffect>
                                  </p:childTnLst>
                                </p:cTn>
                              </p:par>
                              <p:par>
                                <p:cTn id="17" presetID="8" presetClass="entr" presetSubtype="16" fill="hold" grpId="0" nodeType="withEffect">
                                  <p:stCondLst>
                                    <p:cond delay="0"/>
                                  </p:stCondLst>
                                  <p:childTnLst>
                                    <p:set>
                                      <p:cBhvr>
                                        <p:cTn id="18" dur="1" fill="hold">
                                          <p:stCondLst>
                                            <p:cond delay="0"/>
                                          </p:stCondLst>
                                        </p:cTn>
                                        <p:tgtEl>
                                          <p:spTgt spid="87"/>
                                        </p:tgtEl>
                                        <p:attrNameLst>
                                          <p:attrName>style.visibility</p:attrName>
                                        </p:attrNameLst>
                                      </p:cBhvr>
                                      <p:to>
                                        <p:strVal val="visible"/>
                                      </p:to>
                                    </p:set>
                                    <p:animEffect transition="in" filter="diamond(in)">
                                      <p:cBhvr>
                                        <p:cTn id="19" dur="2000"/>
                                        <p:tgtEl>
                                          <p:spTgt spid="8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4" grpId="0" animBg="1"/>
      <p:bldP spid="86" grpId="0" animBg="1"/>
      <p:bldP spid="87" grpId="0" animBg="1"/>
      <p:bldP spid="88" grpId="0" animBg="1"/>
      <p:bldP spid="77" grpId="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2" name="标题 1"/>
          <p:cNvSpPr>
            <a:spLocks noGrp="1"/>
          </p:cNvSpPr>
          <p:nvPr>
            <p:ph type="title"/>
          </p:nvPr>
        </p:nvSpPr>
        <p:spPr>
          <a:xfrm>
            <a:off x="422086" y="630086"/>
            <a:ext cx="15660124" cy="737113"/>
          </a:xfrm>
          <a:noFill/>
          <a:ln>
            <a:noFill/>
          </a:ln>
          <a:effectLst/>
        </p:spPr>
        <p:txBody>
          <a:bodyPr vert="horz" wrap="square" lIns="0" tIns="60092" rIns="120186" bIns="60092" numCol="1" anchor="t" anchorCtr="0" compatLnSpc="1">
            <a:prstTxWarp prst="textNoShape">
              <a:avLst/>
            </a:prstTxWarp>
            <a:spAutoFit/>
          </a:bodyPr>
          <a:lstStyle/>
          <a:p>
            <a:pPr fontAlgn="ctr"/>
            <a:r>
              <a:rPr lang="en-US" altLang="zh-CN" sz="4000" kern="1200" dirty="0" smtClean="0">
                <a:latin typeface="Arial"/>
                <a:ea typeface="微软雅黑" pitchFamily="34" charset="-122"/>
                <a:cs typeface="Arial" pitchFamily="34" charset="0"/>
              </a:rPr>
              <a:t>Bank mobile marketing using </a:t>
            </a:r>
            <a:r>
              <a:rPr lang="en-US" altLang="zh-CN" sz="4000" kern="1200" dirty="0" err="1" smtClean="0">
                <a:latin typeface="Arial"/>
                <a:ea typeface="微软雅黑" pitchFamily="34" charset="-122"/>
                <a:cs typeface="Arial" pitchFamily="34" charset="0"/>
              </a:rPr>
              <a:t>Huawei</a:t>
            </a:r>
            <a:r>
              <a:rPr lang="en-US" altLang="zh-CN" sz="4000" kern="1200" dirty="0" smtClean="0">
                <a:latin typeface="Arial"/>
                <a:ea typeface="微软雅黑" pitchFamily="34" charset="-122"/>
                <a:cs typeface="Arial" pitchFamily="34" charset="0"/>
              </a:rPr>
              <a:t> </a:t>
            </a:r>
            <a:r>
              <a:rPr lang="en-US" altLang="zh-CN" sz="4000" kern="1200" dirty="0" err="1" smtClean="0">
                <a:latin typeface="Arial"/>
                <a:ea typeface="微软雅黑" pitchFamily="34" charset="-122"/>
                <a:cs typeface="Arial" pitchFamily="34" charset="0"/>
              </a:rPr>
              <a:t>AnyOffice</a:t>
            </a:r>
            <a:r>
              <a:rPr lang="en-US" altLang="zh-CN" sz="4000" kern="1200" dirty="0" smtClean="0">
                <a:latin typeface="Arial"/>
                <a:ea typeface="微软雅黑" pitchFamily="34" charset="-122"/>
                <a:cs typeface="Arial" pitchFamily="34" charset="0"/>
              </a:rPr>
              <a:t> Solution</a:t>
            </a:r>
            <a:endParaRPr lang="en-US" altLang="zh-CN" sz="4000" kern="1200" dirty="0">
              <a:latin typeface="Arial"/>
              <a:ea typeface="微软雅黑" pitchFamily="34" charset="-122"/>
              <a:cs typeface="Arial" pitchFamily="34" charset="0"/>
            </a:endParaRPr>
          </a:p>
        </p:txBody>
      </p:sp>
      <p:pic>
        <p:nvPicPr>
          <p:cNvPr id="159" name="图片 158"/>
          <p:cNvPicPr>
            <a:picLocks noChangeAspect="1"/>
          </p:cNvPicPr>
          <p:nvPr/>
        </p:nvPicPr>
        <p:blipFill>
          <a:blip r:embed="rId3" cstate="print"/>
          <a:stretch>
            <a:fillRect/>
          </a:stretch>
        </p:blipFill>
        <p:spPr bwMode="auto">
          <a:xfrm rot="1420816">
            <a:off x="708149" y="4490406"/>
            <a:ext cx="4404489" cy="1298975"/>
          </a:xfrm>
          <a:prstGeom prst="rect">
            <a:avLst/>
          </a:prstGeom>
          <a:ln>
            <a:noFill/>
          </a:ln>
          <a:effectLst>
            <a:outerShdw blurRad="190500" algn="tl" rotWithShape="0">
              <a:srgbClr val="000000">
                <a:alpha val="70000"/>
              </a:srgbClr>
            </a:outerShdw>
          </a:effectLst>
        </p:spPr>
      </p:pic>
      <p:sp>
        <p:nvSpPr>
          <p:cNvPr id="9299" name="TextBox 14"/>
          <p:cNvSpPr txBox="1">
            <a:spLocks noChangeArrowheads="1"/>
          </p:cNvSpPr>
          <p:nvPr/>
        </p:nvSpPr>
        <p:spPr bwMode="auto">
          <a:xfrm>
            <a:off x="2719200" y="5526578"/>
            <a:ext cx="2158467" cy="492594"/>
          </a:xfrm>
          <a:prstGeom prst="rect">
            <a:avLst/>
          </a:prstGeom>
          <a:noFill/>
          <a:ln w="9525">
            <a:noFill/>
            <a:miter lim="800000"/>
            <a:headEnd/>
            <a:tailEnd/>
          </a:ln>
        </p:spPr>
        <p:txBody>
          <a:bodyPr wrap="square" lIns="182917" tIns="91458" rIns="182917" bIns="91458" anchor="ctr">
            <a:spAutoFit/>
          </a:bodyPr>
          <a:lstStyle/>
          <a:p>
            <a:pPr algn="ctr" eaLnBrk="0" fontAlgn="ctr" hangingPunct="0">
              <a:buSzPct val="100000"/>
            </a:pPr>
            <a:r>
              <a:rPr lang="en-US" altLang="zh-CN" sz="2000" b="1" dirty="0" smtClean="0">
                <a:latin typeface="Arial"/>
                <a:ea typeface="微软雅黑" pitchFamily="34" charset="-122"/>
                <a:cs typeface="Arial Black" pitchFamily="34" charset="0"/>
                <a:sym typeface="Calibri" pitchFamily="34" charset="0"/>
              </a:rPr>
              <a:t>Sandbox</a:t>
            </a:r>
            <a:endParaRPr lang="en-US" altLang="zh-CN" sz="2000" b="1" dirty="0">
              <a:latin typeface="Arial"/>
              <a:ea typeface="微软雅黑" pitchFamily="34" charset="-122"/>
              <a:cs typeface="Arial Black" pitchFamily="34" charset="0"/>
              <a:sym typeface="Calibri" pitchFamily="34" charset="0"/>
            </a:endParaRPr>
          </a:p>
        </p:txBody>
      </p:sp>
      <p:sp>
        <p:nvSpPr>
          <p:cNvPr id="193" name="梯形 192"/>
          <p:cNvSpPr/>
          <p:nvPr/>
        </p:nvSpPr>
        <p:spPr bwMode="auto">
          <a:xfrm rot="16200000">
            <a:off x="4681566" y="3096338"/>
            <a:ext cx="1524470" cy="1872669"/>
          </a:xfrm>
          <a:prstGeom prst="trapezoid">
            <a:avLst>
              <a:gd name="adj" fmla="val 36408"/>
            </a:avLst>
          </a:prstGeom>
          <a:solidFill>
            <a:schemeClr val="bg1">
              <a:lumMod val="85000"/>
              <a:alpha val="61000"/>
            </a:schemeClr>
          </a:solidFill>
          <a:ln>
            <a:noFill/>
          </a:ln>
          <a:effectLst/>
          <a:extLst/>
        </p:spPr>
        <p:txBody>
          <a:bodyPr lIns="182917" tIns="91458" rIns="182917" bIns="91458"/>
          <a:lstStyle/>
          <a:p>
            <a:pPr fontAlgn="ctr">
              <a:buClr>
                <a:srgbClr val="CC9900"/>
              </a:buClr>
              <a:buFont typeface="Wingdings" pitchFamily="2" charset="2"/>
              <a:buChar char="n"/>
              <a:defRPr/>
            </a:pPr>
            <a:endParaRPr lang="en-US" altLang="zh-CN" dirty="0">
              <a:latin typeface="Arial"/>
              <a:ea typeface="微软雅黑" pitchFamily="34" charset="-122"/>
            </a:endParaRPr>
          </a:p>
        </p:txBody>
      </p:sp>
      <p:cxnSp>
        <p:nvCxnSpPr>
          <p:cNvPr id="139" name="直接连接符 4"/>
          <p:cNvCxnSpPr/>
          <p:nvPr/>
        </p:nvCxnSpPr>
        <p:spPr bwMode="auto">
          <a:xfrm flipH="1">
            <a:off x="10002987" y="1534921"/>
            <a:ext cx="2" cy="6134707"/>
          </a:xfrm>
          <a:prstGeom prst="line">
            <a:avLst/>
          </a:prstGeom>
          <a:noFill/>
          <a:ln w="19050" cmpd="sng">
            <a:solidFill>
              <a:schemeClr val="tx1">
                <a:lumMod val="50000"/>
                <a:lumOff val="50000"/>
              </a:schemeClr>
            </a:solidFill>
            <a:prstDash val="dash"/>
          </a:ln>
          <a:effectLst/>
          <a:extLst/>
        </p:spPr>
      </p:cxnSp>
      <p:pic>
        <p:nvPicPr>
          <p:cNvPr id="9312" name="Picture 7"/>
          <p:cNvPicPr>
            <a:picLocks noChangeAspect="1" noChangeArrowheads="1"/>
          </p:cNvPicPr>
          <p:nvPr/>
        </p:nvPicPr>
        <p:blipFill>
          <a:blip r:embed="rId4" cstate="print">
            <a:clrChange>
              <a:clrFrom>
                <a:srgbClr val="FFFFFF"/>
              </a:clrFrom>
              <a:clrTo>
                <a:srgbClr val="FFFFFF">
                  <a:alpha val="0"/>
                </a:srgbClr>
              </a:clrTo>
            </a:clrChange>
            <a:duotone>
              <a:schemeClr val="accent3">
                <a:shade val="45000"/>
                <a:satMod val="135000"/>
              </a:schemeClr>
              <a:prstClr val="white"/>
            </a:duotone>
          </a:blip>
          <a:srcRect/>
          <a:stretch>
            <a:fillRect/>
          </a:stretch>
        </p:blipFill>
        <p:spPr bwMode="auto">
          <a:xfrm>
            <a:off x="7730191" y="3647561"/>
            <a:ext cx="1787280" cy="422708"/>
          </a:xfrm>
          <a:prstGeom prst="rect">
            <a:avLst/>
          </a:prstGeom>
          <a:noFill/>
          <a:ln w="9525">
            <a:noFill/>
            <a:miter lim="800000"/>
            <a:headEnd/>
            <a:tailEnd/>
          </a:ln>
        </p:spPr>
      </p:pic>
      <p:pic>
        <p:nvPicPr>
          <p:cNvPr id="9310" name="Picture 7"/>
          <p:cNvPicPr>
            <a:picLocks noChangeAspect="1" noChangeArrowheads="1"/>
          </p:cNvPicPr>
          <p:nvPr/>
        </p:nvPicPr>
        <p:blipFill>
          <a:blip r:embed="rId4" cstate="print">
            <a:clrChange>
              <a:clrFrom>
                <a:srgbClr val="FFFFFF"/>
              </a:clrFrom>
              <a:clrTo>
                <a:srgbClr val="FFFFFF">
                  <a:alpha val="0"/>
                </a:srgbClr>
              </a:clrTo>
            </a:clrChange>
            <a:duotone>
              <a:schemeClr val="accent3">
                <a:shade val="45000"/>
                <a:satMod val="135000"/>
              </a:schemeClr>
              <a:prstClr val="white"/>
            </a:duotone>
          </a:blip>
          <a:srcRect/>
          <a:stretch>
            <a:fillRect/>
          </a:stretch>
        </p:blipFill>
        <p:spPr bwMode="auto">
          <a:xfrm>
            <a:off x="7609983" y="4368666"/>
            <a:ext cx="1788730" cy="423051"/>
          </a:xfrm>
          <a:prstGeom prst="rect">
            <a:avLst/>
          </a:prstGeom>
          <a:noFill/>
          <a:ln w="9525">
            <a:noFill/>
            <a:miter lim="800000"/>
            <a:headEnd/>
            <a:tailEnd/>
          </a:ln>
        </p:spPr>
      </p:pic>
      <p:pic>
        <p:nvPicPr>
          <p:cNvPr id="9309" name="Picture 6"/>
          <p:cNvPicPr>
            <a:picLocks noChangeAspect="1" noChangeArrowheads="1"/>
          </p:cNvPicPr>
          <p:nvPr/>
        </p:nvPicPr>
        <p:blipFill>
          <a:blip r:embed="rId5" cstate="print">
            <a:clrChange>
              <a:clrFrom>
                <a:srgbClr val="FFFFFF"/>
              </a:clrFrom>
              <a:clrTo>
                <a:srgbClr val="FFFFFF">
                  <a:alpha val="0"/>
                </a:srgbClr>
              </a:clrTo>
            </a:clrChange>
            <a:duotone>
              <a:schemeClr val="accent3">
                <a:shade val="45000"/>
                <a:satMod val="135000"/>
              </a:schemeClr>
              <a:prstClr val="white"/>
            </a:duotone>
          </a:blip>
          <a:srcRect/>
          <a:stretch>
            <a:fillRect/>
          </a:stretch>
        </p:blipFill>
        <p:spPr bwMode="auto">
          <a:xfrm>
            <a:off x="7051576" y="3342729"/>
            <a:ext cx="2219941" cy="383388"/>
          </a:xfrm>
          <a:prstGeom prst="rect">
            <a:avLst/>
          </a:prstGeom>
          <a:noFill/>
          <a:ln w="9525">
            <a:noFill/>
            <a:miter lim="800000"/>
            <a:headEnd/>
            <a:tailEnd/>
          </a:ln>
        </p:spPr>
      </p:pic>
      <p:pic>
        <p:nvPicPr>
          <p:cNvPr id="9307" name="Picture 6"/>
          <p:cNvPicPr>
            <a:picLocks noChangeAspect="1" noChangeArrowheads="1"/>
          </p:cNvPicPr>
          <p:nvPr/>
        </p:nvPicPr>
        <p:blipFill>
          <a:blip r:embed="rId5" cstate="print">
            <a:clrChange>
              <a:clrFrom>
                <a:srgbClr val="FFFFFF"/>
              </a:clrFrom>
              <a:clrTo>
                <a:srgbClr val="FFFFFF">
                  <a:alpha val="0"/>
                </a:srgbClr>
              </a:clrTo>
            </a:clrChange>
            <a:duotone>
              <a:schemeClr val="accent3">
                <a:shade val="45000"/>
                <a:satMod val="135000"/>
              </a:schemeClr>
              <a:prstClr val="white"/>
            </a:duotone>
          </a:blip>
          <a:srcRect/>
          <a:stretch>
            <a:fillRect/>
          </a:stretch>
        </p:blipFill>
        <p:spPr bwMode="auto">
          <a:xfrm>
            <a:off x="7057509" y="4030099"/>
            <a:ext cx="2219941" cy="383388"/>
          </a:xfrm>
          <a:prstGeom prst="rect">
            <a:avLst/>
          </a:prstGeom>
          <a:noFill/>
          <a:ln w="9525">
            <a:noFill/>
            <a:miter lim="800000"/>
            <a:headEnd/>
            <a:tailEnd/>
          </a:ln>
        </p:spPr>
      </p:pic>
      <p:cxnSp>
        <p:nvCxnSpPr>
          <p:cNvPr id="138" name="直接连接符 3"/>
          <p:cNvCxnSpPr/>
          <p:nvPr/>
        </p:nvCxnSpPr>
        <p:spPr bwMode="auto">
          <a:xfrm>
            <a:off x="5442895" y="1534921"/>
            <a:ext cx="0" cy="6200043"/>
          </a:xfrm>
          <a:prstGeom prst="line">
            <a:avLst/>
          </a:prstGeom>
          <a:noFill/>
          <a:ln w="19050" cmpd="sng">
            <a:solidFill>
              <a:schemeClr val="tx1">
                <a:lumMod val="50000"/>
                <a:lumOff val="50000"/>
              </a:schemeClr>
            </a:solidFill>
            <a:prstDash val="dash"/>
          </a:ln>
          <a:effectLst/>
          <a:extLst/>
        </p:spPr>
      </p:cxnSp>
      <p:cxnSp>
        <p:nvCxnSpPr>
          <p:cNvPr id="140" name="直接连接符 6"/>
          <p:cNvCxnSpPr/>
          <p:nvPr/>
        </p:nvCxnSpPr>
        <p:spPr bwMode="auto">
          <a:xfrm>
            <a:off x="14550847" y="1491362"/>
            <a:ext cx="53983" cy="6158224"/>
          </a:xfrm>
          <a:prstGeom prst="line">
            <a:avLst/>
          </a:prstGeom>
          <a:noFill/>
          <a:ln w="19050" cmpd="sng">
            <a:solidFill>
              <a:schemeClr val="tx1">
                <a:lumMod val="50000"/>
                <a:lumOff val="50000"/>
              </a:schemeClr>
            </a:solidFill>
            <a:prstDash val="dash"/>
          </a:ln>
          <a:effectLst/>
          <a:extLst/>
        </p:spPr>
      </p:cxnSp>
      <p:grpSp>
        <p:nvGrpSpPr>
          <p:cNvPr id="2" name="组合 212"/>
          <p:cNvGrpSpPr>
            <a:grpSpLocks/>
          </p:cNvGrpSpPr>
          <p:nvPr/>
        </p:nvGrpSpPr>
        <p:grpSpPr bwMode="auto">
          <a:xfrm>
            <a:off x="6601519" y="4943649"/>
            <a:ext cx="746256" cy="578028"/>
            <a:chOff x="1415536" y="2529770"/>
            <a:chExt cx="444082" cy="416050"/>
          </a:xfrm>
        </p:grpSpPr>
        <p:pic>
          <p:nvPicPr>
            <p:cNvPr id="9282" name="Picture 68" descr="14a.png"/>
            <p:cNvPicPr>
              <a:picLocks noChangeAspect="1"/>
            </p:cNvPicPr>
            <p:nvPr/>
          </p:nvPicPr>
          <p:blipFill>
            <a:blip r:embed="rId6" cstate="print"/>
            <a:srcRect/>
            <a:stretch>
              <a:fillRect/>
            </a:stretch>
          </p:blipFill>
          <p:spPr bwMode="auto">
            <a:xfrm>
              <a:off x="1415536" y="2529770"/>
              <a:ext cx="370735" cy="370735"/>
            </a:xfrm>
            <a:prstGeom prst="rect">
              <a:avLst/>
            </a:prstGeom>
            <a:noFill/>
            <a:ln w="9525">
              <a:noFill/>
              <a:miter lim="800000"/>
              <a:headEnd/>
              <a:tailEnd/>
            </a:ln>
          </p:spPr>
        </p:pic>
        <p:pic>
          <p:nvPicPr>
            <p:cNvPr id="9283" name="Picture 162"/>
            <p:cNvPicPr>
              <a:picLocks noChangeAspect="1" noChangeArrowheads="1"/>
            </p:cNvPicPr>
            <p:nvPr/>
          </p:nvPicPr>
          <p:blipFill>
            <a:blip r:embed="rId7" cstate="print"/>
            <a:srcRect/>
            <a:stretch>
              <a:fillRect/>
            </a:stretch>
          </p:blipFill>
          <p:spPr bwMode="auto">
            <a:xfrm>
              <a:off x="1580664" y="2732544"/>
              <a:ext cx="278954" cy="213276"/>
            </a:xfrm>
            <a:prstGeom prst="rect">
              <a:avLst/>
            </a:prstGeom>
            <a:noFill/>
            <a:ln w="12700" cap="rnd">
              <a:noFill/>
              <a:prstDash val="sysDot"/>
              <a:miter lim="800000"/>
              <a:headEnd/>
              <a:tailEnd/>
            </a:ln>
          </p:spPr>
        </p:pic>
      </p:grpSp>
      <p:pic>
        <p:nvPicPr>
          <p:cNvPr id="211" name="Picture 8"/>
          <p:cNvPicPr>
            <a:picLocks noChangeAspect="1" noChangeArrowheads="1"/>
          </p:cNvPicPr>
          <p:nvPr/>
        </p:nvPicPr>
        <p:blipFill>
          <a:blip r:embed="rId8" cstate="print">
            <a:clrChange>
              <a:clrFrom>
                <a:srgbClr val="FFFFFF"/>
              </a:clrFrom>
              <a:clrTo>
                <a:srgbClr val="FFFFFF">
                  <a:alpha val="0"/>
                </a:srgbClr>
              </a:clrTo>
            </a:clrChange>
            <a:duotone>
              <a:prstClr val="black"/>
              <a:schemeClr val="tx2">
                <a:tint val="45000"/>
                <a:satMod val="400000"/>
              </a:schemeClr>
            </a:duotone>
          </a:blip>
          <a:srcRect/>
          <a:stretch>
            <a:fillRect/>
          </a:stretch>
        </p:blipFill>
        <p:spPr bwMode="auto">
          <a:xfrm>
            <a:off x="7451203" y="5115885"/>
            <a:ext cx="1809474" cy="179938"/>
          </a:xfrm>
          <a:prstGeom prst="rect">
            <a:avLst/>
          </a:prstGeom>
          <a:noFill/>
          <a:ln w="9525">
            <a:noFill/>
            <a:miter lim="800000"/>
            <a:headEnd/>
            <a:tailEnd/>
          </a:ln>
        </p:spPr>
      </p:pic>
      <p:sp>
        <p:nvSpPr>
          <p:cNvPr id="212" name="乘号 211"/>
          <p:cNvSpPr/>
          <p:nvPr/>
        </p:nvSpPr>
        <p:spPr bwMode="auto">
          <a:xfrm>
            <a:off x="9086611" y="4973138"/>
            <a:ext cx="749430" cy="470045"/>
          </a:xfrm>
          <a:prstGeom prst="mathMultiply">
            <a:avLst/>
          </a:prstGeom>
          <a:solidFill>
            <a:schemeClr val="tx1">
              <a:lumMod val="75000"/>
              <a:lumOff val="25000"/>
            </a:schemeClr>
          </a:solidFill>
          <a:ln>
            <a:noFill/>
          </a:ln>
          <a:effectLst/>
          <a:extLst/>
        </p:spPr>
        <p:txBody>
          <a:bodyPr lIns="182917" tIns="91458" rIns="182917" bIns="91458"/>
          <a:lstStyle/>
          <a:p>
            <a:pPr fontAlgn="ctr">
              <a:buClr>
                <a:srgbClr val="CC9900"/>
              </a:buClr>
              <a:buFont typeface="Wingdings" pitchFamily="2" charset="2"/>
              <a:buChar char="n"/>
              <a:defRPr/>
            </a:pPr>
            <a:endParaRPr lang="en-US" altLang="zh-CN">
              <a:latin typeface="Arial"/>
              <a:ea typeface="微软雅黑" pitchFamily="34" charset="-122"/>
            </a:endParaRPr>
          </a:p>
        </p:txBody>
      </p:sp>
      <p:sp>
        <p:nvSpPr>
          <p:cNvPr id="9238" name="TextBox 228"/>
          <p:cNvSpPr txBox="1">
            <a:spLocks noChangeArrowheads="1"/>
          </p:cNvSpPr>
          <p:nvPr/>
        </p:nvSpPr>
        <p:spPr bwMode="auto">
          <a:xfrm>
            <a:off x="712689" y="6068906"/>
            <a:ext cx="4731115" cy="1523486"/>
          </a:xfrm>
          <a:prstGeom prst="rect">
            <a:avLst/>
          </a:prstGeom>
          <a:noFill/>
          <a:ln w="9525">
            <a:noFill/>
            <a:miter lim="800000"/>
            <a:headEnd/>
            <a:tailEnd/>
          </a:ln>
        </p:spPr>
        <p:txBody>
          <a:bodyPr wrap="square" lIns="137151" tIns="68576" rIns="137151" bIns="68576">
            <a:spAutoFit/>
          </a:bodyPr>
          <a:lstStyle/>
          <a:p>
            <a:pPr marL="288984" indent="-288984" eaLnBrk="0" fontAlgn="ctr" hangingPunct="0">
              <a:spcBef>
                <a:spcPts val="0"/>
              </a:spcBef>
              <a:buFont typeface="Wingdings" pitchFamily="2" charset="2"/>
              <a:buChar char="Ø"/>
            </a:pPr>
            <a:r>
              <a:rPr lang="en-US" altLang="zh-CN" dirty="0" smtClean="0">
                <a:solidFill>
                  <a:srgbClr val="000000"/>
                </a:solidFill>
                <a:latin typeface="Arial"/>
                <a:ea typeface="微软雅黑" pitchFamily="34" charset="-122"/>
                <a:sym typeface="Calibri" pitchFamily="34" charset="0"/>
              </a:rPr>
              <a:t>Offers secure and unified portals for mobile applications</a:t>
            </a:r>
          </a:p>
          <a:p>
            <a:pPr marL="288984" indent="-288984" eaLnBrk="0" fontAlgn="ctr" hangingPunct="0">
              <a:spcBef>
                <a:spcPts val="0"/>
              </a:spcBef>
              <a:buFont typeface="Wingdings" pitchFamily="2" charset="2"/>
              <a:buChar char="Ø"/>
            </a:pPr>
            <a:r>
              <a:rPr lang="en-US" altLang="zh-CN" dirty="0" smtClean="0">
                <a:solidFill>
                  <a:srgbClr val="000000"/>
                </a:solidFill>
                <a:latin typeface="Arial"/>
                <a:ea typeface="微软雅黑" pitchFamily="34" charset="-122"/>
                <a:sym typeface="Calibri" pitchFamily="34" charset="0"/>
              </a:rPr>
              <a:t>Sandbox for separating enterprise and personal data</a:t>
            </a:r>
            <a:endParaRPr lang="en-US" altLang="zh-CN" dirty="0">
              <a:solidFill>
                <a:srgbClr val="000000"/>
              </a:solidFill>
              <a:latin typeface="Arial"/>
              <a:ea typeface="微软雅黑" pitchFamily="34" charset="-122"/>
              <a:sym typeface="Calibri" pitchFamily="34" charset="0"/>
            </a:endParaRPr>
          </a:p>
          <a:p>
            <a:pPr marL="288984" indent="-288984" eaLnBrk="0" fontAlgn="ctr" hangingPunct="0">
              <a:spcBef>
                <a:spcPts val="0"/>
              </a:spcBef>
              <a:buFont typeface="Wingdings" pitchFamily="2" charset="2"/>
              <a:buChar char="Ø"/>
            </a:pPr>
            <a:r>
              <a:rPr lang="en-US" altLang="zh-CN" dirty="0" smtClean="0">
                <a:solidFill>
                  <a:srgbClr val="000000"/>
                </a:solidFill>
                <a:latin typeface="Arial"/>
                <a:ea typeface="微软雅黑" pitchFamily="34" charset="-122"/>
                <a:sym typeface="Calibri" pitchFamily="34" charset="0"/>
              </a:rPr>
              <a:t>SDK to rapidly secure applications</a:t>
            </a:r>
            <a:endParaRPr lang="en-US" altLang="zh-CN" dirty="0">
              <a:solidFill>
                <a:srgbClr val="000000"/>
              </a:solidFill>
              <a:latin typeface="Arial"/>
              <a:ea typeface="微软雅黑" pitchFamily="34" charset="-122"/>
              <a:sym typeface="Calibri" pitchFamily="34" charset="0"/>
            </a:endParaRPr>
          </a:p>
        </p:txBody>
      </p:sp>
      <p:grpSp>
        <p:nvGrpSpPr>
          <p:cNvPr id="3" name="组合 48"/>
          <p:cNvGrpSpPr>
            <a:grpSpLocks/>
          </p:cNvGrpSpPr>
          <p:nvPr/>
        </p:nvGrpSpPr>
        <p:grpSpPr bwMode="auto">
          <a:xfrm>
            <a:off x="10701608" y="2741334"/>
            <a:ext cx="3452279" cy="3273150"/>
            <a:chOff x="2573865" y="1095022"/>
            <a:chExt cx="2895202" cy="2748848"/>
          </a:xfrm>
        </p:grpSpPr>
        <p:sp>
          <p:nvSpPr>
            <p:cNvPr id="216" name="椭圆 215"/>
            <p:cNvSpPr/>
            <p:nvPr/>
          </p:nvSpPr>
          <p:spPr bwMode="auto">
            <a:xfrm>
              <a:off x="2611428" y="1095022"/>
              <a:ext cx="2831634" cy="2726522"/>
            </a:xfrm>
            <a:prstGeom prst="ellipse">
              <a:avLst/>
            </a:prstGeom>
            <a:solidFill>
              <a:srgbClr val="C00000"/>
            </a:solidFill>
            <a:ln>
              <a:noFill/>
            </a:ln>
            <a:extLst/>
          </p:spPr>
          <p:style>
            <a:lnRef idx="2">
              <a:schemeClr val="accent4"/>
            </a:lnRef>
            <a:fillRef idx="1">
              <a:schemeClr val="lt1"/>
            </a:fillRef>
            <a:effectRef idx="0">
              <a:schemeClr val="accent4"/>
            </a:effectRef>
            <a:fontRef idx="minor">
              <a:schemeClr val="dk1"/>
            </a:fontRef>
          </p:style>
          <p:txBody>
            <a:bodyPr/>
            <a:lstStyle/>
            <a:p>
              <a:pPr fontAlgn="ctr">
                <a:buClr>
                  <a:srgbClr val="CC9900"/>
                </a:buClr>
                <a:buFont typeface="Wingdings" pitchFamily="2" charset="2"/>
                <a:buChar char="n"/>
                <a:defRPr/>
              </a:pPr>
              <a:endParaRPr lang="en-US" altLang="zh-CN" sz="5600" dirty="0">
                <a:solidFill>
                  <a:schemeClr val="tx1"/>
                </a:solidFill>
                <a:latin typeface="Arial"/>
                <a:ea typeface="微软雅黑" pitchFamily="34" charset="-122"/>
              </a:endParaRPr>
            </a:p>
          </p:txBody>
        </p:sp>
        <p:sp>
          <p:nvSpPr>
            <p:cNvPr id="217" name="燕尾形 216"/>
            <p:cNvSpPr/>
            <p:nvPr/>
          </p:nvSpPr>
          <p:spPr bwMode="auto">
            <a:xfrm>
              <a:off x="3882774" y="1095022"/>
              <a:ext cx="236933" cy="474420"/>
            </a:xfrm>
            <a:prstGeom prst="chevron">
              <a:avLst/>
            </a:prstGeom>
            <a:solidFill>
              <a:schemeClr val="bg1">
                <a:lumMod val="95000"/>
              </a:schemeClr>
            </a:solidFill>
            <a:ln>
              <a:noFill/>
            </a:ln>
            <a:effectLst/>
            <a:extLst/>
          </p:spPr>
          <p:txBody>
            <a:bodyPr/>
            <a:lstStyle/>
            <a:p>
              <a:pPr fontAlgn="ctr">
                <a:buClr>
                  <a:srgbClr val="CC9900"/>
                </a:buClr>
                <a:buFont typeface="Wingdings" pitchFamily="2" charset="2"/>
                <a:buChar char="n"/>
                <a:defRPr/>
              </a:pPr>
              <a:endParaRPr lang="en-US" altLang="zh-CN" sz="5600" dirty="0">
                <a:latin typeface="Arial"/>
                <a:ea typeface="微软雅黑" pitchFamily="34" charset="-122"/>
              </a:endParaRPr>
            </a:p>
          </p:txBody>
        </p:sp>
        <p:sp>
          <p:nvSpPr>
            <p:cNvPr id="218" name="燕尾形 217"/>
            <p:cNvSpPr/>
            <p:nvPr/>
          </p:nvSpPr>
          <p:spPr bwMode="auto">
            <a:xfrm flipH="1">
              <a:off x="3853880" y="3369450"/>
              <a:ext cx="236933" cy="474420"/>
            </a:xfrm>
            <a:prstGeom prst="chevron">
              <a:avLst/>
            </a:prstGeom>
            <a:solidFill>
              <a:schemeClr val="bg1">
                <a:lumMod val="95000"/>
              </a:schemeClr>
            </a:solidFill>
            <a:ln>
              <a:noFill/>
            </a:ln>
            <a:effectLst/>
            <a:extLst/>
          </p:spPr>
          <p:txBody>
            <a:bodyPr/>
            <a:lstStyle/>
            <a:p>
              <a:pPr fontAlgn="ctr">
                <a:buClr>
                  <a:srgbClr val="CC9900"/>
                </a:buClr>
                <a:buFont typeface="Wingdings" pitchFamily="2" charset="2"/>
                <a:buChar char="n"/>
                <a:defRPr/>
              </a:pPr>
              <a:endParaRPr lang="en-US" altLang="zh-CN" sz="5600" dirty="0">
                <a:latin typeface="Arial"/>
                <a:ea typeface="微软雅黑" pitchFamily="34" charset="-122"/>
              </a:endParaRPr>
            </a:p>
          </p:txBody>
        </p:sp>
        <p:sp>
          <p:nvSpPr>
            <p:cNvPr id="219" name="燕尾形 218"/>
            <p:cNvSpPr/>
            <p:nvPr/>
          </p:nvSpPr>
          <p:spPr bwMode="auto">
            <a:xfrm rot="16200000">
              <a:off x="2721086" y="2019432"/>
              <a:ext cx="237211" cy="531654"/>
            </a:xfrm>
            <a:prstGeom prst="chevron">
              <a:avLst/>
            </a:prstGeom>
            <a:solidFill>
              <a:schemeClr val="bg1">
                <a:lumMod val="95000"/>
              </a:schemeClr>
            </a:solidFill>
            <a:ln>
              <a:noFill/>
            </a:ln>
            <a:effectLst/>
            <a:extLst/>
          </p:spPr>
          <p:txBody>
            <a:bodyPr/>
            <a:lstStyle/>
            <a:p>
              <a:pPr fontAlgn="ctr">
                <a:buClr>
                  <a:srgbClr val="CC9900"/>
                </a:buClr>
                <a:buFont typeface="Wingdings" pitchFamily="2" charset="2"/>
                <a:buChar char="n"/>
                <a:defRPr/>
              </a:pPr>
              <a:endParaRPr lang="en-US" altLang="zh-CN" sz="5600" dirty="0">
                <a:latin typeface="Arial"/>
                <a:ea typeface="微软雅黑" pitchFamily="34" charset="-122"/>
              </a:endParaRPr>
            </a:p>
          </p:txBody>
        </p:sp>
        <p:sp>
          <p:nvSpPr>
            <p:cNvPr id="220" name="燕尾形 219"/>
            <p:cNvSpPr/>
            <p:nvPr/>
          </p:nvSpPr>
          <p:spPr bwMode="auto">
            <a:xfrm rot="5400000" flipV="1">
              <a:off x="5084634" y="2052921"/>
              <a:ext cx="237211" cy="531654"/>
            </a:xfrm>
            <a:prstGeom prst="chevron">
              <a:avLst/>
            </a:prstGeom>
            <a:solidFill>
              <a:schemeClr val="bg1">
                <a:lumMod val="95000"/>
              </a:schemeClr>
            </a:solidFill>
            <a:ln>
              <a:noFill/>
            </a:ln>
            <a:effectLst/>
            <a:extLst/>
          </p:spPr>
          <p:txBody>
            <a:bodyPr/>
            <a:lstStyle/>
            <a:p>
              <a:pPr fontAlgn="ctr">
                <a:buClr>
                  <a:srgbClr val="CC9900"/>
                </a:buClr>
                <a:buFont typeface="Wingdings" pitchFamily="2" charset="2"/>
                <a:buChar char="n"/>
                <a:defRPr/>
              </a:pPr>
              <a:endParaRPr lang="en-US" altLang="zh-CN" sz="5600" dirty="0">
                <a:latin typeface="Arial"/>
                <a:ea typeface="微软雅黑" pitchFamily="34" charset="-122"/>
              </a:endParaRPr>
            </a:p>
          </p:txBody>
        </p:sp>
        <p:sp>
          <p:nvSpPr>
            <p:cNvPr id="221" name="椭圆 220"/>
            <p:cNvSpPr/>
            <p:nvPr/>
          </p:nvSpPr>
          <p:spPr bwMode="auto">
            <a:xfrm>
              <a:off x="3070846" y="1547117"/>
              <a:ext cx="1918576" cy="1861403"/>
            </a:xfrm>
            <a:prstGeom prst="ellipse">
              <a:avLst/>
            </a:prstGeom>
            <a:solidFill>
              <a:schemeClr val="bg1">
                <a:lumMod val="95000"/>
              </a:schemeClr>
            </a:solidFill>
            <a:ln>
              <a:noFill/>
            </a:ln>
            <a:extLst/>
          </p:spPr>
          <p:style>
            <a:lnRef idx="2">
              <a:schemeClr val="accent4"/>
            </a:lnRef>
            <a:fillRef idx="1">
              <a:schemeClr val="lt1"/>
            </a:fillRef>
            <a:effectRef idx="0">
              <a:schemeClr val="accent4"/>
            </a:effectRef>
            <a:fontRef idx="minor">
              <a:schemeClr val="dk1"/>
            </a:fontRef>
          </p:style>
          <p:txBody>
            <a:bodyPr/>
            <a:lstStyle/>
            <a:p>
              <a:pPr fontAlgn="ctr">
                <a:buClr>
                  <a:srgbClr val="CC9900"/>
                </a:buClr>
                <a:buFont typeface="Wingdings" pitchFamily="2" charset="2"/>
                <a:buChar char="n"/>
                <a:defRPr/>
              </a:pPr>
              <a:endParaRPr lang="en-US" altLang="zh-CN" sz="5600" dirty="0">
                <a:solidFill>
                  <a:schemeClr val="tx1"/>
                </a:solidFill>
                <a:latin typeface="Arial"/>
                <a:ea typeface="微软雅黑" pitchFamily="34" charset="-122"/>
              </a:endParaRPr>
            </a:p>
          </p:txBody>
        </p:sp>
        <p:sp>
          <p:nvSpPr>
            <p:cNvPr id="222" name="TextBox 221"/>
            <p:cNvSpPr txBox="1"/>
            <p:nvPr/>
          </p:nvSpPr>
          <p:spPr>
            <a:xfrm rot="19038179">
              <a:off x="2736280" y="1524123"/>
              <a:ext cx="1102621" cy="309094"/>
            </a:xfrm>
            <a:prstGeom prst="rect">
              <a:avLst/>
            </a:prstGeom>
            <a:noFill/>
          </p:spPr>
          <p:txBody>
            <a:bodyPr vert="eaVert" wrap="none">
              <a:prstTxWarp prst="textChevron">
                <a:avLst/>
              </a:prstTxWarp>
              <a:spAutoFit/>
            </a:bodyPr>
            <a:lstStyle/>
            <a:p>
              <a:pPr fontAlgn="ctr">
                <a:defRPr/>
              </a:pPr>
              <a:r>
                <a:rPr lang="en-US" altLang="zh-CN" b="1" dirty="0" smtClean="0">
                  <a:solidFill>
                    <a:schemeClr val="bg1"/>
                  </a:solidFill>
                  <a:latin typeface="Arial"/>
                  <a:ea typeface="微软雅黑" pitchFamily="34" charset="-122"/>
                </a:rPr>
                <a:t>Acquire</a:t>
              </a:r>
              <a:endParaRPr lang="en-US" altLang="zh-CN" b="1" dirty="0">
                <a:solidFill>
                  <a:schemeClr val="bg1"/>
                </a:solidFill>
                <a:latin typeface="Arial"/>
                <a:ea typeface="微软雅黑" pitchFamily="34" charset="-122"/>
              </a:endParaRPr>
            </a:p>
          </p:txBody>
        </p:sp>
        <p:sp>
          <p:nvSpPr>
            <p:cNvPr id="223" name="TextBox 222"/>
            <p:cNvSpPr txBox="1"/>
            <p:nvPr/>
          </p:nvSpPr>
          <p:spPr>
            <a:xfrm rot="2240412">
              <a:off x="4213594" y="1473480"/>
              <a:ext cx="1060187" cy="344342"/>
            </a:xfrm>
            <a:prstGeom prst="rect">
              <a:avLst/>
            </a:prstGeom>
            <a:noFill/>
          </p:spPr>
          <p:txBody>
            <a:bodyPr vert="eaVert" wrap="none">
              <a:prstTxWarp prst="textChevron">
                <a:avLst/>
              </a:prstTxWarp>
              <a:spAutoFit/>
            </a:bodyPr>
            <a:lstStyle/>
            <a:p>
              <a:pPr fontAlgn="ctr">
                <a:defRPr/>
              </a:pPr>
              <a:r>
                <a:rPr lang="en-US" altLang="zh-CN" sz="2100" b="1" dirty="0" smtClean="0">
                  <a:solidFill>
                    <a:schemeClr val="bg1"/>
                  </a:solidFill>
                  <a:latin typeface="Arial"/>
                  <a:ea typeface="微软雅黑" pitchFamily="34" charset="-122"/>
                </a:rPr>
                <a:t>Deploy</a:t>
              </a:r>
              <a:endParaRPr lang="en-US" altLang="zh-CN" sz="2100" b="1" dirty="0">
                <a:solidFill>
                  <a:schemeClr val="bg1"/>
                </a:solidFill>
                <a:latin typeface="Arial"/>
                <a:ea typeface="微软雅黑" pitchFamily="34" charset="-122"/>
              </a:endParaRPr>
            </a:p>
          </p:txBody>
        </p:sp>
        <p:sp>
          <p:nvSpPr>
            <p:cNvPr id="224" name="TextBox 223"/>
            <p:cNvSpPr txBox="1"/>
            <p:nvPr/>
          </p:nvSpPr>
          <p:spPr>
            <a:xfrm rot="7873523">
              <a:off x="4338498" y="2994223"/>
              <a:ext cx="1085696" cy="376034"/>
            </a:xfrm>
            <a:prstGeom prst="rect">
              <a:avLst/>
            </a:prstGeom>
            <a:noFill/>
          </p:spPr>
          <p:txBody>
            <a:bodyPr vert="eaVert" wrap="none">
              <a:prstTxWarp prst="textChevron">
                <a:avLst/>
              </a:prstTxWarp>
              <a:spAutoFit/>
            </a:bodyPr>
            <a:lstStyle/>
            <a:p>
              <a:pPr fontAlgn="ctr">
                <a:defRPr/>
              </a:pPr>
              <a:r>
                <a:rPr lang="en-US" altLang="zh-CN" sz="2100" b="1" dirty="0" smtClean="0">
                  <a:solidFill>
                    <a:schemeClr val="bg1"/>
                  </a:solidFill>
                  <a:latin typeface="Arial"/>
                  <a:ea typeface="微软雅黑" pitchFamily="34" charset="-122"/>
                </a:rPr>
                <a:t>Run</a:t>
              </a:r>
              <a:endParaRPr lang="en-US" altLang="zh-CN" sz="2100" b="1" dirty="0">
                <a:solidFill>
                  <a:schemeClr val="bg1"/>
                </a:solidFill>
                <a:latin typeface="Arial"/>
                <a:ea typeface="微软雅黑" pitchFamily="34" charset="-122"/>
              </a:endParaRPr>
            </a:p>
          </p:txBody>
        </p:sp>
        <p:sp>
          <p:nvSpPr>
            <p:cNvPr id="225" name="TextBox 224"/>
            <p:cNvSpPr txBox="1"/>
            <p:nvPr/>
          </p:nvSpPr>
          <p:spPr>
            <a:xfrm rot="13763018">
              <a:off x="2586286" y="3010943"/>
              <a:ext cx="1161542" cy="318195"/>
            </a:xfrm>
            <a:prstGeom prst="rect">
              <a:avLst/>
            </a:prstGeom>
            <a:noFill/>
          </p:spPr>
          <p:txBody>
            <a:bodyPr vert="eaVert" wrap="none">
              <a:prstTxWarp prst="textChevron">
                <a:avLst/>
              </a:prstTxWarp>
              <a:spAutoFit/>
            </a:bodyPr>
            <a:lstStyle/>
            <a:p>
              <a:pPr fontAlgn="ctr">
                <a:defRPr/>
              </a:pPr>
              <a:r>
                <a:rPr lang="en-US" altLang="zh-CN" sz="2100" b="1" dirty="0" smtClean="0">
                  <a:solidFill>
                    <a:schemeClr val="bg1"/>
                  </a:solidFill>
                  <a:latin typeface="Arial"/>
                  <a:ea typeface="微软雅黑" pitchFamily="34" charset="-122"/>
                </a:rPr>
                <a:t>Retire</a:t>
              </a:r>
              <a:endParaRPr lang="en-US" altLang="zh-CN" sz="2100" b="1" dirty="0">
                <a:solidFill>
                  <a:schemeClr val="bg1"/>
                </a:solidFill>
                <a:latin typeface="Arial"/>
                <a:ea typeface="微软雅黑" pitchFamily="34" charset="-122"/>
              </a:endParaRPr>
            </a:p>
          </p:txBody>
        </p:sp>
      </p:grpSp>
      <p:sp>
        <p:nvSpPr>
          <p:cNvPr id="9240" name="TextBox 225"/>
          <p:cNvSpPr txBox="1">
            <a:spLocks noChangeArrowheads="1"/>
          </p:cNvSpPr>
          <p:nvPr/>
        </p:nvSpPr>
        <p:spPr bwMode="auto">
          <a:xfrm>
            <a:off x="11316732" y="3900567"/>
            <a:ext cx="2204391" cy="554169"/>
          </a:xfrm>
          <a:prstGeom prst="rect">
            <a:avLst/>
          </a:prstGeom>
          <a:noFill/>
          <a:ln w="9525">
            <a:noFill/>
            <a:miter lim="800000"/>
            <a:headEnd/>
            <a:tailEnd/>
          </a:ln>
        </p:spPr>
        <p:txBody>
          <a:bodyPr wrap="square" lIns="182917" tIns="91458" rIns="182917" bIns="91458">
            <a:spAutoFit/>
          </a:bodyPr>
          <a:lstStyle/>
          <a:p>
            <a:pPr algn="ctr" eaLnBrk="0" fontAlgn="ctr" hangingPunct="0">
              <a:buSzPct val="100000"/>
            </a:pPr>
            <a:r>
              <a:rPr lang="en-US" altLang="zh-CN" sz="2400" b="1" dirty="0" smtClean="0">
                <a:solidFill>
                  <a:srgbClr val="404040"/>
                </a:solidFill>
                <a:latin typeface="Arial"/>
                <a:ea typeface="微软雅黑" pitchFamily="34" charset="-122"/>
                <a:sym typeface="Calibri" pitchFamily="34" charset="0"/>
              </a:rPr>
              <a:t>Lifecycle</a:t>
            </a:r>
            <a:endParaRPr lang="en-US" altLang="zh-CN" sz="2400" b="1" dirty="0">
              <a:solidFill>
                <a:srgbClr val="404040"/>
              </a:solidFill>
              <a:latin typeface="Arial"/>
              <a:ea typeface="微软雅黑" pitchFamily="34" charset="-122"/>
              <a:sym typeface="Calibri" pitchFamily="34" charset="0"/>
            </a:endParaRPr>
          </a:p>
        </p:txBody>
      </p:sp>
      <p:sp>
        <p:nvSpPr>
          <p:cNvPr id="9241" name="TextBox 228"/>
          <p:cNvSpPr txBox="1">
            <a:spLocks noChangeArrowheads="1"/>
          </p:cNvSpPr>
          <p:nvPr/>
        </p:nvSpPr>
        <p:spPr bwMode="auto">
          <a:xfrm>
            <a:off x="10283705" y="6068904"/>
            <a:ext cx="4206970" cy="1800485"/>
          </a:xfrm>
          <a:prstGeom prst="rect">
            <a:avLst/>
          </a:prstGeom>
          <a:noFill/>
          <a:ln w="9525">
            <a:noFill/>
            <a:miter lim="800000"/>
            <a:headEnd/>
            <a:tailEnd/>
          </a:ln>
        </p:spPr>
        <p:txBody>
          <a:bodyPr wrap="square" lIns="137151" tIns="68576" rIns="137151" bIns="68576">
            <a:spAutoFit/>
          </a:bodyPr>
          <a:lstStyle/>
          <a:p>
            <a:pPr marL="304861" indent="-304861" eaLnBrk="0" fontAlgn="ctr" hangingPunct="0">
              <a:spcBef>
                <a:spcPts val="0"/>
              </a:spcBef>
              <a:buFont typeface="Wingdings" pitchFamily="2" charset="2"/>
              <a:buChar char="Ø"/>
            </a:pPr>
            <a:r>
              <a:rPr lang="en-US" altLang="zh-CN" dirty="0" smtClean="0">
                <a:solidFill>
                  <a:srgbClr val="000000"/>
                </a:solidFill>
                <a:latin typeface="Arial"/>
                <a:ea typeface="微软雅黑" pitchFamily="34" charset="-122"/>
                <a:sym typeface="Calibri" pitchFamily="34" charset="0"/>
              </a:rPr>
              <a:t>Offers Lifecycle Management through MDM</a:t>
            </a:r>
          </a:p>
          <a:p>
            <a:pPr marL="304861" indent="-304861" eaLnBrk="0" fontAlgn="ctr" hangingPunct="0">
              <a:spcBef>
                <a:spcPts val="0"/>
              </a:spcBef>
              <a:buFont typeface="Wingdings" pitchFamily="2" charset="2"/>
              <a:buChar char="Ø"/>
            </a:pPr>
            <a:r>
              <a:rPr lang="en-US" altLang="zh-CN" dirty="0" smtClean="0">
                <a:solidFill>
                  <a:srgbClr val="000000"/>
                </a:solidFill>
                <a:latin typeface="Arial"/>
                <a:ea typeface="微软雅黑" pitchFamily="34" charset="-122"/>
                <a:sym typeface="Calibri" pitchFamily="34" charset="0"/>
              </a:rPr>
              <a:t>Rapid application integration and scalability</a:t>
            </a:r>
          </a:p>
          <a:p>
            <a:pPr marL="304861" indent="-304861" eaLnBrk="0" fontAlgn="ctr" hangingPunct="0">
              <a:spcBef>
                <a:spcPts val="0"/>
              </a:spcBef>
              <a:buFont typeface="Wingdings" pitchFamily="2" charset="2"/>
              <a:buChar char="Ø"/>
            </a:pPr>
            <a:r>
              <a:rPr lang="en-US" altLang="zh-CN" dirty="0" smtClean="0">
                <a:solidFill>
                  <a:srgbClr val="000000"/>
                </a:solidFill>
                <a:latin typeface="Arial"/>
                <a:ea typeface="微软雅黑" pitchFamily="34" charset="-122"/>
                <a:sym typeface="Calibri" pitchFamily="34" charset="0"/>
              </a:rPr>
              <a:t>Open platform for enterprise mobile applications</a:t>
            </a:r>
            <a:endParaRPr lang="en-US" altLang="zh-CN" dirty="0">
              <a:solidFill>
                <a:srgbClr val="000000"/>
              </a:solidFill>
              <a:latin typeface="Arial"/>
              <a:ea typeface="微软雅黑" pitchFamily="34" charset="-122"/>
              <a:sym typeface="Calibri" pitchFamily="34" charset="0"/>
            </a:endParaRPr>
          </a:p>
        </p:txBody>
      </p:sp>
      <p:sp>
        <p:nvSpPr>
          <p:cNvPr id="9242" name="TextBox 228"/>
          <p:cNvSpPr txBox="1">
            <a:spLocks noChangeArrowheads="1"/>
          </p:cNvSpPr>
          <p:nvPr/>
        </p:nvSpPr>
        <p:spPr bwMode="auto">
          <a:xfrm>
            <a:off x="14676773" y="6068906"/>
            <a:ext cx="3614401" cy="1661985"/>
          </a:xfrm>
          <a:prstGeom prst="rect">
            <a:avLst/>
          </a:prstGeom>
          <a:noFill/>
          <a:ln w="9525">
            <a:noFill/>
            <a:miter lim="800000"/>
            <a:headEnd/>
            <a:tailEnd/>
          </a:ln>
        </p:spPr>
        <p:txBody>
          <a:bodyPr wrap="square" lIns="137151" tIns="68576" rIns="137151" bIns="68576">
            <a:spAutoFit/>
          </a:bodyPr>
          <a:lstStyle/>
          <a:p>
            <a:pPr marL="273105" indent="-273105" eaLnBrk="0" fontAlgn="ctr" hangingPunct="0">
              <a:spcBef>
                <a:spcPct val="50000"/>
              </a:spcBef>
              <a:buFont typeface="Wingdings" pitchFamily="2" charset="2"/>
              <a:buChar char="Ø"/>
            </a:pPr>
            <a:r>
              <a:rPr lang="en-US" altLang="zh-CN" dirty="0" smtClean="0">
                <a:solidFill>
                  <a:srgbClr val="000000"/>
                </a:solidFill>
                <a:latin typeface="Arial"/>
                <a:ea typeface="微软雅黑" pitchFamily="34" charset="-122"/>
                <a:sym typeface="Calibri" pitchFamily="34" charset="0"/>
              </a:rPr>
              <a:t>Offers rapid integration and interworking with enterprise cloud platform</a:t>
            </a:r>
          </a:p>
          <a:p>
            <a:pPr marL="273105" indent="-273105" eaLnBrk="0" fontAlgn="ctr" hangingPunct="0">
              <a:spcBef>
                <a:spcPct val="50000"/>
              </a:spcBef>
              <a:buFont typeface="Wingdings" pitchFamily="2" charset="2"/>
              <a:buChar char="Ø"/>
            </a:pPr>
            <a:r>
              <a:rPr lang="en-US" altLang="zh-CN" dirty="0" err="1" smtClean="0">
                <a:solidFill>
                  <a:srgbClr val="000000"/>
                </a:solidFill>
                <a:latin typeface="Arial"/>
                <a:ea typeface="微软雅黑" pitchFamily="34" charset="-122"/>
                <a:sym typeface="Calibri" pitchFamily="34" charset="0"/>
              </a:rPr>
              <a:t>Huawei</a:t>
            </a:r>
            <a:r>
              <a:rPr lang="en-US" altLang="zh-CN" dirty="0" smtClean="0">
                <a:solidFill>
                  <a:srgbClr val="000000"/>
                </a:solidFill>
                <a:latin typeface="Arial"/>
                <a:ea typeface="微软雅黑" pitchFamily="34" charset="-122"/>
                <a:sym typeface="Calibri" pitchFamily="34" charset="0"/>
              </a:rPr>
              <a:t> cloud platform </a:t>
            </a:r>
            <a:r>
              <a:rPr lang="en-US" altLang="zh-CN" dirty="0" err="1" smtClean="0">
                <a:solidFill>
                  <a:srgbClr val="000000"/>
                </a:solidFill>
                <a:latin typeface="Arial"/>
                <a:ea typeface="微软雅黑" pitchFamily="34" charset="-122"/>
                <a:sym typeface="Calibri" pitchFamily="34" charset="0"/>
              </a:rPr>
              <a:t>FusionCloud</a:t>
            </a:r>
            <a:r>
              <a:rPr lang="en-US" altLang="zh-CN" dirty="0" smtClean="0">
                <a:solidFill>
                  <a:srgbClr val="000000"/>
                </a:solidFill>
                <a:latin typeface="Arial"/>
                <a:ea typeface="微软雅黑" pitchFamily="34" charset="-122"/>
                <a:sym typeface="Calibri" pitchFamily="34" charset="0"/>
              </a:rPr>
              <a:t> Ready</a:t>
            </a:r>
            <a:endParaRPr lang="en-US" altLang="zh-CN" dirty="0">
              <a:solidFill>
                <a:srgbClr val="000000"/>
              </a:solidFill>
              <a:latin typeface="Arial"/>
              <a:ea typeface="微软雅黑" pitchFamily="34" charset="-122"/>
              <a:sym typeface="Calibri" pitchFamily="34" charset="0"/>
            </a:endParaRPr>
          </a:p>
        </p:txBody>
      </p:sp>
      <p:grpSp>
        <p:nvGrpSpPr>
          <p:cNvPr id="4" name="组合 478"/>
          <p:cNvGrpSpPr>
            <a:grpSpLocks/>
          </p:cNvGrpSpPr>
          <p:nvPr/>
        </p:nvGrpSpPr>
        <p:grpSpPr bwMode="auto">
          <a:xfrm>
            <a:off x="14765872" y="2268646"/>
            <a:ext cx="2763174" cy="1836091"/>
            <a:chOff x="9796411" y="2826066"/>
            <a:chExt cx="1683501" cy="985148"/>
          </a:xfrm>
        </p:grpSpPr>
        <p:sp>
          <p:nvSpPr>
            <p:cNvPr id="9263" name="Freeform 27"/>
            <p:cNvSpPr>
              <a:spLocks noEditPoints="1"/>
            </p:cNvSpPr>
            <p:nvPr/>
          </p:nvSpPr>
          <p:spPr bwMode="auto">
            <a:xfrm>
              <a:off x="9796411" y="2826066"/>
              <a:ext cx="1683501" cy="985148"/>
            </a:xfrm>
            <a:custGeom>
              <a:avLst/>
              <a:gdLst>
                <a:gd name="T0" fmla="*/ 2147483647 w 16443"/>
                <a:gd name="T1" fmla="*/ 2147483647 h 11487"/>
                <a:gd name="T2" fmla="*/ 2147483647 w 16443"/>
                <a:gd name="T3" fmla="*/ 2147483647 h 11487"/>
                <a:gd name="T4" fmla="*/ 2147483647 w 16443"/>
                <a:gd name="T5" fmla="*/ 2147483647 h 11487"/>
                <a:gd name="T6" fmla="*/ 2147483647 w 16443"/>
                <a:gd name="T7" fmla="*/ 2147483647 h 11487"/>
                <a:gd name="T8" fmla="*/ 2147483647 w 16443"/>
                <a:gd name="T9" fmla="*/ 2147483647 h 11487"/>
                <a:gd name="T10" fmla="*/ 2147483647 w 16443"/>
                <a:gd name="T11" fmla="*/ 2147483647 h 11487"/>
                <a:gd name="T12" fmla="*/ 2147483647 w 16443"/>
                <a:gd name="T13" fmla="*/ 2147483647 h 11487"/>
                <a:gd name="T14" fmla="*/ 2147483647 w 16443"/>
                <a:gd name="T15" fmla="*/ 2147483647 h 11487"/>
                <a:gd name="T16" fmla="*/ 2147483647 w 16443"/>
                <a:gd name="T17" fmla="*/ 2147483647 h 11487"/>
                <a:gd name="T18" fmla="*/ 2147483647 w 16443"/>
                <a:gd name="T19" fmla="*/ 2147483647 h 11487"/>
                <a:gd name="T20" fmla="*/ 2147483647 w 16443"/>
                <a:gd name="T21" fmla="*/ 2147483647 h 11487"/>
                <a:gd name="T22" fmla="*/ 2147483647 w 16443"/>
                <a:gd name="T23" fmla="*/ 2147483647 h 11487"/>
                <a:gd name="T24" fmla="*/ 2147483647 w 16443"/>
                <a:gd name="T25" fmla="*/ 2147483647 h 11487"/>
                <a:gd name="T26" fmla="*/ 2147483647 w 16443"/>
                <a:gd name="T27" fmla="*/ 2147483647 h 11487"/>
                <a:gd name="T28" fmla="*/ 2147483647 w 16443"/>
                <a:gd name="T29" fmla="*/ 2147483647 h 11487"/>
                <a:gd name="T30" fmla="*/ 2147483647 w 16443"/>
                <a:gd name="T31" fmla="*/ 2147483647 h 11487"/>
                <a:gd name="T32" fmla="*/ 2147483647 w 16443"/>
                <a:gd name="T33" fmla="*/ 2147483647 h 11487"/>
                <a:gd name="T34" fmla="*/ 2147483647 w 16443"/>
                <a:gd name="T35" fmla="*/ 2147483647 h 11487"/>
                <a:gd name="T36" fmla="*/ 2147483647 w 16443"/>
                <a:gd name="T37" fmla="*/ 2147483647 h 11487"/>
                <a:gd name="T38" fmla="*/ 2147483647 w 16443"/>
                <a:gd name="T39" fmla="*/ 2147483647 h 11487"/>
                <a:gd name="T40" fmla="*/ 2147483647 w 16443"/>
                <a:gd name="T41" fmla="*/ 2147483647 h 11487"/>
                <a:gd name="T42" fmla="*/ 2147483647 w 16443"/>
                <a:gd name="T43" fmla="*/ 2147483647 h 11487"/>
                <a:gd name="T44" fmla="*/ 2147483647 w 16443"/>
                <a:gd name="T45" fmla="*/ 2147483647 h 11487"/>
                <a:gd name="T46" fmla="*/ 2147483647 w 16443"/>
                <a:gd name="T47" fmla="*/ 2147483647 h 11487"/>
                <a:gd name="T48" fmla="*/ 2147483647 w 16443"/>
                <a:gd name="T49" fmla="*/ 2147483647 h 11487"/>
                <a:gd name="T50" fmla="*/ 2147483647 w 16443"/>
                <a:gd name="T51" fmla="*/ 2147483647 h 11487"/>
                <a:gd name="T52" fmla="*/ 2147483647 w 16443"/>
                <a:gd name="T53" fmla="*/ 2147483647 h 11487"/>
                <a:gd name="T54" fmla="*/ 2147483647 w 16443"/>
                <a:gd name="T55" fmla="*/ 2147483647 h 11487"/>
                <a:gd name="T56" fmla="*/ 2147483647 w 16443"/>
                <a:gd name="T57" fmla="*/ 2147483647 h 11487"/>
                <a:gd name="T58" fmla="*/ 2147483647 w 16443"/>
                <a:gd name="T59" fmla="*/ 2147483647 h 11487"/>
                <a:gd name="T60" fmla="*/ 2147483647 w 16443"/>
                <a:gd name="T61" fmla="*/ 2147483647 h 11487"/>
                <a:gd name="T62" fmla="*/ 2147483647 w 16443"/>
                <a:gd name="T63" fmla="*/ 2147483647 h 11487"/>
                <a:gd name="T64" fmla="*/ 2147483647 w 16443"/>
                <a:gd name="T65" fmla="*/ 2147483647 h 11487"/>
                <a:gd name="T66" fmla="*/ 2147483647 w 16443"/>
                <a:gd name="T67" fmla="*/ 2147483647 h 11487"/>
                <a:gd name="T68" fmla="*/ 2147483647 w 16443"/>
                <a:gd name="T69" fmla="*/ 2147483647 h 11487"/>
                <a:gd name="T70" fmla="*/ 2147483647 w 16443"/>
                <a:gd name="T71" fmla="*/ 2147483647 h 11487"/>
                <a:gd name="T72" fmla="*/ 2147483647 w 16443"/>
                <a:gd name="T73" fmla="*/ 2147483647 h 11487"/>
                <a:gd name="T74" fmla="*/ 2147483647 w 16443"/>
                <a:gd name="T75" fmla="*/ 2147483647 h 11487"/>
                <a:gd name="T76" fmla="*/ 2147483647 w 16443"/>
                <a:gd name="T77" fmla="*/ 2147483647 h 11487"/>
                <a:gd name="T78" fmla="*/ 2147483647 w 16443"/>
                <a:gd name="T79" fmla="*/ 2147483647 h 11487"/>
                <a:gd name="T80" fmla="*/ 2147483647 w 16443"/>
                <a:gd name="T81" fmla="*/ 2147483647 h 11487"/>
                <a:gd name="T82" fmla="*/ 2147483647 w 16443"/>
                <a:gd name="T83" fmla="*/ 2147483647 h 11487"/>
                <a:gd name="T84" fmla="*/ 2147483647 w 16443"/>
                <a:gd name="T85" fmla="*/ 2147483647 h 11487"/>
                <a:gd name="T86" fmla="*/ 2147483647 w 16443"/>
                <a:gd name="T87" fmla="*/ 2147483647 h 11487"/>
                <a:gd name="T88" fmla="*/ 2147483647 w 16443"/>
                <a:gd name="T89" fmla="*/ 2147483647 h 11487"/>
                <a:gd name="T90" fmla="*/ 2147483647 w 16443"/>
                <a:gd name="T91" fmla="*/ 2147483647 h 11487"/>
                <a:gd name="T92" fmla="*/ 2147483647 w 16443"/>
                <a:gd name="T93" fmla="*/ 2147483647 h 11487"/>
                <a:gd name="T94" fmla="*/ 2147483647 w 16443"/>
                <a:gd name="T95" fmla="*/ 2147483647 h 11487"/>
                <a:gd name="T96" fmla="*/ 2147483647 w 16443"/>
                <a:gd name="T97" fmla="*/ 2147483647 h 11487"/>
                <a:gd name="T98" fmla="*/ 2147483647 w 16443"/>
                <a:gd name="T99" fmla="*/ 2147483647 h 11487"/>
                <a:gd name="T100" fmla="*/ 2147483647 w 16443"/>
                <a:gd name="T101" fmla="*/ 2147483647 h 11487"/>
                <a:gd name="T102" fmla="*/ 2147483647 w 16443"/>
                <a:gd name="T103" fmla="*/ 2147483647 h 11487"/>
                <a:gd name="T104" fmla="*/ 2147483647 w 16443"/>
                <a:gd name="T105" fmla="*/ 2147483647 h 11487"/>
                <a:gd name="T106" fmla="*/ 2147483647 w 16443"/>
                <a:gd name="T107" fmla="*/ 2147483647 h 11487"/>
                <a:gd name="T108" fmla="*/ 2147483647 w 16443"/>
                <a:gd name="T109" fmla="*/ 2147483647 h 11487"/>
                <a:gd name="T110" fmla="*/ 2147483647 w 16443"/>
                <a:gd name="T111" fmla="*/ 2147483647 h 11487"/>
                <a:gd name="T112" fmla="*/ 2147483647 w 16443"/>
                <a:gd name="T113" fmla="*/ 2147483647 h 11487"/>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16443"/>
                <a:gd name="T172" fmla="*/ 0 h 11487"/>
                <a:gd name="T173" fmla="*/ 16443 w 16443"/>
                <a:gd name="T174" fmla="*/ 11487 h 11487"/>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solidFill>
              <a:schemeClr val="bg1">
                <a:lumMod val="75000"/>
              </a:schemeClr>
            </a:solidFill>
            <a:ln w="9525">
              <a:noFill/>
              <a:round/>
              <a:headEnd/>
              <a:tailEnd/>
            </a:ln>
          </p:spPr>
          <p:txBody>
            <a:bodyPr/>
            <a:lstStyle/>
            <a:p>
              <a:pPr fontAlgn="ctr"/>
              <a:endParaRPr lang="en-US" altLang="zh-CN">
                <a:latin typeface="Arial"/>
                <a:ea typeface="微软雅黑" pitchFamily="34" charset="-122"/>
              </a:endParaRPr>
            </a:p>
          </p:txBody>
        </p:sp>
        <p:grpSp>
          <p:nvGrpSpPr>
            <p:cNvPr id="5" name="组合 381"/>
            <p:cNvGrpSpPr/>
            <p:nvPr/>
          </p:nvGrpSpPr>
          <p:grpSpPr>
            <a:xfrm>
              <a:off x="10563731" y="2944420"/>
              <a:ext cx="385622" cy="366875"/>
              <a:chOff x="12379325" y="6088063"/>
              <a:chExt cx="601663" cy="606425"/>
            </a:xfrm>
            <a:solidFill>
              <a:schemeClr val="bg1">
                <a:lumMod val="95000"/>
              </a:schemeClr>
            </a:solidFill>
          </p:grpSpPr>
          <p:sp>
            <p:nvSpPr>
              <p:cNvPr id="146" name="Freeform 721"/>
              <p:cNvSpPr>
                <a:spLocks/>
              </p:cNvSpPr>
              <p:nvPr/>
            </p:nvSpPr>
            <p:spPr bwMode="auto">
              <a:xfrm>
                <a:off x="12379325" y="6088063"/>
                <a:ext cx="601663" cy="606425"/>
              </a:xfrm>
              <a:custGeom>
                <a:avLst/>
                <a:gdLst/>
                <a:ahLst/>
                <a:cxnLst>
                  <a:cxn ang="0">
                    <a:pos x="346" y="190"/>
                  </a:cxn>
                  <a:cxn ang="0">
                    <a:pos x="338" y="237"/>
                  </a:cxn>
                  <a:cxn ang="0">
                    <a:pos x="320" y="278"/>
                  </a:cxn>
                  <a:cxn ang="0">
                    <a:pos x="299" y="302"/>
                  </a:cxn>
                  <a:cxn ang="0">
                    <a:pos x="265" y="329"/>
                  </a:cxn>
                  <a:cxn ang="0">
                    <a:pos x="220" y="345"/>
                  </a:cxn>
                  <a:cxn ang="0">
                    <a:pos x="189" y="347"/>
                  </a:cxn>
                  <a:cxn ang="0">
                    <a:pos x="142" y="341"/>
                  </a:cxn>
                  <a:cxn ang="0">
                    <a:pos x="102" y="320"/>
                  </a:cxn>
                  <a:cxn ang="0">
                    <a:pos x="79" y="302"/>
                  </a:cxn>
                  <a:cxn ang="0">
                    <a:pos x="51" y="265"/>
                  </a:cxn>
                  <a:cxn ang="0">
                    <a:pos x="36" y="223"/>
                  </a:cxn>
                  <a:cxn ang="0">
                    <a:pos x="32" y="190"/>
                  </a:cxn>
                  <a:cxn ang="0">
                    <a:pos x="38" y="143"/>
                  </a:cxn>
                  <a:cxn ang="0">
                    <a:pos x="59" y="102"/>
                  </a:cxn>
                  <a:cxn ang="0">
                    <a:pos x="79" y="80"/>
                  </a:cxn>
                  <a:cxn ang="0">
                    <a:pos x="114" y="53"/>
                  </a:cxn>
                  <a:cxn ang="0">
                    <a:pos x="157" y="37"/>
                  </a:cxn>
                  <a:cxn ang="0">
                    <a:pos x="189" y="33"/>
                  </a:cxn>
                  <a:cxn ang="0">
                    <a:pos x="236" y="41"/>
                  </a:cxn>
                  <a:cxn ang="0">
                    <a:pos x="277" y="62"/>
                  </a:cxn>
                  <a:cxn ang="0">
                    <a:pos x="299" y="80"/>
                  </a:cxn>
                  <a:cxn ang="0">
                    <a:pos x="328" y="117"/>
                  </a:cxn>
                  <a:cxn ang="0">
                    <a:pos x="342" y="159"/>
                  </a:cxn>
                  <a:cxn ang="0">
                    <a:pos x="363" y="190"/>
                  </a:cxn>
                  <a:cxn ang="0">
                    <a:pos x="379" y="172"/>
                  </a:cxn>
                  <a:cxn ang="0">
                    <a:pos x="365" y="117"/>
                  </a:cxn>
                  <a:cxn ang="0">
                    <a:pos x="336" y="70"/>
                  </a:cxn>
                  <a:cxn ang="0">
                    <a:pos x="295" y="33"/>
                  </a:cxn>
                  <a:cxn ang="0">
                    <a:pos x="246" y="8"/>
                  </a:cxn>
                  <a:cxn ang="0">
                    <a:pos x="189" y="0"/>
                  </a:cxn>
                  <a:cxn ang="0">
                    <a:pos x="151" y="4"/>
                  </a:cxn>
                  <a:cxn ang="0">
                    <a:pos x="98" y="23"/>
                  </a:cxn>
                  <a:cxn ang="0">
                    <a:pos x="55" y="55"/>
                  </a:cxn>
                  <a:cxn ang="0">
                    <a:pos x="22" y="100"/>
                  </a:cxn>
                  <a:cxn ang="0">
                    <a:pos x="4" y="151"/>
                  </a:cxn>
                  <a:cxn ang="0">
                    <a:pos x="0" y="190"/>
                  </a:cxn>
                  <a:cxn ang="0">
                    <a:pos x="8" y="247"/>
                  </a:cxn>
                  <a:cxn ang="0">
                    <a:pos x="32" y="296"/>
                  </a:cxn>
                  <a:cxn ang="0">
                    <a:pos x="69" y="337"/>
                  </a:cxn>
                  <a:cxn ang="0">
                    <a:pos x="116" y="365"/>
                  </a:cxn>
                  <a:cxn ang="0">
                    <a:pos x="169" y="380"/>
                  </a:cxn>
                  <a:cxn ang="0">
                    <a:pos x="208" y="380"/>
                  </a:cxn>
                  <a:cxn ang="0">
                    <a:pos x="263" y="365"/>
                  </a:cxn>
                  <a:cxn ang="0">
                    <a:pos x="310" y="337"/>
                  </a:cxn>
                  <a:cxn ang="0">
                    <a:pos x="346" y="296"/>
                  </a:cxn>
                  <a:cxn ang="0">
                    <a:pos x="371" y="247"/>
                  </a:cxn>
                  <a:cxn ang="0">
                    <a:pos x="379" y="190"/>
                  </a:cxn>
                </a:cxnLst>
                <a:rect l="0" t="0" r="r" b="b"/>
                <a:pathLst>
                  <a:path w="379" h="382">
                    <a:moveTo>
                      <a:pt x="363" y="190"/>
                    </a:moveTo>
                    <a:lnTo>
                      <a:pt x="346" y="190"/>
                    </a:lnTo>
                    <a:lnTo>
                      <a:pt x="346" y="190"/>
                    </a:lnTo>
                    <a:lnTo>
                      <a:pt x="344" y="206"/>
                    </a:lnTo>
                    <a:lnTo>
                      <a:pt x="342" y="223"/>
                    </a:lnTo>
                    <a:lnTo>
                      <a:pt x="338" y="237"/>
                    </a:lnTo>
                    <a:lnTo>
                      <a:pt x="334" y="251"/>
                    </a:lnTo>
                    <a:lnTo>
                      <a:pt x="328" y="265"/>
                    </a:lnTo>
                    <a:lnTo>
                      <a:pt x="320" y="278"/>
                    </a:lnTo>
                    <a:lnTo>
                      <a:pt x="310" y="290"/>
                    </a:lnTo>
                    <a:lnTo>
                      <a:pt x="299" y="302"/>
                    </a:lnTo>
                    <a:lnTo>
                      <a:pt x="299" y="302"/>
                    </a:lnTo>
                    <a:lnTo>
                      <a:pt x="289" y="312"/>
                    </a:lnTo>
                    <a:lnTo>
                      <a:pt x="277" y="320"/>
                    </a:lnTo>
                    <a:lnTo>
                      <a:pt x="265" y="329"/>
                    </a:lnTo>
                    <a:lnTo>
                      <a:pt x="250" y="335"/>
                    </a:lnTo>
                    <a:lnTo>
                      <a:pt x="236" y="341"/>
                    </a:lnTo>
                    <a:lnTo>
                      <a:pt x="220" y="345"/>
                    </a:lnTo>
                    <a:lnTo>
                      <a:pt x="206" y="347"/>
                    </a:lnTo>
                    <a:lnTo>
                      <a:pt x="189" y="347"/>
                    </a:lnTo>
                    <a:lnTo>
                      <a:pt x="189" y="347"/>
                    </a:lnTo>
                    <a:lnTo>
                      <a:pt x="173" y="347"/>
                    </a:lnTo>
                    <a:lnTo>
                      <a:pt x="157" y="345"/>
                    </a:lnTo>
                    <a:lnTo>
                      <a:pt x="142" y="341"/>
                    </a:lnTo>
                    <a:lnTo>
                      <a:pt x="128" y="335"/>
                    </a:lnTo>
                    <a:lnTo>
                      <a:pt x="114" y="329"/>
                    </a:lnTo>
                    <a:lnTo>
                      <a:pt x="102" y="320"/>
                    </a:lnTo>
                    <a:lnTo>
                      <a:pt x="89" y="312"/>
                    </a:lnTo>
                    <a:lnTo>
                      <a:pt x="79" y="302"/>
                    </a:lnTo>
                    <a:lnTo>
                      <a:pt x="79" y="302"/>
                    </a:lnTo>
                    <a:lnTo>
                      <a:pt x="69" y="290"/>
                    </a:lnTo>
                    <a:lnTo>
                      <a:pt x="59" y="278"/>
                    </a:lnTo>
                    <a:lnTo>
                      <a:pt x="51" y="265"/>
                    </a:lnTo>
                    <a:lnTo>
                      <a:pt x="45" y="251"/>
                    </a:lnTo>
                    <a:lnTo>
                      <a:pt x="38" y="237"/>
                    </a:lnTo>
                    <a:lnTo>
                      <a:pt x="36" y="223"/>
                    </a:lnTo>
                    <a:lnTo>
                      <a:pt x="32" y="206"/>
                    </a:lnTo>
                    <a:lnTo>
                      <a:pt x="32" y="190"/>
                    </a:lnTo>
                    <a:lnTo>
                      <a:pt x="32" y="190"/>
                    </a:lnTo>
                    <a:lnTo>
                      <a:pt x="32" y="174"/>
                    </a:lnTo>
                    <a:lnTo>
                      <a:pt x="36" y="159"/>
                    </a:lnTo>
                    <a:lnTo>
                      <a:pt x="38" y="143"/>
                    </a:lnTo>
                    <a:lnTo>
                      <a:pt x="45" y="129"/>
                    </a:lnTo>
                    <a:lnTo>
                      <a:pt x="51" y="117"/>
                    </a:lnTo>
                    <a:lnTo>
                      <a:pt x="59" y="102"/>
                    </a:lnTo>
                    <a:lnTo>
                      <a:pt x="69" y="90"/>
                    </a:lnTo>
                    <a:lnTo>
                      <a:pt x="79" y="80"/>
                    </a:lnTo>
                    <a:lnTo>
                      <a:pt x="79" y="80"/>
                    </a:lnTo>
                    <a:lnTo>
                      <a:pt x="89" y="70"/>
                    </a:lnTo>
                    <a:lnTo>
                      <a:pt x="102" y="62"/>
                    </a:lnTo>
                    <a:lnTo>
                      <a:pt x="114" y="53"/>
                    </a:lnTo>
                    <a:lnTo>
                      <a:pt x="128" y="45"/>
                    </a:lnTo>
                    <a:lnTo>
                      <a:pt x="142" y="41"/>
                    </a:lnTo>
                    <a:lnTo>
                      <a:pt x="157" y="37"/>
                    </a:lnTo>
                    <a:lnTo>
                      <a:pt x="173" y="35"/>
                    </a:lnTo>
                    <a:lnTo>
                      <a:pt x="189" y="33"/>
                    </a:lnTo>
                    <a:lnTo>
                      <a:pt x="189" y="33"/>
                    </a:lnTo>
                    <a:lnTo>
                      <a:pt x="206" y="35"/>
                    </a:lnTo>
                    <a:lnTo>
                      <a:pt x="220" y="37"/>
                    </a:lnTo>
                    <a:lnTo>
                      <a:pt x="236" y="41"/>
                    </a:lnTo>
                    <a:lnTo>
                      <a:pt x="250" y="45"/>
                    </a:lnTo>
                    <a:lnTo>
                      <a:pt x="265" y="53"/>
                    </a:lnTo>
                    <a:lnTo>
                      <a:pt x="277" y="62"/>
                    </a:lnTo>
                    <a:lnTo>
                      <a:pt x="289" y="70"/>
                    </a:lnTo>
                    <a:lnTo>
                      <a:pt x="299" y="80"/>
                    </a:lnTo>
                    <a:lnTo>
                      <a:pt x="299" y="80"/>
                    </a:lnTo>
                    <a:lnTo>
                      <a:pt x="310" y="90"/>
                    </a:lnTo>
                    <a:lnTo>
                      <a:pt x="320" y="102"/>
                    </a:lnTo>
                    <a:lnTo>
                      <a:pt x="328" y="117"/>
                    </a:lnTo>
                    <a:lnTo>
                      <a:pt x="334" y="129"/>
                    </a:lnTo>
                    <a:lnTo>
                      <a:pt x="338" y="143"/>
                    </a:lnTo>
                    <a:lnTo>
                      <a:pt x="342" y="159"/>
                    </a:lnTo>
                    <a:lnTo>
                      <a:pt x="344" y="174"/>
                    </a:lnTo>
                    <a:lnTo>
                      <a:pt x="346" y="190"/>
                    </a:lnTo>
                    <a:lnTo>
                      <a:pt x="363" y="190"/>
                    </a:lnTo>
                    <a:lnTo>
                      <a:pt x="379" y="190"/>
                    </a:lnTo>
                    <a:lnTo>
                      <a:pt x="379" y="190"/>
                    </a:lnTo>
                    <a:lnTo>
                      <a:pt x="379" y="172"/>
                    </a:lnTo>
                    <a:lnTo>
                      <a:pt x="375" y="151"/>
                    </a:lnTo>
                    <a:lnTo>
                      <a:pt x="371" y="135"/>
                    </a:lnTo>
                    <a:lnTo>
                      <a:pt x="365" y="117"/>
                    </a:lnTo>
                    <a:lnTo>
                      <a:pt x="356" y="100"/>
                    </a:lnTo>
                    <a:lnTo>
                      <a:pt x="346" y="84"/>
                    </a:lnTo>
                    <a:lnTo>
                      <a:pt x="336" y="70"/>
                    </a:lnTo>
                    <a:lnTo>
                      <a:pt x="324" y="55"/>
                    </a:lnTo>
                    <a:lnTo>
                      <a:pt x="310" y="43"/>
                    </a:lnTo>
                    <a:lnTo>
                      <a:pt x="295" y="33"/>
                    </a:lnTo>
                    <a:lnTo>
                      <a:pt x="279" y="23"/>
                    </a:lnTo>
                    <a:lnTo>
                      <a:pt x="263" y="15"/>
                    </a:lnTo>
                    <a:lnTo>
                      <a:pt x="246" y="8"/>
                    </a:lnTo>
                    <a:lnTo>
                      <a:pt x="228" y="4"/>
                    </a:lnTo>
                    <a:lnTo>
                      <a:pt x="208" y="2"/>
                    </a:lnTo>
                    <a:lnTo>
                      <a:pt x="189" y="0"/>
                    </a:lnTo>
                    <a:lnTo>
                      <a:pt x="189" y="0"/>
                    </a:lnTo>
                    <a:lnTo>
                      <a:pt x="169" y="2"/>
                    </a:lnTo>
                    <a:lnTo>
                      <a:pt x="151" y="4"/>
                    </a:lnTo>
                    <a:lnTo>
                      <a:pt x="132" y="8"/>
                    </a:lnTo>
                    <a:lnTo>
                      <a:pt x="116" y="15"/>
                    </a:lnTo>
                    <a:lnTo>
                      <a:pt x="98" y="23"/>
                    </a:lnTo>
                    <a:lnTo>
                      <a:pt x="83" y="33"/>
                    </a:lnTo>
                    <a:lnTo>
                      <a:pt x="69" y="43"/>
                    </a:lnTo>
                    <a:lnTo>
                      <a:pt x="55" y="55"/>
                    </a:lnTo>
                    <a:lnTo>
                      <a:pt x="42" y="70"/>
                    </a:lnTo>
                    <a:lnTo>
                      <a:pt x="32" y="84"/>
                    </a:lnTo>
                    <a:lnTo>
                      <a:pt x="22" y="100"/>
                    </a:lnTo>
                    <a:lnTo>
                      <a:pt x="14" y="117"/>
                    </a:lnTo>
                    <a:lnTo>
                      <a:pt x="8" y="135"/>
                    </a:lnTo>
                    <a:lnTo>
                      <a:pt x="4" y="151"/>
                    </a:lnTo>
                    <a:lnTo>
                      <a:pt x="0" y="172"/>
                    </a:lnTo>
                    <a:lnTo>
                      <a:pt x="0" y="190"/>
                    </a:lnTo>
                    <a:lnTo>
                      <a:pt x="0" y="190"/>
                    </a:lnTo>
                    <a:lnTo>
                      <a:pt x="0" y="210"/>
                    </a:lnTo>
                    <a:lnTo>
                      <a:pt x="4" y="229"/>
                    </a:lnTo>
                    <a:lnTo>
                      <a:pt x="8" y="247"/>
                    </a:lnTo>
                    <a:lnTo>
                      <a:pt x="14" y="265"/>
                    </a:lnTo>
                    <a:lnTo>
                      <a:pt x="22" y="282"/>
                    </a:lnTo>
                    <a:lnTo>
                      <a:pt x="32" y="296"/>
                    </a:lnTo>
                    <a:lnTo>
                      <a:pt x="42" y="312"/>
                    </a:lnTo>
                    <a:lnTo>
                      <a:pt x="55" y="325"/>
                    </a:lnTo>
                    <a:lnTo>
                      <a:pt x="69" y="337"/>
                    </a:lnTo>
                    <a:lnTo>
                      <a:pt x="83" y="349"/>
                    </a:lnTo>
                    <a:lnTo>
                      <a:pt x="98" y="357"/>
                    </a:lnTo>
                    <a:lnTo>
                      <a:pt x="116" y="365"/>
                    </a:lnTo>
                    <a:lnTo>
                      <a:pt x="132" y="371"/>
                    </a:lnTo>
                    <a:lnTo>
                      <a:pt x="151" y="378"/>
                    </a:lnTo>
                    <a:lnTo>
                      <a:pt x="169" y="380"/>
                    </a:lnTo>
                    <a:lnTo>
                      <a:pt x="189" y="382"/>
                    </a:lnTo>
                    <a:lnTo>
                      <a:pt x="189" y="382"/>
                    </a:lnTo>
                    <a:lnTo>
                      <a:pt x="208" y="380"/>
                    </a:lnTo>
                    <a:lnTo>
                      <a:pt x="228" y="378"/>
                    </a:lnTo>
                    <a:lnTo>
                      <a:pt x="246" y="371"/>
                    </a:lnTo>
                    <a:lnTo>
                      <a:pt x="263" y="365"/>
                    </a:lnTo>
                    <a:lnTo>
                      <a:pt x="279" y="357"/>
                    </a:lnTo>
                    <a:lnTo>
                      <a:pt x="295" y="349"/>
                    </a:lnTo>
                    <a:lnTo>
                      <a:pt x="310" y="337"/>
                    </a:lnTo>
                    <a:lnTo>
                      <a:pt x="324" y="325"/>
                    </a:lnTo>
                    <a:lnTo>
                      <a:pt x="336" y="312"/>
                    </a:lnTo>
                    <a:lnTo>
                      <a:pt x="346" y="296"/>
                    </a:lnTo>
                    <a:lnTo>
                      <a:pt x="356" y="282"/>
                    </a:lnTo>
                    <a:lnTo>
                      <a:pt x="365" y="265"/>
                    </a:lnTo>
                    <a:lnTo>
                      <a:pt x="371" y="247"/>
                    </a:lnTo>
                    <a:lnTo>
                      <a:pt x="375" y="229"/>
                    </a:lnTo>
                    <a:lnTo>
                      <a:pt x="379" y="210"/>
                    </a:lnTo>
                    <a:lnTo>
                      <a:pt x="379" y="190"/>
                    </a:lnTo>
                    <a:lnTo>
                      <a:pt x="363" y="190"/>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47" name="Freeform 722"/>
              <p:cNvSpPr>
                <a:spLocks noEditPoints="1"/>
              </p:cNvSpPr>
              <p:nvPr/>
            </p:nvSpPr>
            <p:spPr bwMode="auto">
              <a:xfrm>
                <a:off x="12634913" y="6240463"/>
                <a:ext cx="284163" cy="336550"/>
              </a:xfrm>
              <a:custGeom>
                <a:avLst/>
                <a:gdLst/>
                <a:ahLst/>
                <a:cxnLst>
                  <a:cxn ang="0">
                    <a:pos x="163" y="39"/>
                  </a:cxn>
                  <a:cxn ang="0">
                    <a:pos x="144" y="21"/>
                  </a:cxn>
                  <a:cxn ang="0">
                    <a:pos x="122" y="8"/>
                  </a:cxn>
                  <a:cxn ang="0">
                    <a:pos x="83" y="10"/>
                  </a:cxn>
                  <a:cxn ang="0">
                    <a:pos x="73" y="10"/>
                  </a:cxn>
                  <a:cxn ang="0">
                    <a:pos x="53" y="0"/>
                  </a:cxn>
                  <a:cxn ang="0">
                    <a:pos x="41" y="2"/>
                  </a:cxn>
                  <a:cxn ang="0">
                    <a:pos x="36" y="16"/>
                  </a:cxn>
                  <a:cxn ang="0">
                    <a:pos x="32" y="37"/>
                  </a:cxn>
                  <a:cxn ang="0">
                    <a:pos x="16" y="39"/>
                  </a:cxn>
                  <a:cxn ang="0">
                    <a:pos x="20" y="49"/>
                  </a:cxn>
                  <a:cxn ang="0">
                    <a:pos x="28" y="55"/>
                  </a:cxn>
                  <a:cxn ang="0">
                    <a:pos x="16" y="59"/>
                  </a:cxn>
                  <a:cxn ang="0">
                    <a:pos x="10" y="63"/>
                  </a:cxn>
                  <a:cxn ang="0">
                    <a:pos x="18" y="67"/>
                  </a:cxn>
                  <a:cxn ang="0">
                    <a:pos x="14" y="76"/>
                  </a:cxn>
                  <a:cxn ang="0">
                    <a:pos x="2" y="96"/>
                  </a:cxn>
                  <a:cxn ang="0">
                    <a:pos x="2" y="125"/>
                  </a:cxn>
                  <a:cxn ang="0">
                    <a:pos x="14" y="133"/>
                  </a:cxn>
                  <a:cxn ang="0">
                    <a:pos x="34" y="139"/>
                  </a:cxn>
                  <a:cxn ang="0">
                    <a:pos x="38" y="147"/>
                  </a:cxn>
                  <a:cxn ang="0">
                    <a:pos x="38" y="190"/>
                  </a:cxn>
                  <a:cxn ang="0">
                    <a:pos x="43" y="206"/>
                  </a:cxn>
                  <a:cxn ang="0">
                    <a:pos x="57" y="210"/>
                  </a:cxn>
                  <a:cxn ang="0">
                    <a:pos x="63" y="206"/>
                  </a:cxn>
                  <a:cxn ang="0">
                    <a:pos x="71" y="182"/>
                  </a:cxn>
                  <a:cxn ang="0">
                    <a:pos x="83" y="186"/>
                  </a:cxn>
                  <a:cxn ang="0">
                    <a:pos x="91" y="184"/>
                  </a:cxn>
                  <a:cxn ang="0">
                    <a:pos x="94" y="169"/>
                  </a:cxn>
                  <a:cxn ang="0">
                    <a:pos x="83" y="165"/>
                  </a:cxn>
                  <a:cxn ang="0">
                    <a:pos x="81" y="159"/>
                  </a:cxn>
                  <a:cxn ang="0">
                    <a:pos x="94" y="143"/>
                  </a:cxn>
                  <a:cxn ang="0">
                    <a:pos x="98" y="125"/>
                  </a:cxn>
                  <a:cxn ang="0">
                    <a:pos x="110" y="100"/>
                  </a:cxn>
                  <a:cxn ang="0">
                    <a:pos x="122" y="100"/>
                  </a:cxn>
                  <a:cxn ang="0">
                    <a:pos x="134" y="127"/>
                  </a:cxn>
                  <a:cxn ang="0">
                    <a:pos x="140" y="118"/>
                  </a:cxn>
                  <a:cxn ang="0">
                    <a:pos x="147" y="106"/>
                  </a:cxn>
                  <a:cxn ang="0">
                    <a:pos x="157" y="116"/>
                  </a:cxn>
                  <a:cxn ang="0">
                    <a:pos x="167" y="151"/>
                  </a:cxn>
                  <a:cxn ang="0">
                    <a:pos x="177" y="118"/>
                  </a:cxn>
                  <a:cxn ang="0">
                    <a:pos x="175" y="72"/>
                  </a:cxn>
                  <a:cxn ang="0">
                    <a:pos x="163" y="39"/>
                  </a:cxn>
                  <a:cxn ang="0">
                    <a:pos x="75" y="82"/>
                  </a:cxn>
                  <a:cxn ang="0">
                    <a:pos x="61" y="84"/>
                  </a:cxn>
                  <a:cxn ang="0">
                    <a:pos x="51" y="78"/>
                  </a:cxn>
                  <a:cxn ang="0">
                    <a:pos x="45" y="74"/>
                  </a:cxn>
                  <a:cxn ang="0">
                    <a:pos x="41" y="63"/>
                  </a:cxn>
                  <a:cxn ang="0">
                    <a:pos x="47" y="57"/>
                  </a:cxn>
                  <a:cxn ang="0">
                    <a:pos x="51" y="59"/>
                  </a:cxn>
                  <a:cxn ang="0">
                    <a:pos x="53" y="67"/>
                  </a:cxn>
                  <a:cxn ang="0">
                    <a:pos x="57" y="67"/>
                  </a:cxn>
                  <a:cxn ang="0">
                    <a:pos x="65" y="61"/>
                  </a:cxn>
                  <a:cxn ang="0">
                    <a:pos x="75" y="72"/>
                  </a:cxn>
                </a:cxnLst>
                <a:rect l="0" t="0" r="r" b="b"/>
                <a:pathLst>
                  <a:path w="179" h="212">
                    <a:moveTo>
                      <a:pt x="6" y="82"/>
                    </a:moveTo>
                    <a:lnTo>
                      <a:pt x="6" y="82"/>
                    </a:lnTo>
                    <a:close/>
                    <a:moveTo>
                      <a:pt x="163" y="39"/>
                    </a:moveTo>
                    <a:lnTo>
                      <a:pt x="163" y="39"/>
                    </a:lnTo>
                    <a:lnTo>
                      <a:pt x="155" y="29"/>
                    </a:lnTo>
                    <a:lnTo>
                      <a:pt x="144" y="21"/>
                    </a:lnTo>
                    <a:lnTo>
                      <a:pt x="134" y="14"/>
                    </a:lnTo>
                    <a:lnTo>
                      <a:pt x="122" y="8"/>
                    </a:lnTo>
                    <a:lnTo>
                      <a:pt x="122" y="8"/>
                    </a:lnTo>
                    <a:lnTo>
                      <a:pt x="110" y="4"/>
                    </a:lnTo>
                    <a:lnTo>
                      <a:pt x="104" y="4"/>
                    </a:lnTo>
                    <a:lnTo>
                      <a:pt x="83" y="10"/>
                    </a:lnTo>
                    <a:lnTo>
                      <a:pt x="83" y="10"/>
                    </a:lnTo>
                    <a:lnTo>
                      <a:pt x="79" y="12"/>
                    </a:lnTo>
                    <a:lnTo>
                      <a:pt x="73" y="10"/>
                    </a:lnTo>
                    <a:lnTo>
                      <a:pt x="65" y="6"/>
                    </a:lnTo>
                    <a:lnTo>
                      <a:pt x="57" y="0"/>
                    </a:lnTo>
                    <a:lnTo>
                      <a:pt x="53" y="0"/>
                    </a:lnTo>
                    <a:lnTo>
                      <a:pt x="47" y="0"/>
                    </a:lnTo>
                    <a:lnTo>
                      <a:pt x="47" y="0"/>
                    </a:lnTo>
                    <a:lnTo>
                      <a:pt x="41" y="2"/>
                    </a:lnTo>
                    <a:lnTo>
                      <a:pt x="38" y="6"/>
                    </a:lnTo>
                    <a:lnTo>
                      <a:pt x="36" y="10"/>
                    </a:lnTo>
                    <a:lnTo>
                      <a:pt x="36" y="16"/>
                    </a:lnTo>
                    <a:lnTo>
                      <a:pt x="36" y="29"/>
                    </a:lnTo>
                    <a:lnTo>
                      <a:pt x="36" y="35"/>
                    </a:lnTo>
                    <a:lnTo>
                      <a:pt x="32" y="37"/>
                    </a:lnTo>
                    <a:lnTo>
                      <a:pt x="32" y="37"/>
                    </a:lnTo>
                    <a:lnTo>
                      <a:pt x="18" y="39"/>
                    </a:lnTo>
                    <a:lnTo>
                      <a:pt x="16" y="39"/>
                    </a:lnTo>
                    <a:lnTo>
                      <a:pt x="14" y="41"/>
                    </a:lnTo>
                    <a:lnTo>
                      <a:pt x="16" y="43"/>
                    </a:lnTo>
                    <a:lnTo>
                      <a:pt x="20" y="49"/>
                    </a:lnTo>
                    <a:lnTo>
                      <a:pt x="20" y="49"/>
                    </a:lnTo>
                    <a:lnTo>
                      <a:pt x="26" y="53"/>
                    </a:lnTo>
                    <a:lnTo>
                      <a:pt x="28" y="55"/>
                    </a:lnTo>
                    <a:lnTo>
                      <a:pt x="26" y="57"/>
                    </a:lnTo>
                    <a:lnTo>
                      <a:pt x="24" y="57"/>
                    </a:lnTo>
                    <a:lnTo>
                      <a:pt x="16" y="59"/>
                    </a:lnTo>
                    <a:lnTo>
                      <a:pt x="12" y="61"/>
                    </a:lnTo>
                    <a:lnTo>
                      <a:pt x="10" y="63"/>
                    </a:lnTo>
                    <a:lnTo>
                      <a:pt x="10" y="63"/>
                    </a:lnTo>
                    <a:lnTo>
                      <a:pt x="14" y="67"/>
                    </a:lnTo>
                    <a:lnTo>
                      <a:pt x="18" y="67"/>
                    </a:lnTo>
                    <a:lnTo>
                      <a:pt x="18" y="67"/>
                    </a:lnTo>
                    <a:lnTo>
                      <a:pt x="18" y="69"/>
                    </a:lnTo>
                    <a:lnTo>
                      <a:pt x="18" y="72"/>
                    </a:lnTo>
                    <a:lnTo>
                      <a:pt x="14" y="76"/>
                    </a:lnTo>
                    <a:lnTo>
                      <a:pt x="6" y="82"/>
                    </a:lnTo>
                    <a:lnTo>
                      <a:pt x="6" y="82"/>
                    </a:lnTo>
                    <a:lnTo>
                      <a:pt x="2" y="96"/>
                    </a:lnTo>
                    <a:lnTo>
                      <a:pt x="0" y="110"/>
                    </a:lnTo>
                    <a:lnTo>
                      <a:pt x="0" y="118"/>
                    </a:lnTo>
                    <a:lnTo>
                      <a:pt x="2" y="125"/>
                    </a:lnTo>
                    <a:lnTo>
                      <a:pt x="6" y="129"/>
                    </a:lnTo>
                    <a:lnTo>
                      <a:pt x="14" y="133"/>
                    </a:lnTo>
                    <a:lnTo>
                      <a:pt x="14" y="133"/>
                    </a:lnTo>
                    <a:lnTo>
                      <a:pt x="22" y="135"/>
                    </a:lnTo>
                    <a:lnTo>
                      <a:pt x="28" y="137"/>
                    </a:lnTo>
                    <a:lnTo>
                      <a:pt x="34" y="139"/>
                    </a:lnTo>
                    <a:lnTo>
                      <a:pt x="36" y="143"/>
                    </a:lnTo>
                    <a:lnTo>
                      <a:pt x="38" y="147"/>
                    </a:lnTo>
                    <a:lnTo>
                      <a:pt x="38" y="147"/>
                    </a:lnTo>
                    <a:lnTo>
                      <a:pt x="38" y="159"/>
                    </a:lnTo>
                    <a:lnTo>
                      <a:pt x="38" y="169"/>
                    </a:lnTo>
                    <a:lnTo>
                      <a:pt x="38" y="190"/>
                    </a:lnTo>
                    <a:lnTo>
                      <a:pt x="38" y="190"/>
                    </a:lnTo>
                    <a:lnTo>
                      <a:pt x="38" y="198"/>
                    </a:lnTo>
                    <a:lnTo>
                      <a:pt x="43" y="206"/>
                    </a:lnTo>
                    <a:lnTo>
                      <a:pt x="49" y="210"/>
                    </a:lnTo>
                    <a:lnTo>
                      <a:pt x="53" y="212"/>
                    </a:lnTo>
                    <a:lnTo>
                      <a:pt x="57" y="210"/>
                    </a:lnTo>
                    <a:lnTo>
                      <a:pt x="57" y="210"/>
                    </a:lnTo>
                    <a:lnTo>
                      <a:pt x="59" y="208"/>
                    </a:lnTo>
                    <a:lnTo>
                      <a:pt x="63" y="206"/>
                    </a:lnTo>
                    <a:lnTo>
                      <a:pt x="67" y="198"/>
                    </a:lnTo>
                    <a:lnTo>
                      <a:pt x="71" y="182"/>
                    </a:lnTo>
                    <a:lnTo>
                      <a:pt x="71" y="182"/>
                    </a:lnTo>
                    <a:lnTo>
                      <a:pt x="75" y="180"/>
                    </a:lnTo>
                    <a:lnTo>
                      <a:pt x="77" y="180"/>
                    </a:lnTo>
                    <a:lnTo>
                      <a:pt x="83" y="186"/>
                    </a:lnTo>
                    <a:lnTo>
                      <a:pt x="87" y="188"/>
                    </a:lnTo>
                    <a:lnTo>
                      <a:pt x="89" y="188"/>
                    </a:lnTo>
                    <a:lnTo>
                      <a:pt x="91" y="184"/>
                    </a:lnTo>
                    <a:lnTo>
                      <a:pt x="94" y="175"/>
                    </a:lnTo>
                    <a:lnTo>
                      <a:pt x="94" y="175"/>
                    </a:lnTo>
                    <a:lnTo>
                      <a:pt x="94" y="169"/>
                    </a:lnTo>
                    <a:lnTo>
                      <a:pt x="91" y="167"/>
                    </a:lnTo>
                    <a:lnTo>
                      <a:pt x="87" y="165"/>
                    </a:lnTo>
                    <a:lnTo>
                      <a:pt x="83" y="165"/>
                    </a:lnTo>
                    <a:lnTo>
                      <a:pt x="83" y="163"/>
                    </a:lnTo>
                    <a:lnTo>
                      <a:pt x="81" y="159"/>
                    </a:lnTo>
                    <a:lnTo>
                      <a:pt x="81" y="159"/>
                    </a:lnTo>
                    <a:lnTo>
                      <a:pt x="83" y="153"/>
                    </a:lnTo>
                    <a:lnTo>
                      <a:pt x="89" y="147"/>
                    </a:lnTo>
                    <a:lnTo>
                      <a:pt x="94" y="143"/>
                    </a:lnTo>
                    <a:lnTo>
                      <a:pt x="96" y="137"/>
                    </a:lnTo>
                    <a:lnTo>
                      <a:pt x="96" y="137"/>
                    </a:lnTo>
                    <a:lnTo>
                      <a:pt x="98" y="125"/>
                    </a:lnTo>
                    <a:lnTo>
                      <a:pt x="102" y="110"/>
                    </a:lnTo>
                    <a:lnTo>
                      <a:pt x="106" y="104"/>
                    </a:lnTo>
                    <a:lnTo>
                      <a:pt x="110" y="100"/>
                    </a:lnTo>
                    <a:lnTo>
                      <a:pt x="116" y="98"/>
                    </a:lnTo>
                    <a:lnTo>
                      <a:pt x="122" y="100"/>
                    </a:lnTo>
                    <a:lnTo>
                      <a:pt x="122" y="100"/>
                    </a:lnTo>
                    <a:lnTo>
                      <a:pt x="126" y="108"/>
                    </a:lnTo>
                    <a:lnTo>
                      <a:pt x="130" y="120"/>
                    </a:lnTo>
                    <a:lnTo>
                      <a:pt x="134" y="127"/>
                    </a:lnTo>
                    <a:lnTo>
                      <a:pt x="136" y="129"/>
                    </a:lnTo>
                    <a:lnTo>
                      <a:pt x="138" y="127"/>
                    </a:lnTo>
                    <a:lnTo>
                      <a:pt x="140" y="118"/>
                    </a:lnTo>
                    <a:lnTo>
                      <a:pt x="140" y="118"/>
                    </a:lnTo>
                    <a:lnTo>
                      <a:pt x="144" y="108"/>
                    </a:lnTo>
                    <a:lnTo>
                      <a:pt x="147" y="106"/>
                    </a:lnTo>
                    <a:lnTo>
                      <a:pt x="149" y="106"/>
                    </a:lnTo>
                    <a:lnTo>
                      <a:pt x="153" y="110"/>
                    </a:lnTo>
                    <a:lnTo>
                      <a:pt x="157" y="116"/>
                    </a:lnTo>
                    <a:lnTo>
                      <a:pt x="163" y="135"/>
                    </a:lnTo>
                    <a:lnTo>
                      <a:pt x="167" y="151"/>
                    </a:lnTo>
                    <a:lnTo>
                      <a:pt x="167" y="151"/>
                    </a:lnTo>
                    <a:lnTo>
                      <a:pt x="171" y="143"/>
                    </a:lnTo>
                    <a:lnTo>
                      <a:pt x="175" y="133"/>
                    </a:lnTo>
                    <a:lnTo>
                      <a:pt x="177" y="118"/>
                    </a:lnTo>
                    <a:lnTo>
                      <a:pt x="179" y="104"/>
                    </a:lnTo>
                    <a:lnTo>
                      <a:pt x="179" y="88"/>
                    </a:lnTo>
                    <a:lnTo>
                      <a:pt x="175" y="72"/>
                    </a:lnTo>
                    <a:lnTo>
                      <a:pt x="171" y="55"/>
                    </a:lnTo>
                    <a:lnTo>
                      <a:pt x="163" y="39"/>
                    </a:lnTo>
                    <a:lnTo>
                      <a:pt x="163" y="39"/>
                    </a:lnTo>
                    <a:close/>
                    <a:moveTo>
                      <a:pt x="77" y="80"/>
                    </a:moveTo>
                    <a:lnTo>
                      <a:pt x="77" y="80"/>
                    </a:lnTo>
                    <a:lnTo>
                      <a:pt x="75" y="82"/>
                    </a:lnTo>
                    <a:lnTo>
                      <a:pt x="73" y="84"/>
                    </a:lnTo>
                    <a:lnTo>
                      <a:pt x="67" y="86"/>
                    </a:lnTo>
                    <a:lnTo>
                      <a:pt x="61" y="84"/>
                    </a:lnTo>
                    <a:lnTo>
                      <a:pt x="55" y="82"/>
                    </a:lnTo>
                    <a:lnTo>
                      <a:pt x="55" y="82"/>
                    </a:lnTo>
                    <a:lnTo>
                      <a:pt x="51" y="78"/>
                    </a:lnTo>
                    <a:lnTo>
                      <a:pt x="51" y="78"/>
                    </a:lnTo>
                    <a:lnTo>
                      <a:pt x="45" y="74"/>
                    </a:lnTo>
                    <a:lnTo>
                      <a:pt x="45" y="74"/>
                    </a:lnTo>
                    <a:lnTo>
                      <a:pt x="41" y="69"/>
                    </a:lnTo>
                    <a:lnTo>
                      <a:pt x="41" y="65"/>
                    </a:lnTo>
                    <a:lnTo>
                      <a:pt x="41" y="63"/>
                    </a:lnTo>
                    <a:lnTo>
                      <a:pt x="41" y="63"/>
                    </a:lnTo>
                    <a:lnTo>
                      <a:pt x="43" y="59"/>
                    </a:lnTo>
                    <a:lnTo>
                      <a:pt x="47" y="57"/>
                    </a:lnTo>
                    <a:lnTo>
                      <a:pt x="49" y="57"/>
                    </a:lnTo>
                    <a:lnTo>
                      <a:pt x="49" y="57"/>
                    </a:lnTo>
                    <a:lnTo>
                      <a:pt x="51" y="59"/>
                    </a:lnTo>
                    <a:lnTo>
                      <a:pt x="51" y="61"/>
                    </a:lnTo>
                    <a:lnTo>
                      <a:pt x="51" y="65"/>
                    </a:lnTo>
                    <a:lnTo>
                      <a:pt x="53" y="67"/>
                    </a:lnTo>
                    <a:lnTo>
                      <a:pt x="53" y="67"/>
                    </a:lnTo>
                    <a:lnTo>
                      <a:pt x="55" y="69"/>
                    </a:lnTo>
                    <a:lnTo>
                      <a:pt x="57" y="67"/>
                    </a:lnTo>
                    <a:lnTo>
                      <a:pt x="61" y="61"/>
                    </a:lnTo>
                    <a:lnTo>
                      <a:pt x="61" y="61"/>
                    </a:lnTo>
                    <a:lnTo>
                      <a:pt x="65" y="61"/>
                    </a:lnTo>
                    <a:lnTo>
                      <a:pt x="67" y="61"/>
                    </a:lnTo>
                    <a:lnTo>
                      <a:pt x="73" y="65"/>
                    </a:lnTo>
                    <a:lnTo>
                      <a:pt x="75" y="72"/>
                    </a:lnTo>
                    <a:lnTo>
                      <a:pt x="77" y="80"/>
                    </a:lnTo>
                    <a:lnTo>
                      <a:pt x="77" y="80"/>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48" name="Line 723"/>
              <p:cNvSpPr>
                <a:spLocks noChangeShapeType="1"/>
              </p:cNvSpPr>
              <p:nvPr/>
            </p:nvSpPr>
            <p:spPr bwMode="auto">
              <a:xfrm>
                <a:off x="12644438" y="6370638"/>
                <a:ext cx="1588" cy="1588"/>
              </a:xfrm>
              <a:prstGeom prst="line">
                <a:avLst/>
              </a:pr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49" name="Freeform 724"/>
              <p:cNvSpPr>
                <a:spLocks/>
              </p:cNvSpPr>
              <p:nvPr/>
            </p:nvSpPr>
            <p:spPr bwMode="auto">
              <a:xfrm>
                <a:off x="12634913" y="6240463"/>
                <a:ext cx="284163" cy="336550"/>
              </a:xfrm>
              <a:custGeom>
                <a:avLst/>
                <a:gdLst/>
                <a:ahLst/>
                <a:cxnLst>
                  <a:cxn ang="0">
                    <a:pos x="163" y="39"/>
                  </a:cxn>
                  <a:cxn ang="0">
                    <a:pos x="144" y="21"/>
                  </a:cxn>
                  <a:cxn ang="0">
                    <a:pos x="122" y="8"/>
                  </a:cxn>
                  <a:cxn ang="0">
                    <a:pos x="110" y="4"/>
                  </a:cxn>
                  <a:cxn ang="0">
                    <a:pos x="83" y="10"/>
                  </a:cxn>
                  <a:cxn ang="0">
                    <a:pos x="79" y="12"/>
                  </a:cxn>
                  <a:cxn ang="0">
                    <a:pos x="65" y="6"/>
                  </a:cxn>
                  <a:cxn ang="0">
                    <a:pos x="53" y="0"/>
                  </a:cxn>
                  <a:cxn ang="0">
                    <a:pos x="47" y="0"/>
                  </a:cxn>
                  <a:cxn ang="0">
                    <a:pos x="38" y="6"/>
                  </a:cxn>
                  <a:cxn ang="0">
                    <a:pos x="36" y="16"/>
                  </a:cxn>
                  <a:cxn ang="0">
                    <a:pos x="36" y="35"/>
                  </a:cxn>
                  <a:cxn ang="0">
                    <a:pos x="32" y="37"/>
                  </a:cxn>
                  <a:cxn ang="0">
                    <a:pos x="16" y="39"/>
                  </a:cxn>
                  <a:cxn ang="0">
                    <a:pos x="16" y="43"/>
                  </a:cxn>
                  <a:cxn ang="0">
                    <a:pos x="20" y="49"/>
                  </a:cxn>
                  <a:cxn ang="0">
                    <a:pos x="28" y="55"/>
                  </a:cxn>
                  <a:cxn ang="0">
                    <a:pos x="24" y="57"/>
                  </a:cxn>
                  <a:cxn ang="0">
                    <a:pos x="12" y="61"/>
                  </a:cxn>
                  <a:cxn ang="0">
                    <a:pos x="10" y="63"/>
                  </a:cxn>
                  <a:cxn ang="0">
                    <a:pos x="18" y="67"/>
                  </a:cxn>
                  <a:cxn ang="0">
                    <a:pos x="18" y="69"/>
                  </a:cxn>
                  <a:cxn ang="0">
                    <a:pos x="14" y="76"/>
                  </a:cxn>
                  <a:cxn ang="0">
                    <a:pos x="6" y="82"/>
                  </a:cxn>
                  <a:cxn ang="0">
                    <a:pos x="0" y="110"/>
                  </a:cxn>
                  <a:cxn ang="0">
                    <a:pos x="2" y="125"/>
                  </a:cxn>
                  <a:cxn ang="0">
                    <a:pos x="14" y="133"/>
                  </a:cxn>
                  <a:cxn ang="0">
                    <a:pos x="22" y="135"/>
                  </a:cxn>
                  <a:cxn ang="0">
                    <a:pos x="34" y="139"/>
                  </a:cxn>
                  <a:cxn ang="0">
                    <a:pos x="38" y="147"/>
                  </a:cxn>
                  <a:cxn ang="0">
                    <a:pos x="38" y="159"/>
                  </a:cxn>
                  <a:cxn ang="0">
                    <a:pos x="38" y="190"/>
                  </a:cxn>
                  <a:cxn ang="0">
                    <a:pos x="38" y="198"/>
                  </a:cxn>
                  <a:cxn ang="0">
                    <a:pos x="49" y="210"/>
                  </a:cxn>
                  <a:cxn ang="0">
                    <a:pos x="57" y="210"/>
                  </a:cxn>
                  <a:cxn ang="0">
                    <a:pos x="59" y="208"/>
                  </a:cxn>
                  <a:cxn ang="0">
                    <a:pos x="67" y="198"/>
                  </a:cxn>
                  <a:cxn ang="0">
                    <a:pos x="71" y="182"/>
                  </a:cxn>
                  <a:cxn ang="0">
                    <a:pos x="77" y="180"/>
                  </a:cxn>
                  <a:cxn ang="0">
                    <a:pos x="87" y="188"/>
                  </a:cxn>
                  <a:cxn ang="0">
                    <a:pos x="91" y="184"/>
                  </a:cxn>
                  <a:cxn ang="0">
                    <a:pos x="94" y="175"/>
                  </a:cxn>
                  <a:cxn ang="0">
                    <a:pos x="91" y="167"/>
                  </a:cxn>
                  <a:cxn ang="0">
                    <a:pos x="83" y="165"/>
                  </a:cxn>
                  <a:cxn ang="0">
                    <a:pos x="81" y="159"/>
                  </a:cxn>
                  <a:cxn ang="0">
                    <a:pos x="83" y="153"/>
                  </a:cxn>
                  <a:cxn ang="0">
                    <a:pos x="94" y="143"/>
                  </a:cxn>
                  <a:cxn ang="0">
                    <a:pos x="96" y="137"/>
                  </a:cxn>
                  <a:cxn ang="0">
                    <a:pos x="102" y="110"/>
                  </a:cxn>
                  <a:cxn ang="0">
                    <a:pos x="110" y="100"/>
                  </a:cxn>
                  <a:cxn ang="0">
                    <a:pos x="122" y="100"/>
                  </a:cxn>
                  <a:cxn ang="0">
                    <a:pos x="126" y="108"/>
                  </a:cxn>
                  <a:cxn ang="0">
                    <a:pos x="134" y="127"/>
                  </a:cxn>
                  <a:cxn ang="0">
                    <a:pos x="138" y="127"/>
                  </a:cxn>
                  <a:cxn ang="0">
                    <a:pos x="140" y="118"/>
                  </a:cxn>
                  <a:cxn ang="0">
                    <a:pos x="147" y="106"/>
                  </a:cxn>
                  <a:cxn ang="0">
                    <a:pos x="153" y="110"/>
                  </a:cxn>
                  <a:cxn ang="0">
                    <a:pos x="163" y="135"/>
                  </a:cxn>
                  <a:cxn ang="0">
                    <a:pos x="167" y="151"/>
                  </a:cxn>
                  <a:cxn ang="0">
                    <a:pos x="175" y="133"/>
                  </a:cxn>
                  <a:cxn ang="0">
                    <a:pos x="179" y="104"/>
                  </a:cxn>
                  <a:cxn ang="0">
                    <a:pos x="175" y="72"/>
                  </a:cxn>
                  <a:cxn ang="0">
                    <a:pos x="163" y="39"/>
                  </a:cxn>
                </a:cxnLst>
                <a:rect l="0" t="0" r="r" b="b"/>
                <a:pathLst>
                  <a:path w="179" h="212">
                    <a:moveTo>
                      <a:pt x="163" y="39"/>
                    </a:moveTo>
                    <a:lnTo>
                      <a:pt x="163" y="39"/>
                    </a:lnTo>
                    <a:lnTo>
                      <a:pt x="155" y="29"/>
                    </a:lnTo>
                    <a:lnTo>
                      <a:pt x="144" y="21"/>
                    </a:lnTo>
                    <a:lnTo>
                      <a:pt x="134" y="14"/>
                    </a:lnTo>
                    <a:lnTo>
                      <a:pt x="122" y="8"/>
                    </a:lnTo>
                    <a:lnTo>
                      <a:pt x="122" y="8"/>
                    </a:lnTo>
                    <a:lnTo>
                      <a:pt x="110" y="4"/>
                    </a:lnTo>
                    <a:lnTo>
                      <a:pt x="104" y="4"/>
                    </a:lnTo>
                    <a:lnTo>
                      <a:pt x="83" y="10"/>
                    </a:lnTo>
                    <a:lnTo>
                      <a:pt x="83" y="10"/>
                    </a:lnTo>
                    <a:lnTo>
                      <a:pt x="79" y="12"/>
                    </a:lnTo>
                    <a:lnTo>
                      <a:pt x="73" y="10"/>
                    </a:lnTo>
                    <a:lnTo>
                      <a:pt x="65" y="6"/>
                    </a:lnTo>
                    <a:lnTo>
                      <a:pt x="57" y="0"/>
                    </a:lnTo>
                    <a:lnTo>
                      <a:pt x="53" y="0"/>
                    </a:lnTo>
                    <a:lnTo>
                      <a:pt x="47" y="0"/>
                    </a:lnTo>
                    <a:lnTo>
                      <a:pt x="47" y="0"/>
                    </a:lnTo>
                    <a:lnTo>
                      <a:pt x="41" y="2"/>
                    </a:lnTo>
                    <a:lnTo>
                      <a:pt x="38" y="6"/>
                    </a:lnTo>
                    <a:lnTo>
                      <a:pt x="36" y="10"/>
                    </a:lnTo>
                    <a:lnTo>
                      <a:pt x="36" y="16"/>
                    </a:lnTo>
                    <a:lnTo>
                      <a:pt x="36" y="29"/>
                    </a:lnTo>
                    <a:lnTo>
                      <a:pt x="36" y="35"/>
                    </a:lnTo>
                    <a:lnTo>
                      <a:pt x="32" y="37"/>
                    </a:lnTo>
                    <a:lnTo>
                      <a:pt x="32" y="37"/>
                    </a:lnTo>
                    <a:lnTo>
                      <a:pt x="18" y="39"/>
                    </a:lnTo>
                    <a:lnTo>
                      <a:pt x="16" y="39"/>
                    </a:lnTo>
                    <a:lnTo>
                      <a:pt x="14" y="41"/>
                    </a:lnTo>
                    <a:lnTo>
                      <a:pt x="16" y="43"/>
                    </a:lnTo>
                    <a:lnTo>
                      <a:pt x="20" y="49"/>
                    </a:lnTo>
                    <a:lnTo>
                      <a:pt x="20" y="49"/>
                    </a:lnTo>
                    <a:lnTo>
                      <a:pt x="26" y="53"/>
                    </a:lnTo>
                    <a:lnTo>
                      <a:pt x="28" y="55"/>
                    </a:lnTo>
                    <a:lnTo>
                      <a:pt x="26" y="57"/>
                    </a:lnTo>
                    <a:lnTo>
                      <a:pt x="24" y="57"/>
                    </a:lnTo>
                    <a:lnTo>
                      <a:pt x="16" y="59"/>
                    </a:lnTo>
                    <a:lnTo>
                      <a:pt x="12" y="61"/>
                    </a:lnTo>
                    <a:lnTo>
                      <a:pt x="10" y="63"/>
                    </a:lnTo>
                    <a:lnTo>
                      <a:pt x="10" y="63"/>
                    </a:lnTo>
                    <a:lnTo>
                      <a:pt x="14" y="67"/>
                    </a:lnTo>
                    <a:lnTo>
                      <a:pt x="18" y="67"/>
                    </a:lnTo>
                    <a:lnTo>
                      <a:pt x="18" y="67"/>
                    </a:lnTo>
                    <a:lnTo>
                      <a:pt x="18" y="69"/>
                    </a:lnTo>
                    <a:lnTo>
                      <a:pt x="18" y="72"/>
                    </a:lnTo>
                    <a:lnTo>
                      <a:pt x="14" y="76"/>
                    </a:lnTo>
                    <a:lnTo>
                      <a:pt x="6" y="82"/>
                    </a:lnTo>
                    <a:lnTo>
                      <a:pt x="6" y="82"/>
                    </a:lnTo>
                    <a:lnTo>
                      <a:pt x="2" y="96"/>
                    </a:lnTo>
                    <a:lnTo>
                      <a:pt x="0" y="110"/>
                    </a:lnTo>
                    <a:lnTo>
                      <a:pt x="0" y="118"/>
                    </a:lnTo>
                    <a:lnTo>
                      <a:pt x="2" y="125"/>
                    </a:lnTo>
                    <a:lnTo>
                      <a:pt x="6" y="129"/>
                    </a:lnTo>
                    <a:lnTo>
                      <a:pt x="14" y="133"/>
                    </a:lnTo>
                    <a:lnTo>
                      <a:pt x="14" y="133"/>
                    </a:lnTo>
                    <a:lnTo>
                      <a:pt x="22" y="135"/>
                    </a:lnTo>
                    <a:lnTo>
                      <a:pt x="28" y="137"/>
                    </a:lnTo>
                    <a:lnTo>
                      <a:pt x="34" y="139"/>
                    </a:lnTo>
                    <a:lnTo>
                      <a:pt x="36" y="143"/>
                    </a:lnTo>
                    <a:lnTo>
                      <a:pt x="38" y="147"/>
                    </a:lnTo>
                    <a:lnTo>
                      <a:pt x="38" y="147"/>
                    </a:lnTo>
                    <a:lnTo>
                      <a:pt x="38" y="159"/>
                    </a:lnTo>
                    <a:lnTo>
                      <a:pt x="38" y="169"/>
                    </a:lnTo>
                    <a:lnTo>
                      <a:pt x="38" y="190"/>
                    </a:lnTo>
                    <a:lnTo>
                      <a:pt x="38" y="190"/>
                    </a:lnTo>
                    <a:lnTo>
                      <a:pt x="38" y="198"/>
                    </a:lnTo>
                    <a:lnTo>
                      <a:pt x="43" y="206"/>
                    </a:lnTo>
                    <a:lnTo>
                      <a:pt x="49" y="210"/>
                    </a:lnTo>
                    <a:lnTo>
                      <a:pt x="53" y="212"/>
                    </a:lnTo>
                    <a:lnTo>
                      <a:pt x="57" y="210"/>
                    </a:lnTo>
                    <a:lnTo>
                      <a:pt x="57" y="210"/>
                    </a:lnTo>
                    <a:lnTo>
                      <a:pt x="59" y="208"/>
                    </a:lnTo>
                    <a:lnTo>
                      <a:pt x="63" y="206"/>
                    </a:lnTo>
                    <a:lnTo>
                      <a:pt x="67" y="198"/>
                    </a:lnTo>
                    <a:lnTo>
                      <a:pt x="71" y="182"/>
                    </a:lnTo>
                    <a:lnTo>
                      <a:pt x="71" y="182"/>
                    </a:lnTo>
                    <a:lnTo>
                      <a:pt x="75" y="180"/>
                    </a:lnTo>
                    <a:lnTo>
                      <a:pt x="77" y="180"/>
                    </a:lnTo>
                    <a:lnTo>
                      <a:pt x="83" y="186"/>
                    </a:lnTo>
                    <a:lnTo>
                      <a:pt x="87" y="188"/>
                    </a:lnTo>
                    <a:lnTo>
                      <a:pt x="89" y="188"/>
                    </a:lnTo>
                    <a:lnTo>
                      <a:pt x="91" y="184"/>
                    </a:lnTo>
                    <a:lnTo>
                      <a:pt x="94" y="175"/>
                    </a:lnTo>
                    <a:lnTo>
                      <a:pt x="94" y="175"/>
                    </a:lnTo>
                    <a:lnTo>
                      <a:pt x="94" y="169"/>
                    </a:lnTo>
                    <a:lnTo>
                      <a:pt x="91" y="167"/>
                    </a:lnTo>
                    <a:lnTo>
                      <a:pt x="87" y="165"/>
                    </a:lnTo>
                    <a:lnTo>
                      <a:pt x="83" y="165"/>
                    </a:lnTo>
                    <a:lnTo>
                      <a:pt x="83" y="163"/>
                    </a:lnTo>
                    <a:lnTo>
                      <a:pt x="81" y="159"/>
                    </a:lnTo>
                    <a:lnTo>
                      <a:pt x="81" y="159"/>
                    </a:lnTo>
                    <a:lnTo>
                      <a:pt x="83" y="153"/>
                    </a:lnTo>
                    <a:lnTo>
                      <a:pt x="89" y="147"/>
                    </a:lnTo>
                    <a:lnTo>
                      <a:pt x="94" y="143"/>
                    </a:lnTo>
                    <a:lnTo>
                      <a:pt x="96" y="137"/>
                    </a:lnTo>
                    <a:lnTo>
                      <a:pt x="96" y="137"/>
                    </a:lnTo>
                    <a:lnTo>
                      <a:pt x="98" y="125"/>
                    </a:lnTo>
                    <a:lnTo>
                      <a:pt x="102" y="110"/>
                    </a:lnTo>
                    <a:lnTo>
                      <a:pt x="106" y="104"/>
                    </a:lnTo>
                    <a:lnTo>
                      <a:pt x="110" y="100"/>
                    </a:lnTo>
                    <a:lnTo>
                      <a:pt x="116" y="98"/>
                    </a:lnTo>
                    <a:lnTo>
                      <a:pt x="122" y="100"/>
                    </a:lnTo>
                    <a:lnTo>
                      <a:pt x="122" y="100"/>
                    </a:lnTo>
                    <a:lnTo>
                      <a:pt x="126" y="108"/>
                    </a:lnTo>
                    <a:lnTo>
                      <a:pt x="130" y="120"/>
                    </a:lnTo>
                    <a:lnTo>
                      <a:pt x="134" y="127"/>
                    </a:lnTo>
                    <a:lnTo>
                      <a:pt x="136" y="129"/>
                    </a:lnTo>
                    <a:lnTo>
                      <a:pt x="138" y="127"/>
                    </a:lnTo>
                    <a:lnTo>
                      <a:pt x="140" y="118"/>
                    </a:lnTo>
                    <a:lnTo>
                      <a:pt x="140" y="118"/>
                    </a:lnTo>
                    <a:lnTo>
                      <a:pt x="144" y="108"/>
                    </a:lnTo>
                    <a:lnTo>
                      <a:pt x="147" y="106"/>
                    </a:lnTo>
                    <a:lnTo>
                      <a:pt x="149" y="106"/>
                    </a:lnTo>
                    <a:lnTo>
                      <a:pt x="153" y="110"/>
                    </a:lnTo>
                    <a:lnTo>
                      <a:pt x="157" y="116"/>
                    </a:lnTo>
                    <a:lnTo>
                      <a:pt x="163" y="135"/>
                    </a:lnTo>
                    <a:lnTo>
                      <a:pt x="167" y="151"/>
                    </a:lnTo>
                    <a:lnTo>
                      <a:pt x="167" y="151"/>
                    </a:lnTo>
                    <a:lnTo>
                      <a:pt x="171" y="143"/>
                    </a:lnTo>
                    <a:lnTo>
                      <a:pt x="175" y="133"/>
                    </a:lnTo>
                    <a:lnTo>
                      <a:pt x="177" y="118"/>
                    </a:lnTo>
                    <a:lnTo>
                      <a:pt x="179" y="104"/>
                    </a:lnTo>
                    <a:lnTo>
                      <a:pt x="179" y="88"/>
                    </a:lnTo>
                    <a:lnTo>
                      <a:pt x="175" y="72"/>
                    </a:lnTo>
                    <a:lnTo>
                      <a:pt x="171" y="55"/>
                    </a:lnTo>
                    <a:lnTo>
                      <a:pt x="163" y="39"/>
                    </a:lnTo>
                    <a:lnTo>
                      <a:pt x="163" y="39"/>
                    </a:lnTo>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50" name="Freeform 725"/>
              <p:cNvSpPr>
                <a:spLocks/>
              </p:cNvSpPr>
              <p:nvPr/>
            </p:nvSpPr>
            <p:spPr bwMode="auto">
              <a:xfrm>
                <a:off x="12700000" y="6330950"/>
                <a:ext cx="57150" cy="46038"/>
              </a:xfrm>
              <a:custGeom>
                <a:avLst/>
                <a:gdLst/>
                <a:ahLst/>
                <a:cxnLst>
                  <a:cxn ang="0">
                    <a:pos x="36" y="23"/>
                  </a:cxn>
                  <a:cxn ang="0">
                    <a:pos x="36" y="23"/>
                  </a:cxn>
                  <a:cxn ang="0">
                    <a:pos x="34" y="25"/>
                  </a:cxn>
                  <a:cxn ang="0">
                    <a:pos x="32" y="27"/>
                  </a:cxn>
                  <a:cxn ang="0">
                    <a:pos x="26" y="29"/>
                  </a:cxn>
                  <a:cxn ang="0">
                    <a:pos x="20" y="27"/>
                  </a:cxn>
                  <a:cxn ang="0">
                    <a:pos x="14" y="25"/>
                  </a:cxn>
                  <a:cxn ang="0">
                    <a:pos x="14" y="25"/>
                  </a:cxn>
                  <a:cxn ang="0">
                    <a:pos x="10" y="21"/>
                  </a:cxn>
                  <a:cxn ang="0">
                    <a:pos x="10" y="21"/>
                  </a:cxn>
                  <a:cxn ang="0">
                    <a:pos x="4" y="17"/>
                  </a:cxn>
                  <a:cxn ang="0">
                    <a:pos x="4" y="17"/>
                  </a:cxn>
                  <a:cxn ang="0">
                    <a:pos x="0" y="12"/>
                  </a:cxn>
                  <a:cxn ang="0">
                    <a:pos x="0" y="8"/>
                  </a:cxn>
                  <a:cxn ang="0">
                    <a:pos x="0" y="6"/>
                  </a:cxn>
                  <a:cxn ang="0">
                    <a:pos x="0" y="6"/>
                  </a:cxn>
                  <a:cxn ang="0">
                    <a:pos x="2" y="2"/>
                  </a:cxn>
                  <a:cxn ang="0">
                    <a:pos x="6" y="0"/>
                  </a:cxn>
                  <a:cxn ang="0">
                    <a:pos x="8" y="0"/>
                  </a:cxn>
                  <a:cxn ang="0">
                    <a:pos x="8" y="0"/>
                  </a:cxn>
                  <a:cxn ang="0">
                    <a:pos x="10" y="2"/>
                  </a:cxn>
                  <a:cxn ang="0">
                    <a:pos x="10" y="4"/>
                  </a:cxn>
                  <a:cxn ang="0">
                    <a:pos x="10" y="8"/>
                  </a:cxn>
                  <a:cxn ang="0">
                    <a:pos x="12" y="10"/>
                  </a:cxn>
                  <a:cxn ang="0">
                    <a:pos x="12" y="10"/>
                  </a:cxn>
                  <a:cxn ang="0">
                    <a:pos x="14" y="12"/>
                  </a:cxn>
                  <a:cxn ang="0">
                    <a:pos x="16" y="10"/>
                  </a:cxn>
                  <a:cxn ang="0">
                    <a:pos x="20" y="4"/>
                  </a:cxn>
                  <a:cxn ang="0">
                    <a:pos x="20" y="4"/>
                  </a:cxn>
                  <a:cxn ang="0">
                    <a:pos x="24" y="4"/>
                  </a:cxn>
                  <a:cxn ang="0">
                    <a:pos x="26" y="4"/>
                  </a:cxn>
                  <a:cxn ang="0">
                    <a:pos x="32" y="8"/>
                  </a:cxn>
                  <a:cxn ang="0">
                    <a:pos x="34" y="15"/>
                  </a:cxn>
                  <a:cxn ang="0">
                    <a:pos x="36" y="23"/>
                  </a:cxn>
                  <a:cxn ang="0">
                    <a:pos x="36" y="23"/>
                  </a:cxn>
                </a:cxnLst>
                <a:rect l="0" t="0" r="r" b="b"/>
                <a:pathLst>
                  <a:path w="36" h="29">
                    <a:moveTo>
                      <a:pt x="36" y="23"/>
                    </a:moveTo>
                    <a:lnTo>
                      <a:pt x="36" y="23"/>
                    </a:lnTo>
                    <a:lnTo>
                      <a:pt x="34" y="25"/>
                    </a:lnTo>
                    <a:lnTo>
                      <a:pt x="32" y="27"/>
                    </a:lnTo>
                    <a:lnTo>
                      <a:pt x="26" y="29"/>
                    </a:lnTo>
                    <a:lnTo>
                      <a:pt x="20" y="27"/>
                    </a:lnTo>
                    <a:lnTo>
                      <a:pt x="14" y="25"/>
                    </a:lnTo>
                    <a:lnTo>
                      <a:pt x="14" y="25"/>
                    </a:lnTo>
                    <a:lnTo>
                      <a:pt x="10" y="21"/>
                    </a:lnTo>
                    <a:lnTo>
                      <a:pt x="10" y="21"/>
                    </a:lnTo>
                    <a:lnTo>
                      <a:pt x="4" y="17"/>
                    </a:lnTo>
                    <a:lnTo>
                      <a:pt x="4" y="17"/>
                    </a:lnTo>
                    <a:lnTo>
                      <a:pt x="0" y="12"/>
                    </a:lnTo>
                    <a:lnTo>
                      <a:pt x="0" y="8"/>
                    </a:lnTo>
                    <a:lnTo>
                      <a:pt x="0" y="6"/>
                    </a:lnTo>
                    <a:lnTo>
                      <a:pt x="0" y="6"/>
                    </a:lnTo>
                    <a:lnTo>
                      <a:pt x="2" y="2"/>
                    </a:lnTo>
                    <a:lnTo>
                      <a:pt x="6" y="0"/>
                    </a:lnTo>
                    <a:lnTo>
                      <a:pt x="8" y="0"/>
                    </a:lnTo>
                    <a:lnTo>
                      <a:pt x="8" y="0"/>
                    </a:lnTo>
                    <a:lnTo>
                      <a:pt x="10" y="2"/>
                    </a:lnTo>
                    <a:lnTo>
                      <a:pt x="10" y="4"/>
                    </a:lnTo>
                    <a:lnTo>
                      <a:pt x="10" y="8"/>
                    </a:lnTo>
                    <a:lnTo>
                      <a:pt x="12" y="10"/>
                    </a:lnTo>
                    <a:lnTo>
                      <a:pt x="12" y="10"/>
                    </a:lnTo>
                    <a:lnTo>
                      <a:pt x="14" y="12"/>
                    </a:lnTo>
                    <a:lnTo>
                      <a:pt x="16" y="10"/>
                    </a:lnTo>
                    <a:lnTo>
                      <a:pt x="20" y="4"/>
                    </a:lnTo>
                    <a:lnTo>
                      <a:pt x="20" y="4"/>
                    </a:lnTo>
                    <a:lnTo>
                      <a:pt x="24" y="4"/>
                    </a:lnTo>
                    <a:lnTo>
                      <a:pt x="26" y="4"/>
                    </a:lnTo>
                    <a:lnTo>
                      <a:pt x="32" y="8"/>
                    </a:lnTo>
                    <a:lnTo>
                      <a:pt x="34" y="15"/>
                    </a:lnTo>
                    <a:lnTo>
                      <a:pt x="36" y="23"/>
                    </a:lnTo>
                    <a:lnTo>
                      <a:pt x="36" y="23"/>
                    </a:lnTo>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51" name="Freeform 726"/>
              <p:cNvSpPr>
                <a:spLocks/>
              </p:cNvSpPr>
              <p:nvPr/>
            </p:nvSpPr>
            <p:spPr bwMode="auto">
              <a:xfrm>
                <a:off x="12442825" y="6215063"/>
                <a:ext cx="185738" cy="187325"/>
              </a:xfrm>
              <a:custGeom>
                <a:avLst/>
                <a:gdLst/>
                <a:ahLst/>
                <a:cxnLst>
                  <a:cxn ang="0">
                    <a:pos x="15" y="102"/>
                  </a:cxn>
                  <a:cxn ang="0">
                    <a:pos x="7" y="98"/>
                  </a:cxn>
                  <a:cxn ang="0">
                    <a:pos x="2" y="90"/>
                  </a:cxn>
                  <a:cxn ang="0">
                    <a:pos x="0" y="81"/>
                  </a:cxn>
                  <a:cxn ang="0">
                    <a:pos x="5" y="63"/>
                  </a:cxn>
                  <a:cxn ang="0">
                    <a:pos x="11" y="55"/>
                  </a:cxn>
                  <a:cxn ang="0">
                    <a:pos x="51" y="20"/>
                  </a:cxn>
                  <a:cxn ang="0">
                    <a:pos x="58" y="18"/>
                  </a:cxn>
                  <a:cxn ang="0">
                    <a:pos x="62" y="22"/>
                  </a:cxn>
                  <a:cxn ang="0">
                    <a:pos x="68" y="22"/>
                  </a:cxn>
                  <a:cxn ang="0">
                    <a:pos x="82" y="8"/>
                  </a:cxn>
                  <a:cxn ang="0">
                    <a:pos x="92" y="2"/>
                  </a:cxn>
                  <a:cxn ang="0">
                    <a:pos x="102" y="0"/>
                  </a:cxn>
                  <a:cxn ang="0">
                    <a:pos x="115" y="4"/>
                  </a:cxn>
                  <a:cxn ang="0">
                    <a:pos x="117" y="12"/>
                  </a:cxn>
                  <a:cxn ang="0">
                    <a:pos x="111" y="24"/>
                  </a:cxn>
                  <a:cxn ang="0">
                    <a:pos x="102" y="30"/>
                  </a:cxn>
                  <a:cxn ang="0">
                    <a:pos x="86" y="45"/>
                  </a:cxn>
                  <a:cxn ang="0">
                    <a:pos x="80" y="43"/>
                  </a:cxn>
                  <a:cxn ang="0">
                    <a:pos x="80" y="39"/>
                  </a:cxn>
                  <a:cxn ang="0">
                    <a:pos x="82" y="32"/>
                  </a:cxn>
                  <a:cxn ang="0">
                    <a:pos x="84" y="22"/>
                  </a:cxn>
                  <a:cxn ang="0">
                    <a:pos x="84" y="20"/>
                  </a:cxn>
                  <a:cxn ang="0">
                    <a:pos x="76" y="20"/>
                  </a:cxn>
                  <a:cxn ang="0">
                    <a:pos x="72" y="28"/>
                  </a:cxn>
                  <a:cxn ang="0">
                    <a:pos x="72" y="32"/>
                  </a:cxn>
                  <a:cxn ang="0">
                    <a:pos x="72" y="41"/>
                  </a:cxn>
                  <a:cxn ang="0">
                    <a:pos x="66" y="47"/>
                  </a:cxn>
                  <a:cxn ang="0">
                    <a:pos x="64" y="51"/>
                  </a:cxn>
                  <a:cxn ang="0">
                    <a:pos x="68" y="61"/>
                  </a:cxn>
                  <a:cxn ang="0">
                    <a:pos x="66" y="67"/>
                  </a:cxn>
                  <a:cxn ang="0">
                    <a:pos x="60" y="73"/>
                  </a:cxn>
                  <a:cxn ang="0">
                    <a:pos x="39" y="83"/>
                  </a:cxn>
                  <a:cxn ang="0">
                    <a:pos x="35" y="85"/>
                  </a:cxn>
                  <a:cxn ang="0">
                    <a:pos x="25" y="98"/>
                  </a:cxn>
                  <a:cxn ang="0">
                    <a:pos x="23" y="100"/>
                  </a:cxn>
                  <a:cxn ang="0">
                    <a:pos x="25" y="106"/>
                  </a:cxn>
                  <a:cxn ang="0">
                    <a:pos x="31" y="114"/>
                  </a:cxn>
                  <a:cxn ang="0">
                    <a:pos x="31" y="118"/>
                  </a:cxn>
                  <a:cxn ang="0">
                    <a:pos x="23" y="112"/>
                  </a:cxn>
                  <a:cxn ang="0">
                    <a:pos x="15" y="102"/>
                  </a:cxn>
                  <a:cxn ang="0">
                    <a:pos x="15" y="102"/>
                  </a:cxn>
                </a:cxnLst>
                <a:rect l="0" t="0" r="r" b="b"/>
                <a:pathLst>
                  <a:path w="117" h="118">
                    <a:moveTo>
                      <a:pt x="15" y="102"/>
                    </a:moveTo>
                    <a:lnTo>
                      <a:pt x="15" y="102"/>
                    </a:lnTo>
                    <a:lnTo>
                      <a:pt x="11" y="100"/>
                    </a:lnTo>
                    <a:lnTo>
                      <a:pt x="7" y="98"/>
                    </a:lnTo>
                    <a:lnTo>
                      <a:pt x="5" y="98"/>
                    </a:lnTo>
                    <a:lnTo>
                      <a:pt x="2" y="90"/>
                    </a:lnTo>
                    <a:lnTo>
                      <a:pt x="2" y="90"/>
                    </a:lnTo>
                    <a:lnTo>
                      <a:pt x="0" y="81"/>
                    </a:lnTo>
                    <a:lnTo>
                      <a:pt x="2" y="71"/>
                    </a:lnTo>
                    <a:lnTo>
                      <a:pt x="5" y="63"/>
                    </a:lnTo>
                    <a:lnTo>
                      <a:pt x="11" y="55"/>
                    </a:lnTo>
                    <a:lnTo>
                      <a:pt x="11" y="55"/>
                    </a:lnTo>
                    <a:lnTo>
                      <a:pt x="35" y="32"/>
                    </a:lnTo>
                    <a:lnTo>
                      <a:pt x="51" y="20"/>
                    </a:lnTo>
                    <a:lnTo>
                      <a:pt x="55" y="16"/>
                    </a:lnTo>
                    <a:lnTo>
                      <a:pt x="58" y="18"/>
                    </a:lnTo>
                    <a:lnTo>
                      <a:pt x="58" y="18"/>
                    </a:lnTo>
                    <a:lnTo>
                      <a:pt x="62" y="22"/>
                    </a:lnTo>
                    <a:lnTo>
                      <a:pt x="64" y="22"/>
                    </a:lnTo>
                    <a:lnTo>
                      <a:pt x="68" y="22"/>
                    </a:lnTo>
                    <a:lnTo>
                      <a:pt x="74" y="18"/>
                    </a:lnTo>
                    <a:lnTo>
                      <a:pt x="82" y="8"/>
                    </a:lnTo>
                    <a:lnTo>
                      <a:pt x="88" y="4"/>
                    </a:lnTo>
                    <a:lnTo>
                      <a:pt x="92" y="2"/>
                    </a:lnTo>
                    <a:lnTo>
                      <a:pt x="92" y="2"/>
                    </a:lnTo>
                    <a:lnTo>
                      <a:pt x="102" y="0"/>
                    </a:lnTo>
                    <a:lnTo>
                      <a:pt x="111" y="2"/>
                    </a:lnTo>
                    <a:lnTo>
                      <a:pt x="115" y="4"/>
                    </a:lnTo>
                    <a:lnTo>
                      <a:pt x="117" y="8"/>
                    </a:lnTo>
                    <a:lnTo>
                      <a:pt x="117" y="12"/>
                    </a:lnTo>
                    <a:lnTo>
                      <a:pt x="115" y="18"/>
                    </a:lnTo>
                    <a:lnTo>
                      <a:pt x="111" y="24"/>
                    </a:lnTo>
                    <a:lnTo>
                      <a:pt x="102" y="30"/>
                    </a:lnTo>
                    <a:lnTo>
                      <a:pt x="102" y="30"/>
                    </a:lnTo>
                    <a:lnTo>
                      <a:pt x="92" y="41"/>
                    </a:lnTo>
                    <a:lnTo>
                      <a:pt x="86" y="45"/>
                    </a:lnTo>
                    <a:lnTo>
                      <a:pt x="84" y="45"/>
                    </a:lnTo>
                    <a:lnTo>
                      <a:pt x="80" y="43"/>
                    </a:lnTo>
                    <a:lnTo>
                      <a:pt x="80" y="43"/>
                    </a:lnTo>
                    <a:lnTo>
                      <a:pt x="80" y="39"/>
                    </a:lnTo>
                    <a:lnTo>
                      <a:pt x="80" y="37"/>
                    </a:lnTo>
                    <a:lnTo>
                      <a:pt x="82" y="32"/>
                    </a:lnTo>
                    <a:lnTo>
                      <a:pt x="84" y="28"/>
                    </a:lnTo>
                    <a:lnTo>
                      <a:pt x="84" y="22"/>
                    </a:lnTo>
                    <a:lnTo>
                      <a:pt x="84" y="22"/>
                    </a:lnTo>
                    <a:lnTo>
                      <a:pt x="84" y="20"/>
                    </a:lnTo>
                    <a:lnTo>
                      <a:pt x="82" y="20"/>
                    </a:lnTo>
                    <a:lnTo>
                      <a:pt x="76" y="20"/>
                    </a:lnTo>
                    <a:lnTo>
                      <a:pt x="72" y="26"/>
                    </a:lnTo>
                    <a:lnTo>
                      <a:pt x="72" y="28"/>
                    </a:lnTo>
                    <a:lnTo>
                      <a:pt x="72" y="32"/>
                    </a:lnTo>
                    <a:lnTo>
                      <a:pt x="72" y="32"/>
                    </a:lnTo>
                    <a:lnTo>
                      <a:pt x="74" y="39"/>
                    </a:lnTo>
                    <a:lnTo>
                      <a:pt x="72" y="41"/>
                    </a:lnTo>
                    <a:lnTo>
                      <a:pt x="70" y="43"/>
                    </a:lnTo>
                    <a:lnTo>
                      <a:pt x="66" y="47"/>
                    </a:lnTo>
                    <a:lnTo>
                      <a:pt x="66" y="47"/>
                    </a:lnTo>
                    <a:lnTo>
                      <a:pt x="64" y="51"/>
                    </a:lnTo>
                    <a:lnTo>
                      <a:pt x="66" y="57"/>
                    </a:lnTo>
                    <a:lnTo>
                      <a:pt x="68" y="61"/>
                    </a:lnTo>
                    <a:lnTo>
                      <a:pt x="68" y="65"/>
                    </a:lnTo>
                    <a:lnTo>
                      <a:pt x="66" y="67"/>
                    </a:lnTo>
                    <a:lnTo>
                      <a:pt x="66" y="67"/>
                    </a:lnTo>
                    <a:lnTo>
                      <a:pt x="60" y="73"/>
                    </a:lnTo>
                    <a:lnTo>
                      <a:pt x="53" y="77"/>
                    </a:lnTo>
                    <a:lnTo>
                      <a:pt x="39" y="83"/>
                    </a:lnTo>
                    <a:lnTo>
                      <a:pt x="39" y="83"/>
                    </a:lnTo>
                    <a:lnTo>
                      <a:pt x="35" y="85"/>
                    </a:lnTo>
                    <a:lnTo>
                      <a:pt x="31" y="90"/>
                    </a:lnTo>
                    <a:lnTo>
                      <a:pt x="25" y="98"/>
                    </a:lnTo>
                    <a:lnTo>
                      <a:pt x="25" y="98"/>
                    </a:lnTo>
                    <a:lnTo>
                      <a:pt x="23" y="100"/>
                    </a:lnTo>
                    <a:lnTo>
                      <a:pt x="23" y="104"/>
                    </a:lnTo>
                    <a:lnTo>
                      <a:pt x="25" y="106"/>
                    </a:lnTo>
                    <a:lnTo>
                      <a:pt x="29" y="110"/>
                    </a:lnTo>
                    <a:lnTo>
                      <a:pt x="31" y="114"/>
                    </a:lnTo>
                    <a:lnTo>
                      <a:pt x="31" y="114"/>
                    </a:lnTo>
                    <a:lnTo>
                      <a:pt x="31" y="118"/>
                    </a:lnTo>
                    <a:lnTo>
                      <a:pt x="29" y="118"/>
                    </a:lnTo>
                    <a:lnTo>
                      <a:pt x="23" y="112"/>
                    </a:lnTo>
                    <a:lnTo>
                      <a:pt x="15" y="102"/>
                    </a:lnTo>
                    <a:lnTo>
                      <a:pt x="15" y="102"/>
                    </a:lnTo>
                    <a:lnTo>
                      <a:pt x="15" y="102"/>
                    </a:lnTo>
                    <a:lnTo>
                      <a:pt x="15" y="102"/>
                    </a:lnTo>
                    <a:lnTo>
                      <a:pt x="15" y="102"/>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52" name="Freeform 727"/>
              <p:cNvSpPr>
                <a:spLocks/>
              </p:cNvSpPr>
              <p:nvPr/>
            </p:nvSpPr>
            <p:spPr bwMode="auto">
              <a:xfrm>
                <a:off x="12439650" y="6396038"/>
                <a:ext cx="130175" cy="187325"/>
              </a:xfrm>
              <a:custGeom>
                <a:avLst/>
                <a:gdLst/>
                <a:ahLst/>
                <a:cxnLst>
                  <a:cxn ang="0">
                    <a:pos x="9" y="0"/>
                  </a:cxn>
                  <a:cxn ang="0">
                    <a:pos x="9" y="0"/>
                  </a:cxn>
                  <a:cxn ang="0">
                    <a:pos x="2" y="0"/>
                  </a:cxn>
                  <a:cxn ang="0">
                    <a:pos x="0" y="2"/>
                  </a:cxn>
                  <a:cxn ang="0">
                    <a:pos x="2" y="6"/>
                  </a:cxn>
                  <a:cxn ang="0">
                    <a:pos x="4" y="12"/>
                  </a:cxn>
                  <a:cxn ang="0">
                    <a:pos x="17" y="24"/>
                  </a:cxn>
                  <a:cxn ang="0">
                    <a:pos x="17" y="24"/>
                  </a:cxn>
                  <a:cxn ang="0">
                    <a:pos x="19" y="39"/>
                  </a:cxn>
                  <a:cxn ang="0">
                    <a:pos x="23" y="47"/>
                  </a:cxn>
                  <a:cxn ang="0">
                    <a:pos x="37" y="63"/>
                  </a:cxn>
                  <a:cxn ang="0">
                    <a:pos x="37" y="63"/>
                  </a:cxn>
                  <a:cxn ang="0">
                    <a:pos x="41" y="69"/>
                  </a:cxn>
                  <a:cxn ang="0">
                    <a:pos x="43" y="75"/>
                  </a:cxn>
                  <a:cxn ang="0">
                    <a:pos x="47" y="88"/>
                  </a:cxn>
                  <a:cxn ang="0">
                    <a:pos x="51" y="100"/>
                  </a:cxn>
                  <a:cxn ang="0">
                    <a:pos x="53" y="106"/>
                  </a:cxn>
                  <a:cxn ang="0">
                    <a:pos x="60" y="112"/>
                  </a:cxn>
                  <a:cxn ang="0">
                    <a:pos x="60" y="112"/>
                  </a:cxn>
                  <a:cxn ang="0">
                    <a:pos x="68" y="118"/>
                  </a:cxn>
                  <a:cxn ang="0">
                    <a:pos x="70" y="118"/>
                  </a:cxn>
                  <a:cxn ang="0">
                    <a:pos x="72" y="116"/>
                  </a:cxn>
                  <a:cxn ang="0">
                    <a:pos x="74" y="110"/>
                  </a:cxn>
                  <a:cxn ang="0">
                    <a:pos x="72" y="102"/>
                  </a:cxn>
                  <a:cxn ang="0">
                    <a:pos x="72" y="102"/>
                  </a:cxn>
                  <a:cxn ang="0">
                    <a:pos x="72" y="92"/>
                  </a:cxn>
                  <a:cxn ang="0">
                    <a:pos x="74" y="84"/>
                  </a:cxn>
                  <a:cxn ang="0">
                    <a:pos x="80" y="65"/>
                  </a:cxn>
                  <a:cxn ang="0">
                    <a:pos x="80" y="65"/>
                  </a:cxn>
                  <a:cxn ang="0">
                    <a:pos x="82" y="59"/>
                  </a:cxn>
                  <a:cxn ang="0">
                    <a:pos x="80" y="53"/>
                  </a:cxn>
                  <a:cxn ang="0">
                    <a:pos x="76" y="49"/>
                  </a:cxn>
                  <a:cxn ang="0">
                    <a:pos x="72" y="45"/>
                  </a:cxn>
                  <a:cxn ang="0">
                    <a:pos x="60" y="37"/>
                  </a:cxn>
                  <a:cxn ang="0">
                    <a:pos x="51" y="27"/>
                  </a:cxn>
                  <a:cxn ang="0">
                    <a:pos x="51" y="27"/>
                  </a:cxn>
                  <a:cxn ang="0">
                    <a:pos x="47" y="22"/>
                  </a:cxn>
                  <a:cxn ang="0">
                    <a:pos x="43" y="20"/>
                  </a:cxn>
                  <a:cxn ang="0">
                    <a:pos x="31" y="20"/>
                  </a:cxn>
                  <a:cxn ang="0">
                    <a:pos x="23" y="20"/>
                  </a:cxn>
                  <a:cxn ang="0">
                    <a:pos x="19" y="18"/>
                  </a:cxn>
                  <a:cxn ang="0">
                    <a:pos x="17" y="14"/>
                  </a:cxn>
                  <a:cxn ang="0">
                    <a:pos x="17" y="14"/>
                  </a:cxn>
                  <a:cxn ang="0">
                    <a:pos x="15" y="8"/>
                  </a:cxn>
                  <a:cxn ang="0">
                    <a:pos x="13" y="2"/>
                  </a:cxn>
                  <a:cxn ang="0">
                    <a:pos x="9" y="0"/>
                  </a:cxn>
                  <a:cxn ang="0">
                    <a:pos x="9" y="0"/>
                  </a:cxn>
                </a:cxnLst>
                <a:rect l="0" t="0" r="r" b="b"/>
                <a:pathLst>
                  <a:path w="82" h="118">
                    <a:moveTo>
                      <a:pt x="9" y="0"/>
                    </a:moveTo>
                    <a:lnTo>
                      <a:pt x="9" y="0"/>
                    </a:lnTo>
                    <a:lnTo>
                      <a:pt x="2" y="0"/>
                    </a:lnTo>
                    <a:lnTo>
                      <a:pt x="0" y="2"/>
                    </a:lnTo>
                    <a:lnTo>
                      <a:pt x="2" y="6"/>
                    </a:lnTo>
                    <a:lnTo>
                      <a:pt x="4" y="12"/>
                    </a:lnTo>
                    <a:lnTo>
                      <a:pt x="17" y="24"/>
                    </a:lnTo>
                    <a:lnTo>
                      <a:pt x="17" y="24"/>
                    </a:lnTo>
                    <a:lnTo>
                      <a:pt x="19" y="39"/>
                    </a:lnTo>
                    <a:lnTo>
                      <a:pt x="23" y="47"/>
                    </a:lnTo>
                    <a:lnTo>
                      <a:pt x="37" y="63"/>
                    </a:lnTo>
                    <a:lnTo>
                      <a:pt x="37" y="63"/>
                    </a:lnTo>
                    <a:lnTo>
                      <a:pt x="41" y="69"/>
                    </a:lnTo>
                    <a:lnTo>
                      <a:pt x="43" y="75"/>
                    </a:lnTo>
                    <a:lnTo>
                      <a:pt x="47" y="88"/>
                    </a:lnTo>
                    <a:lnTo>
                      <a:pt x="51" y="100"/>
                    </a:lnTo>
                    <a:lnTo>
                      <a:pt x="53" y="106"/>
                    </a:lnTo>
                    <a:lnTo>
                      <a:pt x="60" y="112"/>
                    </a:lnTo>
                    <a:lnTo>
                      <a:pt x="60" y="112"/>
                    </a:lnTo>
                    <a:lnTo>
                      <a:pt x="68" y="118"/>
                    </a:lnTo>
                    <a:lnTo>
                      <a:pt x="70" y="118"/>
                    </a:lnTo>
                    <a:lnTo>
                      <a:pt x="72" y="116"/>
                    </a:lnTo>
                    <a:lnTo>
                      <a:pt x="74" y="110"/>
                    </a:lnTo>
                    <a:lnTo>
                      <a:pt x="72" y="102"/>
                    </a:lnTo>
                    <a:lnTo>
                      <a:pt x="72" y="102"/>
                    </a:lnTo>
                    <a:lnTo>
                      <a:pt x="72" y="92"/>
                    </a:lnTo>
                    <a:lnTo>
                      <a:pt x="74" y="84"/>
                    </a:lnTo>
                    <a:lnTo>
                      <a:pt x="80" y="65"/>
                    </a:lnTo>
                    <a:lnTo>
                      <a:pt x="80" y="65"/>
                    </a:lnTo>
                    <a:lnTo>
                      <a:pt x="82" y="59"/>
                    </a:lnTo>
                    <a:lnTo>
                      <a:pt x="80" y="53"/>
                    </a:lnTo>
                    <a:lnTo>
                      <a:pt x="76" y="49"/>
                    </a:lnTo>
                    <a:lnTo>
                      <a:pt x="72" y="45"/>
                    </a:lnTo>
                    <a:lnTo>
                      <a:pt x="60" y="37"/>
                    </a:lnTo>
                    <a:lnTo>
                      <a:pt x="51" y="27"/>
                    </a:lnTo>
                    <a:lnTo>
                      <a:pt x="51" y="27"/>
                    </a:lnTo>
                    <a:lnTo>
                      <a:pt x="47" y="22"/>
                    </a:lnTo>
                    <a:lnTo>
                      <a:pt x="43" y="20"/>
                    </a:lnTo>
                    <a:lnTo>
                      <a:pt x="31" y="20"/>
                    </a:lnTo>
                    <a:lnTo>
                      <a:pt x="23" y="20"/>
                    </a:lnTo>
                    <a:lnTo>
                      <a:pt x="19" y="18"/>
                    </a:lnTo>
                    <a:lnTo>
                      <a:pt x="17" y="14"/>
                    </a:lnTo>
                    <a:lnTo>
                      <a:pt x="17" y="14"/>
                    </a:lnTo>
                    <a:lnTo>
                      <a:pt x="15" y="8"/>
                    </a:lnTo>
                    <a:lnTo>
                      <a:pt x="13" y="2"/>
                    </a:lnTo>
                    <a:lnTo>
                      <a:pt x="9" y="0"/>
                    </a:lnTo>
                    <a:lnTo>
                      <a:pt x="9" y="0"/>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57" name="Freeform 728"/>
              <p:cNvSpPr>
                <a:spLocks/>
              </p:cNvSpPr>
              <p:nvPr/>
            </p:nvSpPr>
            <p:spPr bwMode="auto">
              <a:xfrm>
                <a:off x="12614275" y="6149975"/>
                <a:ext cx="139700" cy="49213"/>
              </a:xfrm>
              <a:custGeom>
                <a:avLst/>
                <a:gdLst/>
                <a:ahLst/>
                <a:cxnLst>
                  <a:cxn ang="0">
                    <a:pos x="29" y="31"/>
                  </a:cxn>
                  <a:cxn ang="0">
                    <a:pos x="29" y="31"/>
                  </a:cxn>
                  <a:cxn ang="0">
                    <a:pos x="35" y="29"/>
                  </a:cxn>
                  <a:cxn ang="0">
                    <a:pos x="41" y="25"/>
                  </a:cxn>
                  <a:cxn ang="0">
                    <a:pos x="47" y="23"/>
                  </a:cxn>
                  <a:cxn ang="0">
                    <a:pos x="54" y="20"/>
                  </a:cxn>
                  <a:cxn ang="0">
                    <a:pos x="54" y="20"/>
                  </a:cxn>
                  <a:cxn ang="0">
                    <a:pos x="76" y="25"/>
                  </a:cxn>
                  <a:cxn ang="0">
                    <a:pos x="82" y="25"/>
                  </a:cxn>
                  <a:cxn ang="0">
                    <a:pos x="88" y="23"/>
                  </a:cxn>
                  <a:cxn ang="0">
                    <a:pos x="88" y="18"/>
                  </a:cxn>
                  <a:cxn ang="0">
                    <a:pos x="86" y="14"/>
                  </a:cxn>
                  <a:cxn ang="0">
                    <a:pos x="86" y="14"/>
                  </a:cxn>
                  <a:cxn ang="0">
                    <a:pos x="78" y="8"/>
                  </a:cxn>
                  <a:cxn ang="0">
                    <a:pos x="70" y="4"/>
                  </a:cxn>
                  <a:cxn ang="0">
                    <a:pos x="60" y="2"/>
                  </a:cxn>
                  <a:cxn ang="0">
                    <a:pos x="49" y="0"/>
                  </a:cxn>
                  <a:cxn ang="0">
                    <a:pos x="39" y="0"/>
                  </a:cxn>
                  <a:cxn ang="0">
                    <a:pos x="29" y="0"/>
                  </a:cxn>
                  <a:cxn ang="0">
                    <a:pos x="19" y="4"/>
                  </a:cxn>
                  <a:cxn ang="0">
                    <a:pos x="13" y="8"/>
                  </a:cxn>
                  <a:cxn ang="0">
                    <a:pos x="13" y="8"/>
                  </a:cxn>
                  <a:cxn ang="0">
                    <a:pos x="5" y="12"/>
                  </a:cxn>
                  <a:cxn ang="0">
                    <a:pos x="0" y="18"/>
                  </a:cxn>
                  <a:cxn ang="0">
                    <a:pos x="0" y="23"/>
                  </a:cxn>
                  <a:cxn ang="0">
                    <a:pos x="3" y="27"/>
                  </a:cxn>
                  <a:cxn ang="0">
                    <a:pos x="9" y="29"/>
                  </a:cxn>
                  <a:cxn ang="0">
                    <a:pos x="15" y="31"/>
                  </a:cxn>
                  <a:cxn ang="0">
                    <a:pos x="21" y="31"/>
                  </a:cxn>
                  <a:cxn ang="0">
                    <a:pos x="29" y="31"/>
                  </a:cxn>
                  <a:cxn ang="0">
                    <a:pos x="29" y="31"/>
                  </a:cxn>
                  <a:cxn ang="0">
                    <a:pos x="31" y="31"/>
                  </a:cxn>
                  <a:cxn ang="0">
                    <a:pos x="29" y="31"/>
                  </a:cxn>
                  <a:cxn ang="0">
                    <a:pos x="29" y="31"/>
                  </a:cxn>
                </a:cxnLst>
                <a:rect l="0" t="0" r="r" b="b"/>
                <a:pathLst>
                  <a:path w="88" h="31">
                    <a:moveTo>
                      <a:pt x="29" y="31"/>
                    </a:moveTo>
                    <a:lnTo>
                      <a:pt x="29" y="31"/>
                    </a:lnTo>
                    <a:lnTo>
                      <a:pt x="35" y="29"/>
                    </a:lnTo>
                    <a:lnTo>
                      <a:pt x="41" y="25"/>
                    </a:lnTo>
                    <a:lnTo>
                      <a:pt x="47" y="23"/>
                    </a:lnTo>
                    <a:lnTo>
                      <a:pt x="54" y="20"/>
                    </a:lnTo>
                    <a:lnTo>
                      <a:pt x="54" y="20"/>
                    </a:lnTo>
                    <a:lnTo>
                      <a:pt x="76" y="25"/>
                    </a:lnTo>
                    <a:lnTo>
                      <a:pt x="82" y="25"/>
                    </a:lnTo>
                    <a:lnTo>
                      <a:pt x="88" y="23"/>
                    </a:lnTo>
                    <a:lnTo>
                      <a:pt x="88" y="18"/>
                    </a:lnTo>
                    <a:lnTo>
                      <a:pt x="86" y="14"/>
                    </a:lnTo>
                    <a:lnTo>
                      <a:pt x="86" y="14"/>
                    </a:lnTo>
                    <a:lnTo>
                      <a:pt x="78" y="8"/>
                    </a:lnTo>
                    <a:lnTo>
                      <a:pt x="70" y="4"/>
                    </a:lnTo>
                    <a:lnTo>
                      <a:pt x="60" y="2"/>
                    </a:lnTo>
                    <a:lnTo>
                      <a:pt x="49" y="0"/>
                    </a:lnTo>
                    <a:lnTo>
                      <a:pt x="39" y="0"/>
                    </a:lnTo>
                    <a:lnTo>
                      <a:pt x="29" y="0"/>
                    </a:lnTo>
                    <a:lnTo>
                      <a:pt x="19" y="4"/>
                    </a:lnTo>
                    <a:lnTo>
                      <a:pt x="13" y="8"/>
                    </a:lnTo>
                    <a:lnTo>
                      <a:pt x="13" y="8"/>
                    </a:lnTo>
                    <a:lnTo>
                      <a:pt x="5" y="12"/>
                    </a:lnTo>
                    <a:lnTo>
                      <a:pt x="0" y="18"/>
                    </a:lnTo>
                    <a:lnTo>
                      <a:pt x="0" y="23"/>
                    </a:lnTo>
                    <a:lnTo>
                      <a:pt x="3" y="27"/>
                    </a:lnTo>
                    <a:lnTo>
                      <a:pt x="9" y="29"/>
                    </a:lnTo>
                    <a:lnTo>
                      <a:pt x="15" y="31"/>
                    </a:lnTo>
                    <a:lnTo>
                      <a:pt x="21" y="31"/>
                    </a:lnTo>
                    <a:lnTo>
                      <a:pt x="29" y="31"/>
                    </a:lnTo>
                    <a:lnTo>
                      <a:pt x="29" y="31"/>
                    </a:lnTo>
                    <a:lnTo>
                      <a:pt x="31" y="31"/>
                    </a:lnTo>
                    <a:lnTo>
                      <a:pt x="29" y="31"/>
                    </a:lnTo>
                    <a:lnTo>
                      <a:pt x="29" y="31"/>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58" name="Freeform 729"/>
              <p:cNvSpPr>
                <a:spLocks/>
              </p:cNvSpPr>
              <p:nvPr/>
            </p:nvSpPr>
            <p:spPr bwMode="auto">
              <a:xfrm>
                <a:off x="12611100" y="6580188"/>
                <a:ext cx="123825" cy="49213"/>
              </a:xfrm>
              <a:custGeom>
                <a:avLst/>
                <a:gdLst/>
                <a:ahLst/>
                <a:cxnLst>
                  <a:cxn ang="0">
                    <a:pos x="27" y="8"/>
                  </a:cxn>
                  <a:cxn ang="0">
                    <a:pos x="27" y="8"/>
                  </a:cxn>
                  <a:cxn ang="0">
                    <a:pos x="31" y="6"/>
                  </a:cxn>
                  <a:cxn ang="0">
                    <a:pos x="35" y="4"/>
                  </a:cxn>
                  <a:cxn ang="0">
                    <a:pos x="39" y="0"/>
                  </a:cxn>
                  <a:cxn ang="0">
                    <a:pos x="43" y="0"/>
                  </a:cxn>
                  <a:cxn ang="0">
                    <a:pos x="45" y="2"/>
                  </a:cxn>
                  <a:cxn ang="0">
                    <a:pos x="45" y="2"/>
                  </a:cxn>
                  <a:cxn ang="0">
                    <a:pos x="64" y="12"/>
                  </a:cxn>
                  <a:cxn ang="0">
                    <a:pos x="74" y="19"/>
                  </a:cxn>
                  <a:cxn ang="0">
                    <a:pos x="78" y="23"/>
                  </a:cxn>
                  <a:cxn ang="0">
                    <a:pos x="78" y="27"/>
                  </a:cxn>
                  <a:cxn ang="0">
                    <a:pos x="78" y="27"/>
                  </a:cxn>
                  <a:cxn ang="0">
                    <a:pos x="64" y="29"/>
                  </a:cxn>
                  <a:cxn ang="0">
                    <a:pos x="47" y="31"/>
                  </a:cxn>
                  <a:cxn ang="0">
                    <a:pos x="25" y="29"/>
                  </a:cxn>
                  <a:cxn ang="0">
                    <a:pos x="25" y="29"/>
                  </a:cxn>
                  <a:cxn ang="0">
                    <a:pos x="15" y="27"/>
                  </a:cxn>
                  <a:cxn ang="0">
                    <a:pos x="7" y="25"/>
                  </a:cxn>
                  <a:cxn ang="0">
                    <a:pos x="2" y="21"/>
                  </a:cxn>
                  <a:cxn ang="0">
                    <a:pos x="0" y="15"/>
                  </a:cxn>
                  <a:cxn ang="0">
                    <a:pos x="2" y="12"/>
                  </a:cxn>
                  <a:cxn ang="0">
                    <a:pos x="7" y="8"/>
                  </a:cxn>
                  <a:cxn ang="0">
                    <a:pos x="15" y="8"/>
                  </a:cxn>
                  <a:cxn ang="0">
                    <a:pos x="27" y="8"/>
                  </a:cxn>
                  <a:cxn ang="0">
                    <a:pos x="27" y="8"/>
                  </a:cxn>
                  <a:cxn ang="0">
                    <a:pos x="19" y="6"/>
                  </a:cxn>
                  <a:cxn ang="0">
                    <a:pos x="27" y="8"/>
                  </a:cxn>
                  <a:cxn ang="0">
                    <a:pos x="27" y="8"/>
                  </a:cxn>
                </a:cxnLst>
                <a:rect l="0" t="0" r="r" b="b"/>
                <a:pathLst>
                  <a:path w="78" h="31">
                    <a:moveTo>
                      <a:pt x="27" y="8"/>
                    </a:moveTo>
                    <a:lnTo>
                      <a:pt x="27" y="8"/>
                    </a:lnTo>
                    <a:lnTo>
                      <a:pt x="31" y="6"/>
                    </a:lnTo>
                    <a:lnTo>
                      <a:pt x="35" y="4"/>
                    </a:lnTo>
                    <a:lnTo>
                      <a:pt x="39" y="0"/>
                    </a:lnTo>
                    <a:lnTo>
                      <a:pt x="43" y="0"/>
                    </a:lnTo>
                    <a:lnTo>
                      <a:pt x="45" y="2"/>
                    </a:lnTo>
                    <a:lnTo>
                      <a:pt x="45" y="2"/>
                    </a:lnTo>
                    <a:lnTo>
                      <a:pt x="64" y="12"/>
                    </a:lnTo>
                    <a:lnTo>
                      <a:pt x="74" y="19"/>
                    </a:lnTo>
                    <a:lnTo>
                      <a:pt x="78" y="23"/>
                    </a:lnTo>
                    <a:lnTo>
                      <a:pt x="78" y="27"/>
                    </a:lnTo>
                    <a:lnTo>
                      <a:pt x="78" y="27"/>
                    </a:lnTo>
                    <a:lnTo>
                      <a:pt x="64" y="29"/>
                    </a:lnTo>
                    <a:lnTo>
                      <a:pt x="47" y="31"/>
                    </a:lnTo>
                    <a:lnTo>
                      <a:pt x="25" y="29"/>
                    </a:lnTo>
                    <a:lnTo>
                      <a:pt x="25" y="29"/>
                    </a:lnTo>
                    <a:lnTo>
                      <a:pt x="15" y="27"/>
                    </a:lnTo>
                    <a:lnTo>
                      <a:pt x="7" y="25"/>
                    </a:lnTo>
                    <a:lnTo>
                      <a:pt x="2" y="21"/>
                    </a:lnTo>
                    <a:lnTo>
                      <a:pt x="0" y="15"/>
                    </a:lnTo>
                    <a:lnTo>
                      <a:pt x="2" y="12"/>
                    </a:lnTo>
                    <a:lnTo>
                      <a:pt x="7" y="8"/>
                    </a:lnTo>
                    <a:lnTo>
                      <a:pt x="15" y="8"/>
                    </a:lnTo>
                    <a:lnTo>
                      <a:pt x="27" y="8"/>
                    </a:lnTo>
                    <a:lnTo>
                      <a:pt x="27" y="8"/>
                    </a:lnTo>
                    <a:lnTo>
                      <a:pt x="19" y="6"/>
                    </a:lnTo>
                    <a:lnTo>
                      <a:pt x="27" y="8"/>
                    </a:lnTo>
                    <a:lnTo>
                      <a:pt x="27" y="8"/>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grpSp>
        <p:sp>
          <p:nvSpPr>
            <p:cNvPr id="122" name="Freeform 16"/>
            <p:cNvSpPr>
              <a:spLocks noEditPoints="1"/>
            </p:cNvSpPr>
            <p:nvPr/>
          </p:nvSpPr>
          <p:spPr bwMode="auto">
            <a:xfrm>
              <a:off x="11022939" y="3194108"/>
              <a:ext cx="303063" cy="176090"/>
            </a:xfrm>
            <a:custGeom>
              <a:avLst/>
              <a:gdLst/>
              <a:ahLst/>
              <a:cxnLst>
                <a:cxn ang="0">
                  <a:pos x="38" y="0"/>
                </a:cxn>
                <a:cxn ang="0">
                  <a:pos x="30" y="2"/>
                </a:cxn>
                <a:cxn ang="0">
                  <a:pos x="16" y="8"/>
                </a:cxn>
                <a:cxn ang="0">
                  <a:pos x="6" y="18"/>
                </a:cxn>
                <a:cxn ang="0">
                  <a:pos x="0" y="32"/>
                </a:cxn>
                <a:cxn ang="0">
                  <a:pos x="0" y="96"/>
                </a:cxn>
                <a:cxn ang="0">
                  <a:pos x="0" y="104"/>
                </a:cxn>
                <a:cxn ang="0">
                  <a:pos x="6" y="118"/>
                </a:cxn>
                <a:cxn ang="0">
                  <a:pos x="16" y="128"/>
                </a:cxn>
                <a:cxn ang="0">
                  <a:pos x="30" y="134"/>
                </a:cxn>
                <a:cxn ang="0">
                  <a:pos x="166" y="136"/>
                </a:cxn>
                <a:cxn ang="0">
                  <a:pos x="174" y="134"/>
                </a:cxn>
                <a:cxn ang="0">
                  <a:pos x="188" y="128"/>
                </a:cxn>
                <a:cxn ang="0">
                  <a:pos x="198" y="118"/>
                </a:cxn>
                <a:cxn ang="0">
                  <a:pos x="204" y="104"/>
                </a:cxn>
                <a:cxn ang="0">
                  <a:pos x="206" y="40"/>
                </a:cxn>
                <a:cxn ang="0">
                  <a:pos x="204" y="32"/>
                </a:cxn>
                <a:cxn ang="0">
                  <a:pos x="198" y="18"/>
                </a:cxn>
                <a:cxn ang="0">
                  <a:pos x="188" y="8"/>
                </a:cxn>
                <a:cxn ang="0">
                  <a:pos x="174" y="2"/>
                </a:cxn>
                <a:cxn ang="0">
                  <a:pos x="166" y="0"/>
                </a:cxn>
                <a:cxn ang="0">
                  <a:pos x="196" y="116"/>
                </a:cxn>
                <a:cxn ang="0">
                  <a:pos x="194" y="116"/>
                </a:cxn>
                <a:cxn ang="0">
                  <a:pos x="190" y="116"/>
                </a:cxn>
                <a:cxn ang="0">
                  <a:pos x="106" y="92"/>
                </a:cxn>
                <a:cxn ang="0">
                  <a:pos x="102" y="94"/>
                </a:cxn>
                <a:cxn ang="0">
                  <a:pos x="100" y="92"/>
                </a:cxn>
                <a:cxn ang="0">
                  <a:pos x="16" y="114"/>
                </a:cxn>
                <a:cxn ang="0">
                  <a:pos x="14" y="114"/>
                </a:cxn>
                <a:cxn ang="0">
                  <a:pos x="14" y="114"/>
                </a:cxn>
                <a:cxn ang="0">
                  <a:pos x="10" y="114"/>
                </a:cxn>
                <a:cxn ang="0">
                  <a:pos x="10" y="110"/>
                </a:cxn>
                <a:cxn ang="0">
                  <a:pos x="12" y="108"/>
                </a:cxn>
                <a:cxn ang="0">
                  <a:pos x="14" y="22"/>
                </a:cxn>
                <a:cxn ang="0">
                  <a:pos x="14" y="18"/>
                </a:cxn>
                <a:cxn ang="0">
                  <a:pos x="14" y="16"/>
                </a:cxn>
                <a:cxn ang="0">
                  <a:pos x="20" y="16"/>
                </a:cxn>
                <a:cxn ang="0">
                  <a:pos x="102" y="84"/>
                </a:cxn>
                <a:cxn ang="0">
                  <a:pos x="184" y="14"/>
                </a:cxn>
                <a:cxn ang="0">
                  <a:pos x="188" y="14"/>
                </a:cxn>
                <a:cxn ang="0">
                  <a:pos x="190" y="16"/>
                </a:cxn>
                <a:cxn ang="0">
                  <a:pos x="190" y="22"/>
                </a:cxn>
                <a:cxn ang="0">
                  <a:pos x="196" y="110"/>
                </a:cxn>
                <a:cxn ang="0">
                  <a:pos x="198" y="112"/>
                </a:cxn>
                <a:cxn ang="0">
                  <a:pos x="198" y="112"/>
                </a:cxn>
                <a:cxn ang="0">
                  <a:pos x="196" y="116"/>
                </a:cxn>
              </a:cxnLst>
              <a:rect l="0" t="0" r="r" b="b"/>
              <a:pathLst>
                <a:path w="206" h="136">
                  <a:moveTo>
                    <a:pt x="166" y="0"/>
                  </a:moveTo>
                  <a:lnTo>
                    <a:pt x="38" y="0"/>
                  </a:lnTo>
                  <a:lnTo>
                    <a:pt x="38" y="0"/>
                  </a:lnTo>
                  <a:lnTo>
                    <a:pt x="30" y="2"/>
                  </a:lnTo>
                  <a:lnTo>
                    <a:pt x="24" y="4"/>
                  </a:lnTo>
                  <a:lnTo>
                    <a:pt x="16" y="8"/>
                  </a:lnTo>
                  <a:lnTo>
                    <a:pt x="10" y="12"/>
                  </a:lnTo>
                  <a:lnTo>
                    <a:pt x="6" y="18"/>
                  </a:lnTo>
                  <a:lnTo>
                    <a:pt x="2" y="24"/>
                  </a:lnTo>
                  <a:lnTo>
                    <a:pt x="0" y="32"/>
                  </a:lnTo>
                  <a:lnTo>
                    <a:pt x="0" y="40"/>
                  </a:lnTo>
                  <a:lnTo>
                    <a:pt x="0" y="96"/>
                  </a:lnTo>
                  <a:lnTo>
                    <a:pt x="0" y="96"/>
                  </a:lnTo>
                  <a:lnTo>
                    <a:pt x="0" y="104"/>
                  </a:lnTo>
                  <a:lnTo>
                    <a:pt x="2" y="112"/>
                  </a:lnTo>
                  <a:lnTo>
                    <a:pt x="6" y="118"/>
                  </a:lnTo>
                  <a:lnTo>
                    <a:pt x="10" y="124"/>
                  </a:lnTo>
                  <a:lnTo>
                    <a:pt x="16" y="128"/>
                  </a:lnTo>
                  <a:lnTo>
                    <a:pt x="24" y="132"/>
                  </a:lnTo>
                  <a:lnTo>
                    <a:pt x="30" y="134"/>
                  </a:lnTo>
                  <a:lnTo>
                    <a:pt x="38" y="136"/>
                  </a:lnTo>
                  <a:lnTo>
                    <a:pt x="166" y="136"/>
                  </a:lnTo>
                  <a:lnTo>
                    <a:pt x="166" y="136"/>
                  </a:lnTo>
                  <a:lnTo>
                    <a:pt x="174" y="134"/>
                  </a:lnTo>
                  <a:lnTo>
                    <a:pt x="182" y="132"/>
                  </a:lnTo>
                  <a:lnTo>
                    <a:pt x="188" y="128"/>
                  </a:lnTo>
                  <a:lnTo>
                    <a:pt x="194" y="124"/>
                  </a:lnTo>
                  <a:lnTo>
                    <a:pt x="198" y="118"/>
                  </a:lnTo>
                  <a:lnTo>
                    <a:pt x="202" y="112"/>
                  </a:lnTo>
                  <a:lnTo>
                    <a:pt x="204" y="104"/>
                  </a:lnTo>
                  <a:lnTo>
                    <a:pt x="206" y="96"/>
                  </a:lnTo>
                  <a:lnTo>
                    <a:pt x="206" y="40"/>
                  </a:lnTo>
                  <a:lnTo>
                    <a:pt x="206" y="40"/>
                  </a:lnTo>
                  <a:lnTo>
                    <a:pt x="204" y="32"/>
                  </a:lnTo>
                  <a:lnTo>
                    <a:pt x="202" y="24"/>
                  </a:lnTo>
                  <a:lnTo>
                    <a:pt x="198" y="18"/>
                  </a:lnTo>
                  <a:lnTo>
                    <a:pt x="194" y="12"/>
                  </a:lnTo>
                  <a:lnTo>
                    <a:pt x="188" y="8"/>
                  </a:lnTo>
                  <a:lnTo>
                    <a:pt x="182" y="4"/>
                  </a:lnTo>
                  <a:lnTo>
                    <a:pt x="174" y="2"/>
                  </a:lnTo>
                  <a:lnTo>
                    <a:pt x="166" y="0"/>
                  </a:lnTo>
                  <a:lnTo>
                    <a:pt x="166" y="0"/>
                  </a:lnTo>
                  <a:close/>
                  <a:moveTo>
                    <a:pt x="196" y="116"/>
                  </a:moveTo>
                  <a:lnTo>
                    <a:pt x="196" y="116"/>
                  </a:lnTo>
                  <a:lnTo>
                    <a:pt x="194" y="116"/>
                  </a:lnTo>
                  <a:lnTo>
                    <a:pt x="194" y="116"/>
                  </a:lnTo>
                  <a:lnTo>
                    <a:pt x="194" y="116"/>
                  </a:lnTo>
                  <a:lnTo>
                    <a:pt x="190" y="116"/>
                  </a:lnTo>
                  <a:lnTo>
                    <a:pt x="136" y="66"/>
                  </a:lnTo>
                  <a:lnTo>
                    <a:pt x="106" y="92"/>
                  </a:lnTo>
                  <a:lnTo>
                    <a:pt x="106" y="92"/>
                  </a:lnTo>
                  <a:lnTo>
                    <a:pt x="102" y="94"/>
                  </a:lnTo>
                  <a:lnTo>
                    <a:pt x="102" y="94"/>
                  </a:lnTo>
                  <a:lnTo>
                    <a:pt x="100" y="92"/>
                  </a:lnTo>
                  <a:lnTo>
                    <a:pt x="68" y="66"/>
                  </a:lnTo>
                  <a:lnTo>
                    <a:pt x="16" y="114"/>
                  </a:lnTo>
                  <a:lnTo>
                    <a:pt x="16" y="114"/>
                  </a:lnTo>
                  <a:lnTo>
                    <a:pt x="14" y="114"/>
                  </a:lnTo>
                  <a:lnTo>
                    <a:pt x="14" y="114"/>
                  </a:lnTo>
                  <a:lnTo>
                    <a:pt x="14" y="114"/>
                  </a:lnTo>
                  <a:lnTo>
                    <a:pt x="10" y="114"/>
                  </a:lnTo>
                  <a:lnTo>
                    <a:pt x="10" y="114"/>
                  </a:lnTo>
                  <a:lnTo>
                    <a:pt x="10" y="110"/>
                  </a:lnTo>
                  <a:lnTo>
                    <a:pt x="10" y="110"/>
                  </a:lnTo>
                  <a:lnTo>
                    <a:pt x="10" y="110"/>
                  </a:lnTo>
                  <a:lnTo>
                    <a:pt x="12" y="108"/>
                  </a:lnTo>
                  <a:lnTo>
                    <a:pt x="62" y="60"/>
                  </a:lnTo>
                  <a:lnTo>
                    <a:pt x="14" y="22"/>
                  </a:lnTo>
                  <a:lnTo>
                    <a:pt x="14" y="22"/>
                  </a:lnTo>
                  <a:lnTo>
                    <a:pt x="14" y="18"/>
                  </a:lnTo>
                  <a:lnTo>
                    <a:pt x="14" y="16"/>
                  </a:lnTo>
                  <a:lnTo>
                    <a:pt x="14" y="16"/>
                  </a:lnTo>
                  <a:lnTo>
                    <a:pt x="18" y="14"/>
                  </a:lnTo>
                  <a:lnTo>
                    <a:pt x="20" y="16"/>
                  </a:lnTo>
                  <a:lnTo>
                    <a:pt x="24" y="18"/>
                  </a:lnTo>
                  <a:lnTo>
                    <a:pt x="102" y="84"/>
                  </a:lnTo>
                  <a:lnTo>
                    <a:pt x="180" y="18"/>
                  </a:lnTo>
                  <a:lnTo>
                    <a:pt x="184" y="14"/>
                  </a:lnTo>
                  <a:lnTo>
                    <a:pt x="184" y="14"/>
                  </a:lnTo>
                  <a:lnTo>
                    <a:pt x="188" y="14"/>
                  </a:lnTo>
                  <a:lnTo>
                    <a:pt x="190" y="16"/>
                  </a:lnTo>
                  <a:lnTo>
                    <a:pt x="190" y="16"/>
                  </a:lnTo>
                  <a:lnTo>
                    <a:pt x="192" y="18"/>
                  </a:lnTo>
                  <a:lnTo>
                    <a:pt x="190" y="22"/>
                  </a:lnTo>
                  <a:lnTo>
                    <a:pt x="142" y="60"/>
                  </a:lnTo>
                  <a:lnTo>
                    <a:pt x="196" y="110"/>
                  </a:lnTo>
                  <a:lnTo>
                    <a:pt x="196" y="110"/>
                  </a:lnTo>
                  <a:lnTo>
                    <a:pt x="198" y="112"/>
                  </a:lnTo>
                  <a:lnTo>
                    <a:pt x="198" y="112"/>
                  </a:lnTo>
                  <a:lnTo>
                    <a:pt x="198" y="112"/>
                  </a:lnTo>
                  <a:lnTo>
                    <a:pt x="196" y="116"/>
                  </a:lnTo>
                  <a:lnTo>
                    <a:pt x="196" y="116"/>
                  </a:lnTo>
                  <a:close/>
                </a:path>
              </a:pathLst>
            </a:custGeom>
            <a:solidFill>
              <a:schemeClr val="bg1">
                <a:lumMod val="95000"/>
              </a:schemeClr>
            </a:solid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grpSp>
          <p:nvGrpSpPr>
            <p:cNvPr id="6" name="组合 428"/>
            <p:cNvGrpSpPr/>
            <p:nvPr/>
          </p:nvGrpSpPr>
          <p:grpSpPr>
            <a:xfrm>
              <a:off x="9885261" y="3403947"/>
              <a:ext cx="577417" cy="296007"/>
              <a:chOff x="6744313" y="3323223"/>
              <a:chExt cx="545032" cy="296007"/>
            </a:xfrm>
            <a:solidFill>
              <a:schemeClr val="bg1">
                <a:lumMod val="95000"/>
              </a:schemeClr>
            </a:solidFill>
          </p:grpSpPr>
          <p:grpSp>
            <p:nvGrpSpPr>
              <p:cNvPr id="7" name="组合 395"/>
              <p:cNvGrpSpPr/>
              <p:nvPr/>
            </p:nvGrpSpPr>
            <p:grpSpPr>
              <a:xfrm>
                <a:off x="6744313" y="3352800"/>
                <a:ext cx="229499" cy="266430"/>
                <a:chOff x="11139033" y="4151540"/>
                <a:chExt cx="276225" cy="320675"/>
              </a:xfrm>
              <a:grpFill/>
            </p:grpSpPr>
            <p:sp>
              <p:nvSpPr>
                <p:cNvPr id="137" name="Freeform 32"/>
                <p:cNvSpPr>
                  <a:spLocks/>
                </p:cNvSpPr>
                <p:nvPr/>
              </p:nvSpPr>
              <p:spPr bwMode="auto">
                <a:xfrm>
                  <a:off x="11189833" y="4399190"/>
                  <a:ext cx="60325" cy="73025"/>
                </a:xfrm>
                <a:custGeom>
                  <a:avLst/>
                  <a:gdLst/>
                  <a:ahLst/>
                  <a:cxnLst>
                    <a:cxn ang="0">
                      <a:pos x="2" y="28"/>
                    </a:cxn>
                    <a:cxn ang="0">
                      <a:pos x="2" y="28"/>
                    </a:cxn>
                    <a:cxn ang="0">
                      <a:pos x="0" y="32"/>
                    </a:cxn>
                    <a:cxn ang="0">
                      <a:pos x="2" y="36"/>
                    </a:cxn>
                    <a:cxn ang="0">
                      <a:pos x="4" y="40"/>
                    </a:cxn>
                    <a:cxn ang="0">
                      <a:pos x="6" y="44"/>
                    </a:cxn>
                    <a:cxn ang="0">
                      <a:pos x="8" y="44"/>
                    </a:cxn>
                    <a:cxn ang="0">
                      <a:pos x="8" y="44"/>
                    </a:cxn>
                    <a:cxn ang="0">
                      <a:pos x="12" y="46"/>
                    </a:cxn>
                    <a:cxn ang="0">
                      <a:pos x="16" y="44"/>
                    </a:cxn>
                    <a:cxn ang="0">
                      <a:pos x="20" y="42"/>
                    </a:cxn>
                    <a:cxn ang="0">
                      <a:pos x="24" y="40"/>
                    </a:cxn>
                    <a:cxn ang="0">
                      <a:pos x="38" y="10"/>
                    </a:cxn>
                    <a:cxn ang="0">
                      <a:pos x="38" y="10"/>
                    </a:cxn>
                    <a:cxn ang="0">
                      <a:pos x="28" y="6"/>
                    </a:cxn>
                    <a:cxn ang="0">
                      <a:pos x="16" y="0"/>
                    </a:cxn>
                    <a:cxn ang="0">
                      <a:pos x="2" y="28"/>
                    </a:cxn>
                  </a:cxnLst>
                  <a:rect l="0" t="0" r="r" b="b"/>
                  <a:pathLst>
                    <a:path w="38" h="46">
                      <a:moveTo>
                        <a:pt x="2" y="28"/>
                      </a:moveTo>
                      <a:lnTo>
                        <a:pt x="2" y="28"/>
                      </a:lnTo>
                      <a:lnTo>
                        <a:pt x="0" y="32"/>
                      </a:lnTo>
                      <a:lnTo>
                        <a:pt x="2" y="36"/>
                      </a:lnTo>
                      <a:lnTo>
                        <a:pt x="4" y="40"/>
                      </a:lnTo>
                      <a:lnTo>
                        <a:pt x="6" y="44"/>
                      </a:lnTo>
                      <a:lnTo>
                        <a:pt x="8" y="44"/>
                      </a:lnTo>
                      <a:lnTo>
                        <a:pt x="8" y="44"/>
                      </a:lnTo>
                      <a:lnTo>
                        <a:pt x="12" y="46"/>
                      </a:lnTo>
                      <a:lnTo>
                        <a:pt x="16" y="44"/>
                      </a:lnTo>
                      <a:lnTo>
                        <a:pt x="20" y="42"/>
                      </a:lnTo>
                      <a:lnTo>
                        <a:pt x="24" y="40"/>
                      </a:lnTo>
                      <a:lnTo>
                        <a:pt x="38" y="10"/>
                      </a:lnTo>
                      <a:lnTo>
                        <a:pt x="38" y="10"/>
                      </a:lnTo>
                      <a:lnTo>
                        <a:pt x="28" y="6"/>
                      </a:lnTo>
                      <a:lnTo>
                        <a:pt x="16" y="0"/>
                      </a:lnTo>
                      <a:lnTo>
                        <a:pt x="2" y="28"/>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42" name="Freeform 33"/>
                <p:cNvSpPr>
                  <a:spLocks/>
                </p:cNvSpPr>
                <p:nvPr/>
              </p:nvSpPr>
              <p:spPr bwMode="auto">
                <a:xfrm>
                  <a:off x="11300958" y="4402365"/>
                  <a:ext cx="60325" cy="69850"/>
                </a:xfrm>
                <a:custGeom>
                  <a:avLst/>
                  <a:gdLst/>
                  <a:ahLst/>
                  <a:cxnLst>
                    <a:cxn ang="0">
                      <a:pos x="38" y="26"/>
                    </a:cxn>
                    <a:cxn ang="0">
                      <a:pos x="24" y="0"/>
                    </a:cxn>
                    <a:cxn ang="0">
                      <a:pos x="24" y="0"/>
                    </a:cxn>
                    <a:cxn ang="0">
                      <a:pos x="12" y="6"/>
                    </a:cxn>
                    <a:cxn ang="0">
                      <a:pos x="0" y="8"/>
                    </a:cxn>
                    <a:cxn ang="0">
                      <a:pos x="16" y="38"/>
                    </a:cxn>
                    <a:cxn ang="0">
                      <a:pos x="16" y="38"/>
                    </a:cxn>
                    <a:cxn ang="0">
                      <a:pos x="18" y="40"/>
                    </a:cxn>
                    <a:cxn ang="0">
                      <a:pos x="22" y="42"/>
                    </a:cxn>
                    <a:cxn ang="0">
                      <a:pos x="26" y="44"/>
                    </a:cxn>
                    <a:cxn ang="0">
                      <a:pos x="30" y="42"/>
                    </a:cxn>
                    <a:cxn ang="0">
                      <a:pos x="32" y="42"/>
                    </a:cxn>
                    <a:cxn ang="0">
                      <a:pos x="32" y="42"/>
                    </a:cxn>
                    <a:cxn ang="0">
                      <a:pos x="36" y="38"/>
                    </a:cxn>
                    <a:cxn ang="0">
                      <a:pos x="38" y="34"/>
                    </a:cxn>
                    <a:cxn ang="0">
                      <a:pos x="38" y="30"/>
                    </a:cxn>
                    <a:cxn ang="0">
                      <a:pos x="38" y="26"/>
                    </a:cxn>
                    <a:cxn ang="0">
                      <a:pos x="38" y="26"/>
                    </a:cxn>
                  </a:cxnLst>
                  <a:rect l="0" t="0" r="r" b="b"/>
                  <a:pathLst>
                    <a:path w="38" h="44">
                      <a:moveTo>
                        <a:pt x="38" y="26"/>
                      </a:moveTo>
                      <a:lnTo>
                        <a:pt x="24" y="0"/>
                      </a:lnTo>
                      <a:lnTo>
                        <a:pt x="24" y="0"/>
                      </a:lnTo>
                      <a:lnTo>
                        <a:pt x="12" y="6"/>
                      </a:lnTo>
                      <a:lnTo>
                        <a:pt x="0" y="8"/>
                      </a:lnTo>
                      <a:lnTo>
                        <a:pt x="16" y="38"/>
                      </a:lnTo>
                      <a:lnTo>
                        <a:pt x="16" y="38"/>
                      </a:lnTo>
                      <a:lnTo>
                        <a:pt x="18" y="40"/>
                      </a:lnTo>
                      <a:lnTo>
                        <a:pt x="22" y="42"/>
                      </a:lnTo>
                      <a:lnTo>
                        <a:pt x="26" y="44"/>
                      </a:lnTo>
                      <a:lnTo>
                        <a:pt x="30" y="42"/>
                      </a:lnTo>
                      <a:lnTo>
                        <a:pt x="32" y="42"/>
                      </a:lnTo>
                      <a:lnTo>
                        <a:pt x="32" y="42"/>
                      </a:lnTo>
                      <a:lnTo>
                        <a:pt x="36" y="38"/>
                      </a:lnTo>
                      <a:lnTo>
                        <a:pt x="38" y="34"/>
                      </a:lnTo>
                      <a:lnTo>
                        <a:pt x="38" y="30"/>
                      </a:lnTo>
                      <a:lnTo>
                        <a:pt x="38" y="26"/>
                      </a:lnTo>
                      <a:lnTo>
                        <a:pt x="38" y="26"/>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44" name="Freeform 34"/>
                <p:cNvSpPr>
                  <a:spLocks noEditPoints="1"/>
                </p:cNvSpPr>
                <p:nvPr/>
              </p:nvSpPr>
              <p:spPr bwMode="auto">
                <a:xfrm>
                  <a:off x="11139033" y="4151540"/>
                  <a:ext cx="276225" cy="276225"/>
                </a:xfrm>
                <a:custGeom>
                  <a:avLst/>
                  <a:gdLst/>
                  <a:ahLst/>
                  <a:cxnLst>
                    <a:cxn ang="0">
                      <a:pos x="86" y="0"/>
                    </a:cxn>
                    <a:cxn ang="0">
                      <a:pos x="52" y="6"/>
                    </a:cxn>
                    <a:cxn ang="0">
                      <a:pos x="26" y="26"/>
                    </a:cxn>
                    <a:cxn ang="0">
                      <a:pos x="6" y="54"/>
                    </a:cxn>
                    <a:cxn ang="0">
                      <a:pos x="0" y="86"/>
                    </a:cxn>
                    <a:cxn ang="0">
                      <a:pos x="2" y="104"/>
                    </a:cxn>
                    <a:cxn ang="0">
                      <a:pos x="14" y="136"/>
                    </a:cxn>
                    <a:cxn ang="0">
                      <a:pos x="38" y="160"/>
                    </a:cxn>
                    <a:cxn ang="0">
                      <a:pos x="68" y="172"/>
                    </a:cxn>
                    <a:cxn ang="0">
                      <a:pos x="86" y="174"/>
                    </a:cxn>
                    <a:cxn ang="0">
                      <a:pos x="120" y="168"/>
                    </a:cxn>
                    <a:cxn ang="0">
                      <a:pos x="148" y="148"/>
                    </a:cxn>
                    <a:cxn ang="0">
                      <a:pos x="166" y="120"/>
                    </a:cxn>
                    <a:cxn ang="0">
                      <a:pos x="174" y="86"/>
                    </a:cxn>
                    <a:cxn ang="0">
                      <a:pos x="172" y="70"/>
                    </a:cxn>
                    <a:cxn ang="0">
                      <a:pos x="158" y="38"/>
                    </a:cxn>
                    <a:cxn ang="0">
                      <a:pos x="136" y="14"/>
                    </a:cxn>
                    <a:cxn ang="0">
                      <a:pos x="104" y="2"/>
                    </a:cxn>
                    <a:cxn ang="0">
                      <a:pos x="86" y="0"/>
                    </a:cxn>
                    <a:cxn ang="0">
                      <a:pos x="86" y="162"/>
                    </a:cxn>
                    <a:cxn ang="0">
                      <a:pos x="62" y="156"/>
                    </a:cxn>
                    <a:cxn ang="0">
                      <a:pos x="42" y="144"/>
                    </a:cxn>
                    <a:cxn ang="0">
                      <a:pos x="30" y="124"/>
                    </a:cxn>
                    <a:cxn ang="0">
                      <a:pos x="24" y="100"/>
                    </a:cxn>
                    <a:cxn ang="0">
                      <a:pos x="26" y="88"/>
                    </a:cxn>
                    <a:cxn ang="0">
                      <a:pos x="36" y="66"/>
                    </a:cxn>
                    <a:cxn ang="0">
                      <a:pos x="52" y="48"/>
                    </a:cxn>
                    <a:cxn ang="0">
                      <a:pos x="74" y="40"/>
                    </a:cxn>
                    <a:cxn ang="0">
                      <a:pos x="86" y="38"/>
                    </a:cxn>
                    <a:cxn ang="0">
                      <a:pos x="110" y="42"/>
                    </a:cxn>
                    <a:cxn ang="0">
                      <a:pos x="130" y="56"/>
                    </a:cxn>
                    <a:cxn ang="0">
                      <a:pos x="144" y="76"/>
                    </a:cxn>
                    <a:cxn ang="0">
                      <a:pos x="148" y="100"/>
                    </a:cxn>
                    <a:cxn ang="0">
                      <a:pos x="148" y="112"/>
                    </a:cxn>
                    <a:cxn ang="0">
                      <a:pos x="138" y="134"/>
                    </a:cxn>
                    <a:cxn ang="0">
                      <a:pos x="122" y="152"/>
                    </a:cxn>
                    <a:cxn ang="0">
                      <a:pos x="98" y="160"/>
                    </a:cxn>
                    <a:cxn ang="0">
                      <a:pos x="86" y="162"/>
                    </a:cxn>
                  </a:cxnLst>
                  <a:rect l="0" t="0" r="r" b="b"/>
                  <a:pathLst>
                    <a:path w="174" h="174">
                      <a:moveTo>
                        <a:pt x="86" y="0"/>
                      </a:moveTo>
                      <a:lnTo>
                        <a:pt x="86" y="0"/>
                      </a:lnTo>
                      <a:lnTo>
                        <a:pt x="68" y="2"/>
                      </a:lnTo>
                      <a:lnTo>
                        <a:pt x="52" y="6"/>
                      </a:lnTo>
                      <a:lnTo>
                        <a:pt x="38" y="14"/>
                      </a:lnTo>
                      <a:lnTo>
                        <a:pt x="26" y="26"/>
                      </a:lnTo>
                      <a:lnTo>
                        <a:pt x="14" y="38"/>
                      </a:lnTo>
                      <a:lnTo>
                        <a:pt x="6" y="54"/>
                      </a:lnTo>
                      <a:lnTo>
                        <a:pt x="2" y="70"/>
                      </a:lnTo>
                      <a:lnTo>
                        <a:pt x="0" y="86"/>
                      </a:lnTo>
                      <a:lnTo>
                        <a:pt x="0" y="86"/>
                      </a:lnTo>
                      <a:lnTo>
                        <a:pt x="2" y="104"/>
                      </a:lnTo>
                      <a:lnTo>
                        <a:pt x="6" y="120"/>
                      </a:lnTo>
                      <a:lnTo>
                        <a:pt x="14" y="136"/>
                      </a:lnTo>
                      <a:lnTo>
                        <a:pt x="26" y="148"/>
                      </a:lnTo>
                      <a:lnTo>
                        <a:pt x="38" y="160"/>
                      </a:lnTo>
                      <a:lnTo>
                        <a:pt x="52" y="168"/>
                      </a:lnTo>
                      <a:lnTo>
                        <a:pt x="68" y="172"/>
                      </a:lnTo>
                      <a:lnTo>
                        <a:pt x="86" y="174"/>
                      </a:lnTo>
                      <a:lnTo>
                        <a:pt x="86" y="174"/>
                      </a:lnTo>
                      <a:lnTo>
                        <a:pt x="104" y="172"/>
                      </a:lnTo>
                      <a:lnTo>
                        <a:pt x="120" y="168"/>
                      </a:lnTo>
                      <a:lnTo>
                        <a:pt x="136" y="160"/>
                      </a:lnTo>
                      <a:lnTo>
                        <a:pt x="148" y="148"/>
                      </a:lnTo>
                      <a:lnTo>
                        <a:pt x="158" y="136"/>
                      </a:lnTo>
                      <a:lnTo>
                        <a:pt x="166" y="120"/>
                      </a:lnTo>
                      <a:lnTo>
                        <a:pt x="172" y="104"/>
                      </a:lnTo>
                      <a:lnTo>
                        <a:pt x="174" y="86"/>
                      </a:lnTo>
                      <a:lnTo>
                        <a:pt x="174" y="86"/>
                      </a:lnTo>
                      <a:lnTo>
                        <a:pt x="172" y="70"/>
                      </a:lnTo>
                      <a:lnTo>
                        <a:pt x="166" y="54"/>
                      </a:lnTo>
                      <a:lnTo>
                        <a:pt x="158" y="38"/>
                      </a:lnTo>
                      <a:lnTo>
                        <a:pt x="148" y="26"/>
                      </a:lnTo>
                      <a:lnTo>
                        <a:pt x="136" y="14"/>
                      </a:lnTo>
                      <a:lnTo>
                        <a:pt x="120" y="6"/>
                      </a:lnTo>
                      <a:lnTo>
                        <a:pt x="104" y="2"/>
                      </a:lnTo>
                      <a:lnTo>
                        <a:pt x="86" y="0"/>
                      </a:lnTo>
                      <a:lnTo>
                        <a:pt x="86" y="0"/>
                      </a:lnTo>
                      <a:close/>
                      <a:moveTo>
                        <a:pt x="86" y="162"/>
                      </a:moveTo>
                      <a:lnTo>
                        <a:pt x="86" y="162"/>
                      </a:lnTo>
                      <a:lnTo>
                        <a:pt x="74" y="160"/>
                      </a:lnTo>
                      <a:lnTo>
                        <a:pt x="62" y="156"/>
                      </a:lnTo>
                      <a:lnTo>
                        <a:pt x="52" y="152"/>
                      </a:lnTo>
                      <a:lnTo>
                        <a:pt x="42" y="144"/>
                      </a:lnTo>
                      <a:lnTo>
                        <a:pt x="36" y="134"/>
                      </a:lnTo>
                      <a:lnTo>
                        <a:pt x="30" y="124"/>
                      </a:lnTo>
                      <a:lnTo>
                        <a:pt x="26" y="112"/>
                      </a:lnTo>
                      <a:lnTo>
                        <a:pt x="24" y="100"/>
                      </a:lnTo>
                      <a:lnTo>
                        <a:pt x="24" y="100"/>
                      </a:lnTo>
                      <a:lnTo>
                        <a:pt x="26" y="88"/>
                      </a:lnTo>
                      <a:lnTo>
                        <a:pt x="30" y="76"/>
                      </a:lnTo>
                      <a:lnTo>
                        <a:pt x="36" y="66"/>
                      </a:lnTo>
                      <a:lnTo>
                        <a:pt x="42" y="56"/>
                      </a:lnTo>
                      <a:lnTo>
                        <a:pt x="52" y="48"/>
                      </a:lnTo>
                      <a:lnTo>
                        <a:pt x="62" y="42"/>
                      </a:lnTo>
                      <a:lnTo>
                        <a:pt x="74" y="40"/>
                      </a:lnTo>
                      <a:lnTo>
                        <a:pt x="86" y="38"/>
                      </a:lnTo>
                      <a:lnTo>
                        <a:pt x="86" y="38"/>
                      </a:lnTo>
                      <a:lnTo>
                        <a:pt x="98" y="40"/>
                      </a:lnTo>
                      <a:lnTo>
                        <a:pt x="110" y="42"/>
                      </a:lnTo>
                      <a:lnTo>
                        <a:pt x="122" y="48"/>
                      </a:lnTo>
                      <a:lnTo>
                        <a:pt x="130" y="56"/>
                      </a:lnTo>
                      <a:lnTo>
                        <a:pt x="138" y="66"/>
                      </a:lnTo>
                      <a:lnTo>
                        <a:pt x="144" y="76"/>
                      </a:lnTo>
                      <a:lnTo>
                        <a:pt x="148" y="88"/>
                      </a:lnTo>
                      <a:lnTo>
                        <a:pt x="148" y="100"/>
                      </a:lnTo>
                      <a:lnTo>
                        <a:pt x="148" y="100"/>
                      </a:lnTo>
                      <a:lnTo>
                        <a:pt x="148" y="112"/>
                      </a:lnTo>
                      <a:lnTo>
                        <a:pt x="144" y="124"/>
                      </a:lnTo>
                      <a:lnTo>
                        <a:pt x="138" y="134"/>
                      </a:lnTo>
                      <a:lnTo>
                        <a:pt x="130" y="144"/>
                      </a:lnTo>
                      <a:lnTo>
                        <a:pt x="122" y="152"/>
                      </a:lnTo>
                      <a:lnTo>
                        <a:pt x="110" y="156"/>
                      </a:lnTo>
                      <a:lnTo>
                        <a:pt x="98" y="160"/>
                      </a:lnTo>
                      <a:lnTo>
                        <a:pt x="86" y="162"/>
                      </a:lnTo>
                      <a:lnTo>
                        <a:pt x="86" y="162"/>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45" name="Freeform 35"/>
                <p:cNvSpPr>
                  <a:spLocks noEditPoints="1"/>
                </p:cNvSpPr>
                <p:nvPr/>
              </p:nvSpPr>
              <p:spPr bwMode="auto">
                <a:xfrm>
                  <a:off x="11221583" y="4256315"/>
                  <a:ext cx="104775" cy="104775"/>
                </a:xfrm>
                <a:custGeom>
                  <a:avLst/>
                  <a:gdLst/>
                  <a:ahLst/>
                  <a:cxnLst>
                    <a:cxn ang="0">
                      <a:pos x="34" y="0"/>
                    </a:cxn>
                    <a:cxn ang="0">
                      <a:pos x="34" y="0"/>
                    </a:cxn>
                    <a:cxn ang="0">
                      <a:pos x="26" y="0"/>
                    </a:cxn>
                    <a:cxn ang="0">
                      <a:pos x="20" y="2"/>
                    </a:cxn>
                    <a:cxn ang="0">
                      <a:pos x="16" y="6"/>
                    </a:cxn>
                    <a:cxn ang="0">
                      <a:pos x="10" y="10"/>
                    </a:cxn>
                    <a:cxn ang="0">
                      <a:pos x="6" y="14"/>
                    </a:cxn>
                    <a:cxn ang="0">
                      <a:pos x="4" y="20"/>
                    </a:cxn>
                    <a:cxn ang="0">
                      <a:pos x="2" y="26"/>
                    </a:cxn>
                    <a:cxn ang="0">
                      <a:pos x="0" y="32"/>
                    </a:cxn>
                    <a:cxn ang="0">
                      <a:pos x="0" y="32"/>
                    </a:cxn>
                    <a:cxn ang="0">
                      <a:pos x="2" y="40"/>
                    </a:cxn>
                    <a:cxn ang="0">
                      <a:pos x="4" y="46"/>
                    </a:cxn>
                    <a:cxn ang="0">
                      <a:pos x="6" y="52"/>
                    </a:cxn>
                    <a:cxn ang="0">
                      <a:pos x="10" y="56"/>
                    </a:cxn>
                    <a:cxn ang="0">
                      <a:pos x="16" y="60"/>
                    </a:cxn>
                    <a:cxn ang="0">
                      <a:pos x="20" y="62"/>
                    </a:cxn>
                    <a:cxn ang="0">
                      <a:pos x="26" y="64"/>
                    </a:cxn>
                    <a:cxn ang="0">
                      <a:pos x="34" y="66"/>
                    </a:cxn>
                    <a:cxn ang="0">
                      <a:pos x="34" y="66"/>
                    </a:cxn>
                    <a:cxn ang="0">
                      <a:pos x="40" y="64"/>
                    </a:cxn>
                    <a:cxn ang="0">
                      <a:pos x="46" y="62"/>
                    </a:cxn>
                    <a:cxn ang="0">
                      <a:pos x="52" y="60"/>
                    </a:cxn>
                    <a:cxn ang="0">
                      <a:pos x="56" y="56"/>
                    </a:cxn>
                    <a:cxn ang="0">
                      <a:pos x="60" y="52"/>
                    </a:cxn>
                    <a:cxn ang="0">
                      <a:pos x="64" y="46"/>
                    </a:cxn>
                    <a:cxn ang="0">
                      <a:pos x="66" y="40"/>
                    </a:cxn>
                    <a:cxn ang="0">
                      <a:pos x="66" y="32"/>
                    </a:cxn>
                    <a:cxn ang="0">
                      <a:pos x="66" y="32"/>
                    </a:cxn>
                    <a:cxn ang="0">
                      <a:pos x="66" y="26"/>
                    </a:cxn>
                    <a:cxn ang="0">
                      <a:pos x="64" y="20"/>
                    </a:cxn>
                    <a:cxn ang="0">
                      <a:pos x="60" y="14"/>
                    </a:cxn>
                    <a:cxn ang="0">
                      <a:pos x="56" y="10"/>
                    </a:cxn>
                    <a:cxn ang="0">
                      <a:pos x="52" y="6"/>
                    </a:cxn>
                    <a:cxn ang="0">
                      <a:pos x="46" y="2"/>
                    </a:cxn>
                    <a:cxn ang="0">
                      <a:pos x="40" y="0"/>
                    </a:cxn>
                    <a:cxn ang="0">
                      <a:pos x="34" y="0"/>
                    </a:cxn>
                    <a:cxn ang="0">
                      <a:pos x="34" y="0"/>
                    </a:cxn>
                    <a:cxn ang="0">
                      <a:pos x="34" y="46"/>
                    </a:cxn>
                    <a:cxn ang="0">
                      <a:pos x="34" y="46"/>
                    </a:cxn>
                    <a:cxn ang="0">
                      <a:pos x="28" y="44"/>
                    </a:cxn>
                    <a:cxn ang="0">
                      <a:pos x="24" y="42"/>
                    </a:cxn>
                    <a:cxn ang="0">
                      <a:pos x="22" y="38"/>
                    </a:cxn>
                    <a:cxn ang="0">
                      <a:pos x="20" y="32"/>
                    </a:cxn>
                    <a:cxn ang="0">
                      <a:pos x="20" y="32"/>
                    </a:cxn>
                    <a:cxn ang="0">
                      <a:pos x="22" y="28"/>
                    </a:cxn>
                    <a:cxn ang="0">
                      <a:pos x="24" y="24"/>
                    </a:cxn>
                    <a:cxn ang="0">
                      <a:pos x="28" y="22"/>
                    </a:cxn>
                    <a:cxn ang="0">
                      <a:pos x="34" y="20"/>
                    </a:cxn>
                    <a:cxn ang="0">
                      <a:pos x="34" y="20"/>
                    </a:cxn>
                    <a:cxn ang="0">
                      <a:pos x="38" y="22"/>
                    </a:cxn>
                    <a:cxn ang="0">
                      <a:pos x="42" y="24"/>
                    </a:cxn>
                    <a:cxn ang="0">
                      <a:pos x="46" y="28"/>
                    </a:cxn>
                    <a:cxn ang="0">
                      <a:pos x="46" y="32"/>
                    </a:cxn>
                    <a:cxn ang="0">
                      <a:pos x="46" y="32"/>
                    </a:cxn>
                    <a:cxn ang="0">
                      <a:pos x="46" y="38"/>
                    </a:cxn>
                    <a:cxn ang="0">
                      <a:pos x="42" y="42"/>
                    </a:cxn>
                    <a:cxn ang="0">
                      <a:pos x="38" y="44"/>
                    </a:cxn>
                    <a:cxn ang="0">
                      <a:pos x="34" y="46"/>
                    </a:cxn>
                    <a:cxn ang="0">
                      <a:pos x="34" y="46"/>
                    </a:cxn>
                  </a:cxnLst>
                  <a:rect l="0" t="0" r="r" b="b"/>
                  <a:pathLst>
                    <a:path w="66" h="66">
                      <a:moveTo>
                        <a:pt x="34" y="0"/>
                      </a:moveTo>
                      <a:lnTo>
                        <a:pt x="34" y="0"/>
                      </a:lnTo>
                      <a:lnTo>
                        <a:pt x="26" y="0"/>
                      </a:lnTo>
                      <a:lnTo>
                        <a:pt x="20" y="2"/>
                      </a:lnTo>
                      <a:lnTo>
                        <a:pt x="16" y="6"/>
                      </a:lnTo>
                      <a:lnTo>
                        <a:pt x="10" y="10"/>
                      </a:lnTo>
                      <a:lnTo>
                        <a:pt x="6" y="14"/>
                      </a:lnTo>
                      <a:lnTo>
                        <a:pt x="4" y="20"/>
                      </a:lnTo>
                      <a:lnTo>
                        <a:pt x="2" y="26"/>
                      </a:lnTo>
                      <a:lnTo>
                        <a:pt x="0" y="32"/>
                      </a:lnTo>
                      <a:lnTo>
                        <a:pt x="0" y="32"/>
                      </a:lnTo>
                      <a:lnTo>
                        <a:pt x="2" y="40"/>
                      </a:lnTo>
                      <a:lnTo>
                        <a:pt x="4" y="46"/>
                      </a:lnTo>
                      <a:lnTo>
                        <a:pt x="6" y="52"/>
                      </a:lnTo>
                      <a:lnTo>
                        <a:pt x="10" y="56"/>
                      </a:lnTo>
                      <a:lnTo>
                        <a:pt x="16" y="60"/>
                      </a:lnTo>
                      <a:lnTo>
                        <a:pt x="20" y="62"/>
                      </a:lnTo>
                      <a:lnTo>
                        <a:pt x="26" y="64"/>
                      </a:lnTo>
                      <a:lnTo>
                        <a:pt x="34" y="66"/>
                      </a:lnTo>
                      <a:lnTo>
                        <a:pt x="34" y="66"/>
                      </a:lnTo>
                      <a:lnTo>
                        <a:pt x="40" y="64"/>
                      </a:lnTo>
                      <a:lnTo>
                        <a:pt x="46" y="62"/>
                      </a:lnTo>
                      <a:lnTo>
                        <a:pt x="52" y="60"/>
                      </a:lnTo>
                      <a:lnTo>
                        <a:pt x="56" y="56"/>
                      </a:lnTo>
                      <a:lnTo>
                        <a:pt x="60" y="52"/>
                      </a:lnTo>
                      <a:lnTo>
                        <a:pt x="64" y="46"/>
                      </a:lnTo>
                      <a:lnTo>
                        <a:pt x="66" y="40"/>
                      </a:lnTo>
                      <a:lnTo>
                        <a:pt x="66" y="32"/>
                      </a:lnTo>
                      <a:lnTo>
                        <a:pt x="66" y="32"/>
                      </a:lnTo>
                      <a:lnTo>
                        <a:pt x="66" y="26"/>
                      </a:lnTo>
                      <a:lnTo>
                        <a:pt x="64" y="20"/>
                      </a:lnTo>
                      <a:lnTo>
                        <a:pt x="60" y="14"/>
                      </a:lnTo>
                      <a:lnTo>
                        <a:pt x="56" y="10"/>
                      </a:lnTo>
                      <a:lnTo>
                        <a:pt x="52" y="6"/>
                      </a:lnTo>
                      <a:lnTo>
                        <a:pt x="46" y="2"/>
                      </a:lnTo>
                      <a:lnTo>
                        <a:pt x="40" y="0"/>
                      </a:lnTo>
                      <a:lnTo>
                        <a:pt x="34" y="0"/>
                      </a:lnTo>
                      <a:lnTo>
                        <a:pt x="34" y="0"/>
                      </a:lnTo>
                      <a:close/>
                      <a:moveTo>
                        <a:pt x="34" y="46"/>
                      </a:moveTo>
                      <a:lnTo>
                        <a:pt x="34" y="46"/>
                      </a:lnTo>
                      <a:lnTo>
                        <a:pt x="28" y="44"/>
                      </a:lnTo>
                      <a:lnTo>
                        <a:pt x="24" y="42"/>
                      </a:lnTo>
                      <a:lnTo>
                        <a:pt x="22" y="38"/>
                      </a:lnTo>
                      <a:lnTo>
                        <a:pt x="20" y="32"/>
                      </a:lnTo>
                      <a:lnTo>
                        <a:pt x="20" y="32"/>
                      </a:lnTo>
                      <a:lnTo>
                        <a:pt x="22" y="28"/>
                      </a:lnTo>
                      <a:lnTo>
                        <a:pt x="24" y="24"/>
                      </a:lnTo>
                      <a:lnTo>
                        <a:pt x="28" y="22"/>
                      </a:lnTo>
                      <a:lnTo>
                        <a:pt x="34" y="20"/>
                      </a:lnTo>
                      <a:lnTo>
                        <a:pt x="34" y="20"/>
                      </a:lnTo>
                      <a:lnTo>
                        <a:pt x="38" y="22"/>
                      </a:lnTo>
                      <a:lnTo>
                        <a:pt x="42" y="24"/>
                      </a:lnTo>
                      <a:lnTo>
                        <a:pt x="46" y="28"/>
                      </a:lnTo>
                      <a:lnTo>
                        <a:pt x="46" y="32"/>
                      </a:lnTo>
                      <a:lnTo>
                        <a:pt x="46" y="32"/>
                      </a:lnTo>
                      <a:lnTo>
                        <a:pt x="46" y="38"/>
                      </a:lnTo>
                      <a:lnTo>
                        <a:pt x="42" y="42"/>
                      </a:lnTo>
                      <a:lnTo>
                        <a:pt x="38" y="44"/>
                      </a:lnTo>
                      <a:lnTo>
                        <a:pt x="34" y="46"/>
                      </a:lnTo>
                      <a:lnTo>
                        <a:pt x="34" y="46"/>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grpSp>
          <p:sp>
            <p:nvSpPr>
              <p:cNvPr id="136" name="Freeform 167"/>
              <p:cNvSpPr>
                <a:spLocks noEditPoints="1"/>
              </p:cNvSpPr>
              <p:nvPr/>
            </p:nvSpPr>
            <p:spPr bwMode="auto">
              <a:xfrm>
                <a:off x="6937210" y="3323223"/>
                <a:ext cx="352135" cy="283578"/>
              </a:xfrm>
              <a:custGeom>
                <a:avLst/>
                <a:gdLst/>
                <a:ahLst/>
                <a:cxnLst>
                  <a:cxn ang="0">
                    <a:pos x="184" y="42"/>
                  </a:cxn>
                  <a:cxn ang="0">
                    <a:pos x="184" y="26"/>
                  </a:cxn>
                  <a:cxn ang="0">
                    <a:pos x="180" y="14"/>
                  </a:cxn>
                  <a:cxn ang="0">
                    <a:pos x="172" y="6"/>
                  </a:cxn>
                  <a:cxn ang="0">
                    <a:pos x="162" y="6"/>
                  </a:cxn>
                  <a:cxn ang="0">
                    <a:pos x="94" y="18"/>
                  </a:cxn>
                  <a:cxn ang="0">
                    <a:pos x="92" y="10"/>
                  </a:cxn>
                  <a:cxn ang="0">
                    <a:pos x="80" y="0"/>
                  </a:cxn>
                  <a:cxn ang="0">
                    <a:pos x="34" y="8"/>
                  </a:cxn>
                  <a:cxn ang="0">
                    <a:pos x="30" y="10"/>
                  </a:cxn>
                  <a:cxn ang="0">
                    <a:pos x="20" y="24"/>
                  </a:cxn>
                  <a:cxn ang="0">
                    <a:pos x="20" y="32"/>
                  </a:cxn>
                  <a:cxn ang="0">
                    <a:pos x="10" y="36"/>
                  </a:cxn>
                  <a:cxn ang="0">
                    <a:pos x="0" y="58"/>
                  </a:cxn>
                  <a:cxn ang="0">
                    <a:pos x="8" y="150"/>
                  </a:cxn>
                  <a:cxn ang="0">
                    <a:pos x="10" y="158"/>
                  </a:cxn>
                  <a:cxn ang="0">
                    <a:pos x="16" y="168"/>
                  </a:cxn>
                  <a:cxn ang="0">
                    <a:pos x="20" y="172"/>
                  </a:cxn>
                  <a:cxn ang="0">
                    <a:pos x="20" y="108"/>
                  </a:cxn>
                  <a:cxn ang="0">
                    <a:pos x="18" y="102"/>
                  </a:cxn>
                  <a:cxn ang="0">
                    <a:pos x="20" y="94"/>
                  </a:cxn>
                  <a:cxn ang="0">
                    <a:pos x="24" y="80"/>
                  </a:cxn>
                  <a:cxn ang="0">
                    <a:pos x="28" y="74"/>
                  </a:cxn>
                  <a:cxn ang="0">
                    <a:pos x="40" y="64"/>
                  </a:cxn>
                  <a:cxn ang="0">
                    <a:pos x="56" y="58"/>
                  </a:cxn>
                  <a:cxn ang="0">
                    <a:pos x="224" y="64"/>
                  </a:cxn>
                  <a:cxn ang="0">
                    <a:pos x="222" y="62"/>
                  </a:cxn>
                  <a:cxn ang="0">
                    <a:pos x="218" y="62"/>
                  </a:cxn>
                  <a:cxn ang="0">
                    <a:pos x="56" y="74"/>
                  </a:cxn>
                  <a:cxn ang="0">
                    <a:pos x="48" y="78"/>
                  </a:cxn>
                  <a:cxn ang="0">
                    <a:pos x="42" y="84"/>
                  </a:cxn>
                  <a:cxn ang="0">
                    <a:pos x="36" y="102"/>
                  </a:cxn>
                  <a:cxn ang="0">
                    <a:pos x="36" y="106"/>
                  </a:cxn>
                  <a:cxn ang="0">
                    <a:pos x="36" y="170"/>
                  </a:cxn>
                  <a:cxn ang="0">
                    <a:pos x="38" y="174"/>
                  </a:cxn>
                  <a:cxn ang="0">
                    <a:pos x="42" y="178"/>
                  </a:cxn>
                  <a:cxn ang="0">
                    <a:pos x="52" y="182"/>
                  </a:cxn>
                  <a:cxn ang="0">
                    <a:pos x="164" y="170"/>
                  </a:cxn>
                  <a:cxn ang="0">
                    <a:pos x="178" y="164"/>
                  </a:cxn>
                  <a:cxn ang="0">
                    <a:pos x="184" y="158"/>
                  </a:cxn>
                  <a:cxn ang="0">
                    <a:pos x="188" y="150"/>
                  </a:cxn>
                  <a:cxn ang="0">
                    <a:pos x="222" y="86"/>
                  </a:cxn>
                  <a:cxn ang="0">
                    <a:pos x="226" y="70"/>
                  </a:cxn>
                  <a:cxn ang="0">
                    <a:pos x="226" y="66"/>
                  </a:cxn>
                  <a:cxn ang="0">
                    <a:pos x="224" y="64"/>
                  </a:cxn>
                </a:cxnLst>
                <a:rect l="0" t="0" r="r" b="b"/>
                <a:pathLst>
                  <a:path w="226" h="182">
                    <a:moveTo>
                      <a:pt x="182" y="48"/>
                    </a:moveTo>
                    <a:lnTo>
                      <a:pt x="184" y="42"/>
                    </a:lnTo>
                    <a:lnTo>
                      <a:pt x="184" y="42"/>
                    </a:lnTo>
                    <a:lnTo>
                      <a:pt x="184" y="26"/>
                    </a:lnTo>
                    <a:lnTo>
                      <a:pt x="182" y="20"/>
                    </a:lnTo>
                    <a:lnTo>
                      <a:pt x="180" y="14"/>
                    </a:lnTo>
                    <a:lnTo>
                      <a:pt x="176" y="10"/>
                    </a:lnTo>
                    <a:lnTo>
                      <a:pt x="172" y="6"/>
                    </a:lnTo>
                    <a:lnTo>
                      <a:pt x="168" y="4"/>
                    </a:lnTo>
                    <a:lnTo>
                      <a:pt x="162" y="6"/>
                    </a:lnTo>
                    <a:lnTo>
                      <a:pt x="94" y="18"/>
                    </a:lnTo>
                    <a:lnTo>
                      <a:pt x="94" y="18"/>
                    </a:lnTo>
                    <a:lnTo>
                      <a:pt x="94" y="14"/>
                    </a:lnTo>
                    <a:lnTo>
                      <a:pt x="92" y="10"/>
                    </a:lnTo>
                    <a:lnTo>
                      <a:pt x="86" y="4"/>
                    </a:lnTo>
                    <a:lnTo>
                      <a:pt x="80" y="0"/>
                    </a:lnTo>
                    <a:lnTo>
                      <a:pt x="72" y="0"/>
                    </a:lnTo>
                    <a:lnTo>
                      <a:pt x="34" y="8"/>
                    </a:lnTo>
                    <a:lnTo>
                      <a:pt x="34" y="8"/>
                    </a:lnTo>
                    <a:lnTo>
                      <a:pt x="30" y="10"/>
                    </a:lnTo>
                    <a:lnTo>
                      <a:pt x="24" y="16"/>
                    </a:lnTo>
                    <a:lnTo>
                      <a:pt x="20" y="24"/>
                    </a:lnTo>
                    <a:lnTo>
                      <a:pt x="20" y="32"/>
                    </a:lnTo>
                    <a:lnTo>
                      <a:pt x="20" y="32"/>
                    </a:lnTo>
                    <a:lnTo>
                      <a:pt x="14" y="34"/>
                    </a:lnTo>
                    <a:lnTo>
                      <a:pt x="10" y="36"/>
                    </a:lnTo>
                    <a:lnTo>
                      <a:pt x="4" y="46"/>
                    </a:lnTo>
                    <a:lnTo>
                      <a:pt x="0" y="58"/>
                    </a:lnTo>
                    <a:lnTo>
                      <a:pt x="0" y="74"/>
                    </a:lnTo>
                    <a:lnTo>
                      <a:pt x="8" y="150"/>
                    </a:lnTo>
                    <a:lnTo>
                      <a:pt x="8" y="150"/>
                    </a:lnTo>
                    <a:lnTo>
                      <a:pt x="10" y="158"/>
                    </a:lnTo>
                    <a:lnTo>
                      <a:pt x="12" y="164"/>
                    </a:lnTo>
                    <a:lnTo>
                      <a:pt x="16" y="168"/>
                    </a:lnTo>
                    <a:lnTo>
                      <a:pt x="20" y="172"/>
                    </a:lnTo>
                    <a:lnTo>
                      <a:pt x="20" y="172"/>
                    </a:lnTo>
                    <a:lnTo>
                      <a:pt x="20" y="170"/>
                    </a:lnTo>
                    <a:lnTo>
                      <a:pt x="20" y="108"/>
                    </a:lnTo>
                    <a:lnTo>
                      <a:pt x="20" y="108"/>
                    </a:lnTo>
                    <a:lnTo>
                      <a:pt x="18" y="102"/>
                    </a:lnTo>
                    <a:lnTo>
                      <a:pt x="18" y="102"/>
                    </a:lnTo>
                    <a:lnTo>
                      <a:pt x="20" y="94"/>
                    </a:lnTo>
                    <a:lnTo>
                      <a:pt x="22" y="88"/>
                    </a:lnTo>
                    <a:lnTo>
                      <a:pt x="24" y="80"/>
                    </a:lnTo>
                    <a:lnTo>
                      <a:pt x="28" y="74"/>
                    </a:lnTo>
                    <a:lnTo>
                      <a:pt x="28" y="74"/>
                    </a:lnTo>
                    <a:lnTo>
                      <a:pt x="34" y="68"/>
                    </a:lnTo>
                    <a:lnTo>
                      <a:pt x="40" y="64"/>
                    </a:lnTo>
                    <a:lnTo>
                      <a:pt x="48" y="60"/>
                    </a:lnTo>
                    <a:lnTo>
                      <a:pt x="56" y="58"/>
                    </a:lnTo>
                    <a:lnTo>
                      <a:pt x="182" y="48"/>
                    </a:lnTo>
                    <a:close/>
                    <a:moveTo>
                      <a:pt x="224" y="64"/>
                    </a:moveTo>
                    <a:lnTo>
                      <a:pt x="224" y="64"/>
                    </a:lnTo>
                    <a:lnTo>
                      <a:pt x="222" y="62"/>
                    </a:lnTo>
                    <a:lnTo>
                      <a:pt x="218" y="62"/>
                    </a:lnTo>
                    <a:lnTo>
                      <a:pt x="218" y="62"/>
                    </a:lnTo>
                    <a:lnTo>
                      <a:pt x="180" y="64"/>
                    </a:lnTo>
                    <a:lnTo>
                      <a:pt x="56" y="74"/>
                    </a:lnTo>
                    <a:lnTo>
                      <a:pt x="56" y="74"/>
                    </a:lnTo>
                    <a:lnTo>
                      <a:pt x="48" y="78"/>
                    </a:lnTo>
                    <a:lnTo>
                      <a:pt x="42" y="84"/>
                    </a:lnTo>
                    <a:lnTo>
                      <a:pt x="42" y="84"/>
                    </a:lnTo>
                    <a:lnTo>
                      <a:pt x="38" y="92"/>
                    </a:lnTo>
                    <a:lnTo>
                      <a:pt x="36" y="102"/>
                    </a:lnTo>
                    <a:lnTo>
                      <a:pt x="36" y="102"/>
                    </a:lnTo>
                    <a:lnTo>
                      <a:pt x="36" y="106"/>
                    </a:lnTo>
                    <a:lnTo>
                      <a:pt x="36" y="106"/>
                    </a:lnTo>
                    <a:lnTo>
                      <a:pt x="36" y="170"/>
                    </a:lnTo>
                    <a:lnTo>
                      <a:pt x="36" y="170"/>
                    </a:lnTo>
                    <a:lnTo>
                      <a:pt x="38" y="174"/>
                    </a:lnTo>
                    <a:lnTo>
                      <a:pt x="38" y="174"/>
                    </a:lnTo>
                    <a:lnTo>
                      <a:pt x="42" y="178"/>
                    </a:lnTo>
                    <a:lnTo>
                      <a:pt x="50" y="182"/>
                    </a:lnTo>
                    <a:lnTo>
                      <a:pt x="52" y="182"/>
                    </a:lnTo>
                    <a:lnTo>
                      <a:pt x="164" y="170"/>
                    </a:lnTo>
                    <a:lnTo>
                      <a:pt x="164" y="170"/>
                    </a:lnTo>
                    <a:lnTo>
                      <a:pt x="170" y="168"/>
                    </a:lnTo>
                    <a:lnTo>
                      <a:pt x="178" y="164"/>
                    </a:lnTo>
                    <a:lnTo>
                      <a:pt x="178" y="164"/>
                    </a:lnTo>
                    <a:lnTo>
                      <a:pt x="184" y="158"/>
                    </a:lnTo>
                    <a:lnTo>
                      <a:pt x="188" y="152"/>
                    </a:lnTo>
                    <a:lnTo>
                      <a:pt x="188" y="150"/>
                    </a:lnTo>
                    <a:lnTo>
                      <a:pt x="222" y="86"/>
                    </a:lnTo>
                    <a:lnTo>
                      <a:pt x="222" y="86"/>
                    </a:lnTo>
                    <a:lnTo>
                      <a:pt x="224" y="78"/>
                    </a:lnTo>
                    <a:lnTo>
                      <a:pt x="226" y="70"/>
                    </a:lnTo>
                    <a:lnTo>
                      <a:pt x="226" y="70"/>
                    </a:lnTo>
                    <a:lnTo>
                      <a:pt x="226" y="66"/>
                    </a:lnTo>
                    <a:lnTo>
                      <a:pt x="224" y="64"/>
                    </a:lnTo>
                    <a:lnTo>
                      <a:pt x="224" y="64"/>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grpSp>
        <p:grpSp>
          <p:nvGrpSpPr>
            <p:cNvPr id="8" name="组合 723"/>
            <p:cNvGrpSpPr/>
            <p:nvPr/>
          </p:nvGrpSpPr>
          <p:grpSpPr>
            <a:xfrm>
              <a:off x="10471722" y="3392414"/>
              <a:ext cx="488839" cy="319087"/>
              <a:chOff x="9855200" y="3744913"/>
              <a:chExt cx="1255713" cy="868362"/>
            </a:xfrm>
            <a:solidFill>
              <a:schemeClr val="bg1">
                <a:lumMod val="95000"/>
              </a:schemeClr>
            </a:solidFill>
          </p:grpSpPr>
          <p:sp>
            <p:nvSpPr>
              <p:cNvPr id="130" name="Freeform 312"/>
              <p:cNvSpPr>
                <a:spLocks/>
              </p:cNvSpPr>
              <p:nvPr/>
            </p:nvSpPr>
            <p:spPr bwMode="auto">
              <a:xfrm>
                <a:off x="9896475" y="3919538"/>
                <a:ext cx="998538" cy="666750"/>
              </a:xfrm>
              <a:custGeom>
                <a:avLst/>
                <a:gdLst/>
                <a:ahLst/>
                <a:cxnLst>
                  <a:cxn ang="0">
                    <a:pos x="260" y="2202"/>
                  </a:cxn>
                  <a:cxn ang="0">
                    <a:pos x="2143" y="2202"/>
                  </a:cxn>
                  <a:cxn ang="0">
                    <a:pos x="2143" y="619"/>
                  </a:cxn>
                  <a:cxn ang="0">
                    <a:pos x="2718" y="619"/>
                  </a:cxn>
                  <a:cxn ang="0">
                    <a:pos x="2718" y="2202"/>
                  </a:cxn>
                  <a:cxn ang="0">
                    <a:pos x="4314" y="2202"/>
                  </a:cxn>
                  <a:cxn ang="0">
                    <a:pos x="4314" y="2274"/>
                  </a:cxn>
                  <a:cxn ang="0">
                    <a:pos x="4314" y="2777"/>
                  </a:cxn>
                  <a:cxn ang="0">
                    <a:pos x="4314" y="5752"/>
                  </a:cxn>
                  <a:cxn ang="0">
                    <a:pos x="8420" y="5752"/>
                  </a:cxn>
                  <a:cxn ang="0">
                    <a:pos x="9343" y="4844"/>
                  </a:cxn>
                  <a:cxn ang="0">
                    <a:pos x="4574" y="0"/>
                  </a:cxn>
                  <a:cxn ang="0">
                    <a:pos x="5381" y="0"/>
                  </a:cxn>
                  <a:cxn ang="0">
                    <a:pos x="7501" y="2152"/>
                  </a:cxn>
                  <a:cxn ang="0">
                    <a:pos x="9202" y="441"/>
                  </a:cxn>
                  <a:cxn ang="0">
                    <a:pos x="10012" y="441"/>
                  </a:cxn>
                  <a:cxn ang="0">
                    <a:pos x="7904" y="2562"/>
                  </a:cxn>
                  <a:cxn ang="0">
                    <a:pos x="9753" y="4441"/>
                  </a:cxn>
                  <a:cxn ang="0">
                    <a:pos x="13116" y="1133"/>
                  </a:cxn>
                  <a:cxn ang="0">
                    <a:pos x="13116" y="1859"/>
                  </a:cxn>
                  <a:cxn ang="0">
                    <a:pos x="13199" y="1859"/>
                  </a:cxn>
                  <a:cxn ang="0">
                    <a:pos x="9240" y="5752"/>
                  </a:cxn>
                  <a:cxn ang="0">
                    <a:pos x="12624" y="5752"/>
                  </a:cxn>
                  <a:cxn ang="0">
                    <a:pos x="12624" y="6327"/>
                  </a:cxn>
                  <a:cxn ang="0">
                    <a:pos x="8656" y="6327"/>
                  </a:cxn>
                  <a:cxn ang="0">
                    <a:pos x="6127" y="8815"/>
                  </a:cxn>
                  <a:cxn ang="0">
                    <a:pos x="5724" y="8405"/>
                  </a:cxn>
                  <a:cxn ang="0">
                    <a:pos x="7835" y="6327"/>
                  </a:cxn>
                  <a:cxn ang="0">
                    <a:pos x="4314" y="6327"/>
                  </a:cxn>
                  <a:cxn ang="0">
                    <a:pos x="3825" y="6327"/>
                  </a:cxn>
                  <a:cxn ang="0">
                    <a:pos x="3739" y="6327"/>
                  </a:cxn>
                  <a:cxn ang="0">
                    <a:pos x="3739" y="2777"/>
                  </a:cxn>
                  <a:cxn ang="0">
                    <a:pos x="2718" y="2777"/>
                  </a:cxn>
                  <a:cxn ang="0">
                    <a:pos x="2718" y="7433"/>
                  </a:cxn>
                  <a:cxn ang="0">
                    <a:pos x="2617" y="7433"/>
                  </a:cxn>
                  <a:cxn ang="0">
                    <a:pos x="2143" y="7433"/>
                  </a:cxn>
                  <a:cxn ang="0">
                    <a:pos x="0" y="7433"/>
                  </a:cxn>
                  <a:cxn ang="0">
                    <a:pos x="0" y="6858"/>
                  </a:cxn>
                  <a:cxn ang="0">
                    <a:pos x="2143" y="6858"/>
                  </a:cxn>
                  <a:cxn ang="0">
                    <a:pos x="2143" y="2777"/>
                  </a:cxn>
                  <a:cxn ang="0">
                    <a:pos x="260" y="2777"/>
                  </a:cxn>
                  <a:cxn ang="0">
                    <a:pos x="260" y="2202"/>
                  </a:cxn>
                </a:cxnLst>
                <a:rect l="0" t="0" r="r" b="b"/>
                <a:pathLst>
                  <a:path w="13199" h="8815">
                    <a:moveTo>
                      <a:pt x="260" y="2202"/>
                    </a:moveTo>
                    <a:lnTo>
                      <a:pt x="2143" y="2202"/>
                    </a:lnTo>
                    <a:lnTo>
                      <a:pt x="2143" y="619"/>
                    </a:lnTo>
                    <a:lnTo>
                      <a:pt x="2718" y="619"/>
                    </a:lnTo>
                    <a:lnTo>
                      <a:pt x="2718" y="2202"/>
                    </a:lnTo>
                    <a:lnTo>
                      <a:pt x="4314" y="2202"/>
                    </a:lnTo>
                    <a:lnTo>
                      <a:pt x="4314" y="2274"/>
                    </a:lnTo>
                    <a:lnTo>
                      <a:pt x="4314" y="2777"/>
                    </a:lnTo>
                    <a:lnTo>
                      <a:pt x="4314" y="5752"/>
                    </a:lnTo>
                    <a:lnTo>
                      <a:pt x="8420" y="5752"/>
                    </a:lnTo>
                    <a:lnTo>
                      <a:pt x="9343" y="4844"/>
                    </a:lnTo>
                    <a:lnTo>
                      <a:pt x="4574" y="0"/>
                    </a:lnTo>
                    <a:lnTo>
                      <a:pt x="5381" y="0"/>
                    </a:lnTo>
                    <a:lnTo>
                      <a:pt x="7501" y="2152"/>
                    </a:lnTo>
                    <a:lnTo>
                      <a:pt x="9202" y="441"/>
                    </a:lnTo>
                    <a:lnTo>
                      <a:pt x="10012" y="441"/>
                    </a:lnTo>
                    <a:lnTo>
                      <a:pt x="7904" y="2562"/>
                    </a:lnTo>
                    <a:lnTo>
                      <a:pt x="9753" y="4441"/>
                    </a:lnTo>
                    <a:lnTo>
                      <a:pt x="13116" y="1133"/>
                    </a:lnTo>
                    <a:lnTo>
                      <a:pt x="13116" y="1859"/>
                    </a:lnTo>
                    <a:lnTo>
                      <a:pt x="13199" y="1859"/>
                    </a:lnTo>
                    <a:lnTo>
                      <a:pt x="9240" y="5752"/>
                    </a:lnTo>
                    <a:lnTo>
                      <a:pt x="12624" y="5752"/>
                    </a:lnTo>
                    <a:lnTo>
                      <a:pt x="12624" y="6327"/>
                    </a:lnTo>
                    <a:lnTo>
                      <a:pt x="8656" y="6327"/>
                    </a:lnTo>
                    <a:lnTo>
                      <a:pt x="6127" y="8815"/>
                    </a:lnTo>
                    <a:lnTo>
                      <a:pt x="5724" y="8405"/>
                    </a:lnTo>
                    <a:lnTo>
                      <a:pt x="7835" y="6327"/>
                    </a:lnTo>
                    <a:lnTo>
                      <a:pt x="4314" y="6327"/>
                    </a:lnTo>
                    <a:lnTo>
                      <a:pt x="3825" y="6327"/>
                    </a:lnTo>
                    <a:lnTo>
                      <a:pt x="3739" y="6327"/>
                    </a:lnTo>
                    <a:lnTo>
                      <a:pt x="3739" y="2777"/>
                    </a:lnTo>
                    <a:lnTo>
                      <a:pt x="2718" y="2777"/>
                    </a:lnTo>
                    <a:lnTo>
                      <a:pt x="2718" y="7433"/>
                    </a:lnTo>
                    <a:lnTo>
                      <a:pt x="2617" y="7433"/>
                    </a:lnTo>
                    <a:lnTo>
                      <a:pt x="2143" y="7433"/>
                    </a:lnTo>
                    <a:lnTo>
                      <a:pt x="0" y="7433"/>
                    </a:lnTo>
                    <a:lnTo>
                      <a:pt x="0" y="6858"/>
                    </a:lnTo>
                    <a:lnTo>
                      <a:pt x="2143" y="6858"/>
                    </a:lnTo>
                    <a:lnTo>
                      <a:pt x="2143" y="2777"/>
                    </a:lnTo>
                    <a:lnTo>
                      <a:pt x="260" y="2777"/>
                    </a:lnTo>
                    <a:lnTo>
                      <a:pt x="260" y="2202"/>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31" name="Freeform 313"/>
              <p:cNvSpPr>
                <a:spLocks/>
              </p:cNvSpPr>
              <p:nvPr/>
            </p:nvSpPr>
            <p:spPr bwMode="auto">
              <a:xfrm>
                <a:off x="10887075" y="3802063"/>
                <a:ext cx="166688" cy="174625"/>
              </a:xfrm>
              <a:custGeom>
                <a:avLst/>
                <a:gdLst/>
                <a:ahLst/>
                <a:cxnLst>
                  <a:cxn ang="0">
                    <a:pos x="1801" y="2312"/>
                  </a:cxn>
                  <a:cxn ang="0">
                    <a:pos x="1802" y="2293"/>
                  </a:cxn>
                  <a:cxn ang="0">
                    <a:pos x="1803" y="2275"/>
                  </a:cxn>
                  <a:cxn ang="0">
                    <a:pos x="1798" y="2090"/>
                  </a:cxn>
                  <a:cxn ang="0">
                    <a:pos x="1775" y="1909"/>
                  </a:cxn>
                  <a:cxn ang="0">
                    <a:pos x="1735" y="1735"/>
                  </a:cxn>
                  <a:cxn ang="0">
                    <a:pos x="1679" y="1567"/>
                  </a:cxn>
                  <a:cxn ang="0">
                    <a:pos x="1606" y="1407"/>
                  </a:cxn>
                  <a:cxn ang="0">
                    <a:pos x="1519" y="1255"/>
                  </a:cxn>
                  <a:cxn ang="0">
                    <a:pos x="1418" y="1113"/>
                  </a:cxn>
                  <a:cxn ang="0">
                    <a:pos x="1304" y="981"/>
                  </a:cxn>
                  <a:cxn ang="0">
                    <a:pos x="1178" y="861"/>
                  </a:cxn>
                  <a:cxn ang="0">
                    <a:pos x="1041" y="753"/>
                  </a:cxn>
                  <a:cxn ang="0">
                    <a:pos x="895" y="658"/>
                  </a:cxn>
                  <a:cxn ang="0">
                    <a:pos x="738" y="578"/>
                  </a:cxn>
                  <a:cxn ang="0">
                    <a:pos x="574" y="512"/>
                  </a:cxn>
                  <a:cxn ang="0">
                    <a:pos x="402" y="463"/>
                  </a:cxn>
                  <a:cxn ang="0">
                    <a:pos x="223" y="431"/>
                  </a:cxn>
                  <a:cxn ang="0">
                    <a:pos x="38" y="417"/>
                  </a:cxn>
                  <a:cxn ang="0">
                    <a:pos x="20" y="417"/>
                  </a:cxn>
                  <a:cxn ang="0">
                    <a:pos x="0" y="417"/>
                  </a:cxn>
                  <a:cxn ang="0">
                    <a:pos x="21" y="0"/>
                  </a:cxn>
                  <a:cxn ang="0">
                    <a:pos x="39" y="0"/>
                  </a:cxn>
                  <a:cxn ang="0">
                    <a:pos x="163" y="7"/>
                  </a:cxn>
                  <a:cxn ang="0">
                    <a:pos x="386" y="36"/>
                  </a:cxn>
                  <a:cxn ang="0">
                    <a:pos x="602" y="86"/>
                  </a:cxn>
                  <a:cxn ang="0">
                    <a:pos x="810" y="156"/>
                  </a:cxn>
                  <a:cxn ang="0">
                    <a:pos x="1007" y="245"/>
                  </a:cxn>
                  <a:cxn ang="0">
                    <a:pos x="1194" y="353"/>
                  </a:cxn>
                  <a:cxn ang="0">
                    <a:pos x="1368" y="479"/>
                  </a:cxn>
                  <a:cxn ang="0">
                    <a:pos x="1530" y="619"/>
                  </a:cxn>
                  <a:cxn ang="0">
                    <a:pos x="1677" y="774"/>
                  </a:cxn>
                  <a:cxn ang="0">
                    <a:pos x="1809" y="943"/>
                  </a:cxn>
                  <a:cxn ang="0">
                    <a:pos x="1926" y="1123"/>
                  </a:cxn>
                  <a:cxn ang="0">
                    <a:pos x="2023" y="1315"/>
                  </a:cxn>
                  <a:cxn ang="0">
                    <a:pos x="2103" y="1517"/>
                  </a:cxn>
                  <a:cxn ang="0">
                    <a:pos x="2163" y="1728"/>
                  </a:cxn>
                  <a:cxn ang="0">
                    <a:pos x="2202" y="1946"/>
                  </a:cxn>
                  <a:cxn ang="0">
                    <a:pos x="2219" y="2171"/>
                  </a:cxn>
                  <a:cxn ang="0">
                    <a:pos x="2219" y="2294"/>
                  </a:cxn>
                  <a:cxn ang="0">
                    <a:pos x="2218" y="2313"/>
                  </a:cxn>
                </a:cxnLst>
                <a:rect l="0" t="0" r="r" b="b"/>
                <a:pathLst>
                  <a:path w="2219" h="2323">
                    <a:moveTo>
                      <a:pt x="2217" y="2323"/>
                    </a:moveTo>
                    <a:lnTo>
                      <a:pt x="1801" y="2312"/>
                    </a:lnTo>
                    <a:lnTo>
                      <a:pt x="1802" y="2303"/>
                    </a:lnTo>
                    <a:lnTo>
                      <a:pt x="1802" y="2293"/>
                    </a:lnTo>
                    <a:lnTo>
                      <a:pt x="1803" y="2284"/>
                    </a:lnTo>
                    <a:lnTo>
                      <a:pt x="1803" y="2275"/>
                    </a:lnTo>
                    <a:lnTo>
                      <a:pt x="1803" y="2181"/>
                    </a:lnTo>
                    <a:lnTo>
                      <a:pt x="1798" y="2090"/>
                    </a:lnTo>
                    <a:lnTo>
                      <a:pt x="1789" y="1998"/>
                    </a:lnTo>
                    <a:lnTo>
                      <a:pt x="1775" y="1909"/>
                    </a:lnTo>
                    <a:lnTo>
                      <a:pt x="1757" y="1821"/>
                    </a:lnTo>
                    <a:lnTo>
                      <a:pt x="1735" y="1735"/>
                    </a:lnTo>
                    <a:lnTo>
                      <a:pt x="1709" y="1650"/>
                    </a:lnTo>
                    <a:lnTo>
                      <a:pt x="1679" y="1567"/>
                    </a:lnTo>
                    <a:lnTo>
                      <a:pt x="1644" y="1486"/>
                    </a:lnTo>
                    <a:lnTo>
                      <a:pt x="1606" y="1407"/>
                    </a:lnTo>
                    <a:lnTo>
                      <a:pt x="1564" y="1330"/>
                    </a:lnTo>
                    <a:lnTo>
                      <a:pt x="1519" y="1255"/>
                    </a:lnTo>
                    <a:lnTo>
                      <a:pt x="1470" y="1183"/>
                    </a:lnTo>
                    <a:lnTo>
                      <a:pt x="1418" y="1113"/>
                    </a:lnTo>
                    <a:lnTo>
                      <a:pt x="1363" y="1046"/>
                    </a:lnTo>
                    <a:lnTo>
                      <a:pt x="1304" y="981"/>
                    </a:lnTo>
                    <a:lnTo>
                      <a:pt x="1242" y="920"/>
                    </a:lnTo>
                    <a:lnTo>
                      <a:pt x="1178" y="861"/>
                    </a:lnTo>
                    <a:lnTo>
                      <a:pt x="1112" y="806"/>
                    </a:lnTo>
                    <a:lnTo>
                      <a:pt x="1041" y="753"/>
                    </a:lnTo>
                    <a:lnTo>
                      <a:pt x="969" y="704"/>
                    </a:lnTo>
                    <a:lnTo>
                      <a:pt x="895" y="658"/>
                    </a:lnTo>
                    <a:lnTo>
                      <a:pt x="818" y="616"/>
                    </a:lnTo>
                    <a:lnTo>
                      <a:pt x="738" y="578"/>
                    </a:lnTo>
                    <a:lnTo>
                      <a:pt x="657" y="543"/>
                    </a:lnTo>
                    <a:lnTo>
                      <a:pt x="574" y="512"/>
                    </a:lnTo>
                    <a:lnTo>
                      <a:pt x="489" y="486"/>
                    </a:lnTo>
                    <a:lnTo>
                      <a:pt x="402" y="463"/>
                    </a:lnTo>
                    <a:lnTo>
                      <a:pt x="312" y="445"/>
                    </a:lnTo>
                    <a:lnTo>
                      <a:pt x="223" y="431"/>
                    </a:lnTo>
                    <a:lnTo>
                      <a:pt x="131" y="422"/>
                    </a:lnTo>
                    <a:lnTo>
                      <a:pt x="38" y="417"/>
                    </a:lnTo>
                    <a:lnTo>
                      <a:pt x="29" y="417"/>
                    </a:lnTo>
                    <a:lnTo>
                      <a:pt x="20" y="417"/>
                    </a:lnTo>
                    <a:lnTo>
                      <a:pt x="9" y="417"/>
                    </a:lnTo>
                    <a:lnTo>
                      <a:pt x="0" y="417"/>
                    </a:lnTo>
                    <a:lnTo>
                      <a:pt x="11" y="0"/>
                    </a:lnTo>
                    <a:lnTo>
                      <a:pt x="21" y="0"/>
                    </a:lnTo>
                    <a:lnTo>
                      <a:pt x="30" y="0"/>
                    </a:lnTo>
                    <a:lnTo>
                      <a:pt x="39" y="0"/>
                    </a:lnTo>
                    <a:lnTo>
                      <a:pt x="49" y="0"/>
                    </a:lnTo>
                    <a:lnTo>
                      <a:pt x="163" y="7"/>
                    </a:lnTo>
                    <a:lnTo>
                      <a:pt x="276" y="18"/>
                    </a:lnTo>
                    <a:lnTo>
                      <a:pt x="386" y="36"/>
                    </a:lnTo>
                    <a:lnTo>
                      <a:pt x="495" y="57"/>
                    </a:lnTo>
                    <a:lnTo>
                      <a:pt x="602" y="86"/>
                    </a:lnTo>
                    <a:lnTo>
                      <a:pt x="707" y="119"/>
                    </a:lnTo>
                    <a:lnTo>
                      <a:pt x="810" y="156"/>
                    </a:lnTo>
                    <a:lnTo>
                      <a:pt x="910" y="199"/>
                    </a:lnTo>
                    <a:lnTo>
                      <a:pt x="1007" y="245"/>
                    </a:lnTo>
                    <a:lnTo>
                      <a:pt x="1102" y="297"/>
                    </a:lnTo>
                    <a:lnTo>
                      <a:pt x="1194" y="353"/>
                    </a:lnTo>
                    <a:lnTo>
                      <a:pt x="1283" y="414"/>
                    </a:lnTo>
                    <a:lnTo>
                      <a:pt x="1368" y="479"/>
                    </a:lnTo>
                    <a:lnTo>
                      <a:pt x="1451" y="546"/>
                    </a:lnTo>
                    <a:lnTo>
                      <a:pt x="1530" y="619"/>
                    </a:lnTo>
                    <a:lnTo>
                      <a:pt x="1606" y="695"/>
                    </a:lnTo>
                    <a:lnTo>
                      <a:pt x="1677" y="774"/>
                    </a:lnTo>
                    <a:lnTo>
                      <a:pt x="1746" y="857"/>
                    </a:lnTo>
                    <a:lnTo>
                      <a:pt x="1809" y="943"/>
                    </a:lnTo>
                    <a:lnTo>
                      <a:pt x="1870" y="1031"/>
                    </a:lnTo>
                    <a:lnTo>
                      <a:pt x="1926" y="1123"/>
                    </a:lnTo>
                    <a:lnTo>
                      <a:pt x="1976" y="1218"/>
                    </a:lnTo>
                    <a:lnTo>
                      <a:pt x="2023" y="1315"/>
                    </a:lnTo>
                    <a:lnTo>
                      <a:pt x="2066" y="1415"/>
                    </a:lnTo>
                    <a:lnTo>
                      <a:pt x="2103" y="1517"/>
                    </a:lnTo>
                    <a:lnTo>
                      <a:pt x="2135" y="1622"/>
                    </a:lnTo>
                    <a:lnTo>
                      <a:pt x="2163" y="1728"/>
                    </a:lnTo>
                    <a:lnTo>
                      <a:pt x="2185" y="1835"/>
                    </a:lnTo>
                    <a:lnTo>
                      <a:pt x="2202" y="1946"/>
                    </a:lnTo>
                    <a:lnTo>
                      <a:pt x="2213" y="2058"/>
                    </a:lnTo>
                    <a:lnTo>
                      <a:pt x="2219" y="2171"/>
                    </a:lnTo>
                    <a:lnTo>
                      <a:pt x="2219" y="2285"/>
                    </a:lnTo>
                    <a:lnTo>
                      <a:pt x="2219" y="2294"/>
                    </a:lnTo>
                    <a:lnTo>
                      <a:pt x="2218" y="2304"/>
                    </a:lnTo>
                    <a:lnTo>
                      <a:pt x="2218" y="2313"/>
                    </a:lnTo>
                    <a:lnTo>
                      <a:pt x="2217" y="2323"/>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32" name="Freeform 314"/>
              <p:cNvSpPr>
                <a:spLocks/>
              </p:cNvSpPr>
              <p:nvPr/>
            </p:nvSpPr>
            <p:spPr bwMode="auto">
              <a:xfrm>
                <a:off x="10888663" y="3744913"/>
                <a:ext cx="222250" cy="233362"/>
              </a:xfrm>
              <a:custGeom>
                <a:avLst/>
                <a:gdLst/>
                <a:ahLst/>
                <a:cxnLst>
                  <a:cxn ang="0">
                    <a:pos x="2948" y="3062"/>
                  </a:cxn>
                  <a:cxn ang="0">
                    <a:pos x="2947" y="3082"/>
                  </a:cxn>
                  <a:cxn ang="0">
                    <a:pos x="2562" y="3081"/>
                  </a:cxn>
                  <a:cxn ang="0">
                    <a:pos x="2562" y="3062"/>
                  </a:cxn>
                  <a:cxn ang="0">
                    <a:pos x="2563" y="3043"/>
                  </a:cxn>
                  <a:cxn ang="0">
                    <a:pos x="2556" y="2779"/>
                  </a:cxn>
                  <a:cxn ang="0">
                    <a:pos x="2523" y="2521"/>
                  </a:cxn>
                  <a:cxn ang="0">
                    <a:pos x="2465" y="2271"/>
                  </a:cxn>
                  <a:cxn ang="0">
                    <a:pos x="2384" y="2031"/>
                  </a:cxn>
                  <a:cxn ang="0">
                    <a:pos x="2280" y="1802"/>
                  </a:cxn>
                  <a:cxn ang="0">
                    <a:pos x="2156" y="1585"/>
                  </a:cxn>
                  <a:cxn ang="0">
                    <a:pos x="2012" y="1382"/>
                  </a:cxn>
                  <a:cxn ang="0">
                    <a:pos x="1849" y="1193"/>
                  </a:cxn>
                  <a:cxn ang="0">
                    <a:pos x="1669" y="1020"/>
                  </a:cxn>
                  <a:cxn ang="0">
                    <a:pos x="1473" y="867"/>
                  </a:cxn>
                  <a:cxn ang="0">
                    <a:pos x="1262" y="731"/>
                  </a:cxn>
                  <a:cxn ang="0">
                    <a:pos x="1039" y="616"/>
                  </a:cxn>
                  <a:cxn ang="0">
                    <a:pos x="803" y="522"/>
                  </a:cxn>
                  <a:cxn ang="0">
                    <a:pos x="557" y="452"/>
                  </a:cxn>
                  <a:cxn ang="0">
                    <a:pos x="301" y="406"/>
                  </a:cxn>
                  <a:cxn ang="0">
                    <a:pos x="37" y="386"/>
                  </a:cxn>
                  <a:cxn ang="0">
                    <a:pos x="18" y="385"/>
                  </a:cxn>
                  <a:cxn ang="0">
                    <a:pos x="0" y="385"/>
                  </a:cxn>
                  <a:cxn ang="0">
                    <a:pos x="18" y="0"/>
                  </a:cxn>
                  <a:cxn ang="0">
                    <a:pos x="37" y="0"/>
                  </a:cxn>
                  <a:cxn ang="0">
                    <a:pos x="200" y="8"/>
                  </a:cxn>
                  <a:cxn ang="0">
                    <a:pos x="498" y="47"/>
                  </a:cxn>
                  <a:cxn ang="0">
                    <a:pos x="786" y="113"/>
                  </a:cxn>
                  <a:cxn ang="0">
                    <a:pos x="1064" y="208"/>
                  </a:cxn>
                  <a:cxn ang="0">
                    <a:pos x="1328" y="328"/>
                  </a:cxn>
                  <a:cxn ang="0">
                    <a:pos x="1578" y="472"/>
                  </a:cxn>
                  <a:cxn ang="0">
                    <a:pos x="1811" y="638"/>
                  </a:cxn>
                  <a:cxn ang="0">
                    <a:pos x="2027" y="826"/>
                  </a:cxn>
                  <a:cxn ang="0">
                    <a:pos x="2224" y="1034"/>
                  </a:cxn>
                  <a:cxn ang="0">
                    <a:pos x="2401" y="1259"/>
                  </a:cxn>
                  <a:cxn ang="0">
                    <a:pos x="2556" y="1501"/>
                  </a:cxn>
                  <a:cxn ang="0">
                    <a:pos x="2686" y="1757"/>
                  </a:cxn>
                  <a:cxn ang="0">
                    <a:pos x="2793" y="2027"/>
                  </a:cxn>
                  <a:cxn ang="0">
                    <a:pos x="2873" y="2308"/>
                  </a:cxn>
                  <a:cxn ang="0">
                    <a:pos x="2925" y="2600"/>
                  </a:cxn>
                  <a:cxn ang="0">
                    <a:pos x="2948" y="2900"/>
                  </a:cxn>
                </a:cxnLst>
                <a:rect l="0" t="0" r="r" b="b"/>
                <a:pathLst>
                  <a:path w="2948" h="3091">
                    <a:moveTo>
                      <a:pt x="2948" y="3053"/>
                    </a:moveTo>
                    <a:lnTo>
                      <a:pt x="2948" y="3062"/>
                    </a:lnTo>
                    <a:lnTo>
                      <a:pt x="2947" y="3072"/>
                    </a:lnTo>
                    <a:lnTo>
                      <a:pt x="2947" y="3082"/>
                    </a:lnTo>
                    <a:lnTo>
                      <a:pt x="2947" y="3091"/>
                    </a:lnTo>
                    <a:lnTo>
                      <a:pt x="2562" y="3081"/>
                    </a:lnTo>
                    <a:lnTo>
                      <a:pt x="2562" y="3071"/>
                    </a:lnTo>
                    <a:lnTo>
                      <a:pt x="2562" y="3062"/>
                    </a:lnTo>
                    <a:lnTo>
                      <a:pt x="2563" y="3053"/>
                    </a:lnTo>
                    <a:lnTo>
                      <a:pt x="2563" y="3043"/>
                    </a:lnTo>
                    <a:lnTo>
                      <a:pt x="2563" y="2910"/>
                    </a:lnTo>
                    <a:lnTo>
                      <a:pt x="2556" y="2779"/>
                    </a:lnTo>
                    <a:lnTo>
                      <a:pt x="2543" y="2649"/>
                    </a:lnTo>
                    <a:lnTo>
                      <a:pt x="2523" y="2521"/>
                    </a:lnTo>
                    <a:lnTo>
                      <a:pt x="2497" y="2395"/>
                    </a:lnTo>
                    <a:lnTo>
                      <a:pt x="2465" y="2271"/>
                    </a:lnTo>
                    <a:lnTo>
                      <a:pt x="2428" y="2150"/>
                    </a:lnTo>
                    <a:lnTo>
                      <a:pt x="2384" y="2031"/>
                    </a:lnTo>
                    <a:lnTo>
                      <a:pt x="2335" y="1915"/>
                    </a:lnTo>
                    <a:lnTo>
                      <a:pt x="2280" y="1802"/>
                    </a:lnTo>
                    <a:lnTo>
                      <a:pt x="2220" y="1692"/>
                    </a:lnTo>
                    <a:lnTo>
                      <a:pt x="2156" y="1585"/>
                    </a:lnTo>
                    <a:lnTo>
                      <a:pt x="2086" y="1481"/>
                    </a:lnTo>
                    <a:lnTo>
                      <a:pt x="2012" y="1382"/>
                    </a:lnTo>
                    <a:lnTo>
                      <a:pt x="1933" y="1285"/>
                    </a:lnTo>
                    <a:lnTo>
                      <a:pt x="1849" y="1193"/>
                    </a:lnTo>
                    <a:lnTo>
                      <a:pt x="1760" y="1104"/>
                    </a:lnTo>
                    <a:lnTo>
                      <a:pt x="1669" y="1020"/>
                    </a:lnTo>
                    <a:lnTo>
                      <a:pt x="1572" y="941"/>
                    </a:lnTo>
                    <a:lnTo>
                      <a:pt x="1473" y="867"/>
                    </a:lnTo>
                    <a:lnTo>
                      <a:pt x="1369" y="796"/>
                    </a:lnTo>
                    <a:lnTo>
                      <a:pt x="1262" y="731"/>
                    </a:lnTo>
                    <a:lnTo>
                      <a:pt x="1152" y="671"/>
                    </a:lnTo>
                    <a:lnTo>
                      <a:pt x="1039" y="616"/>
                    </a:lnTo>
                    <a:lnTo>
                      <a:pt x="922" y="566"/>
                    </a:lnTo>
                    <a:lnTo>
                      <a:pt x="803" y="522"/>
                    </a:lnTo>
                    <a:lnTo>
                      <a:pt x="682" y="484"/>
                    </a:lnTo>
                    <a:lnTo>
                      <a:pt x="557" y="452"/>
                    </a:lnTo>
                    <a:lnTo>
                      <a:pt x="430" y="426"/>
                    </a:lnTo>
                    <a:lnTo>
                      <a:pt x="301" y="406"/>
                    </a:lnTo>
                    <a:lnTo>
                      <a:pt x="170" y="392"/>
                    </a:lnTo>
                    <a:lnTo>
                      <a:pt x="37" y="386"/>
                    </a:lnTo>
                    <a:lnTo>
                      <a:pt x="28" y="385"/>
                    </a:lnTo>
                    <a:lnTo>
                      <a:pt x="18" y="385"/>
                    </a:lnTo>
                    <a:lnTo>
                      <a:pt x="9" y="385"/>
                    </a:lnTo>
                    <a:lnTo>
                      <a:pt x="0" y="385"/>
                    </a:lnTo>
                    <a:lnTo>
                      <a:pt x="9" y="0"/>
                    </a:lnTo>
                    <a:lnTo>
                      <a:pt x="18" y="0"/>
                    </a:lnTo>
                    <a:lnTo>
                      <a:pt x="28" y="0"/>
                    </a:lnTo>
                    <a:lnTo>
                      <a:pt x="37" y="0"/>
                    </a:lnTo>
                    <a:lnTo>
                      <a:pt x="47" y="0"/>
                    </a:lnTo>
                    <a:lnTo>
                      <a:pt x="200" y="8"/>
                    </a:lnTo>
                    <a:lnTo>
                      <a:pt x="350" y="24"/>
                    </a:lnTo>
                    <a:lnTo>
                      <a:pt x="498" y="47"/>
                    </a:lnTo>
                    <a:lnTo>
                      <a:pt x="644" y="77"/>
                    </a:lnTo>
                    <a:lnTo>
                      <a:pt x="786" y="113"/>
                    </a:lnTo>
                    <a:lnTo>
                      <a:pt x="927" y="158"/>
                    </a:lnTo>
                    <a:lnTo>
                      <a:pt x="1064" y="208"/>
                    </a:lnTo>
                    <a:lnTo>
                      <a:pt x="1198" y="265"/>
                    </a:lnTo>
                    <a:lnTo>
                      <a:pt x="1328" y="328"/>
                    </a:lnTo>
                    <a:lnTo>
                      <a:pt x="1455" y="396"/>
                    </a:lnTo>
                    <a:lnTo>
                      <a:pt x="1578" y="472"/>
                    </a:lnTo>
                    <a:lnTo>
                      <a:pt x="1696" y="552"/>
                    </a:lnTo>
                    <a:lnTo>
                      <a:pt x="1811" y="638"/>
                    </a:lnTo>
                    <a:lnTo>
                      <a:pt x="1921" y="730"/>
                    </a:lnTo>
                    <a:lnTo>
                      <a:pt x="2027" y="826"/>
                    </a:lnTo>
                    <a:lnTo>
                      <a:pt x="2128" y="928"/>
                    </a:lnTo>
                    <a:lnTo>
                      <a:pt x="2224" y="1034"/>
                    </a:lnTo>
                    <a:lnTo>
                      <a:pt x="2315" y="1144"/>
                    </a:lnTo>
                    <a:lnTo>
                      <a:pt x="2401" y="1259"/>
                    </a:lnTo>
                    <a:lnTo>
                      <a:pt x="2481" y="1377"/>
                    </a:lnTo>
                    <a:lnTo>
                      <a:pt x="2556" y="1501"/>
                    </a:lnTo>
                    <a:lnTo>
                      <a:pt x="2624" y="1626"/>
                    </a:lnTo>
                    <a:lnTo>
                      <a:pt x="2686" y="1757"/>
                    </a:lnTo>
                    <a:lnTo>
                      <a:pt x="2742" y="1890"/>
                    </a:lnTo>
                    <a:lnTo>
                      <a:pt x="2793" y="2027"/>
                    </a:lnTo>
                    <a:lnTo>
                      <a:pt x="2836" y="2166"/>
                    </a:lnTo>
                    <a:lnTo>
                      <a:pt x="2873" y="2308"/>
                    </a:lnTo>
                    <a:lnTo>
                      <a:pt x="2902" y="2453"/>
                    </a:lnTo>
                    <a:lnTo>
                      <a:pt x="2925" y="2600"/>
                    </a:lnTo>
                    <a:lnTo>
                      <a:pt x="2941" y="2748"/>
                    </a:lnTo>
                    <a:lnTo>
                      <a:pt x="2948" y="2900"/>
                    </a:lnTo>
                    <a:lnTo>
                      <a:pt x="2948" y="3053"/>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33" name="Freeform 315"/>
              <p:cNvSpPr>
                <a:spLocks noEditPoints="1"/>
              </p:cNvSpPr>
              <p:nvPr/>
            </p:nvSpPr>
            <p:spPr bwMode="auto">
              <a:xfrm>
                <a:off x="9855200" y="3897313"/>
                <a:ext cx="1076325" cy="715962"/>
              </a:xfrm>
              <a:custGeom>
                <a:avLst/>
                <a:gdLst/>
                <a:ahLst/>
                <a:cxnLst>
                  <a:cxn ang="0">
                    <a:pos x="13800" y="1"/>
                  </a:cxn>
                  <a:cxn ang="0">
                    <a:pos x="13870" y="11"/>
                  </a:cxn>
                  <a:cxn ang="0">
                    <a:pos x="13938" y="29"/>
                  </a:cxn>
                  <a:cxn ang="0">
                    <a:pos x="14000" y="58"/>
                  </a:cxn>
                  <a:cxn ang="0">
                    <a:pos x="14057" y="95"/>
                  </a:cxn>
                  <a:cxn ang="0">
                    <a:pos x="14109" y="139"/>
                  </a:cxn>
                  <a:cxn ang="0">
                    <a:pos x="14154" y="190"/>
                  </a:cxn>
                  <a:cxn ang="0">
                    <a:pos x="14190" y="248"/>
                  </a:cxn>
                  <a:cxn ang="0">
                    <a:pos x="14219" y="311"/>
                  </a:cxn>
                  <a:cxn ang="0">
                    <a:pos x="14238" y="378"/>
                  </a:cxn>
                  <a:cxn ang="0">
                    <a:pos x="14247" y="449"/>
                  </a:cxn>
                  <a:cxn ang="0">
                    <a:pos x="14247" y="9034"/>
                  </a:cxn>
                  <a:cxn ang="0">
                    <a:pos x="14238" y="9104"/>
                  </a:cxn>
                  <a:cxn ang="0">
                    <a:pos x="14219" y="9171"/>
                  </a:cxn>
                  <a:cxn ang="0">
                    <a:pos x="14190" y="9234"/>
                  </a:cxn>
                  <a:cxn ang="0">
                    <a:pos x="14154" y="9291"/>
                  </a:cxn>
                  <a:cxn ang="0">
                    <a:pos x="14109" y="9343"/>
                  </a:cxn>
                  <a:cxn ang="0">
                    <a:pos x="14057" y="9387"/>
                  </a:cxn>
                  <a:cxn ang="0">
                    <a:pos x="14000" y="9424"/>
                  </a:cxn>
                  <a:cxn ang="0">
                    <a:pos x="13938" y="9452"/>
                  </a:cxn>
                  <a:cxn ang="0">
                    <a:pos x="13870" y="9472"/>
                  </a:cxn>
                  <a:cxn ang="0">
                    <a:pos x="13800" y="9480"/>
                  </a:cxn>
                  <a:cxn ang="0">
                    <a:pos x="447" y="9480"/>
                  </a:cxn>
                  <a:cxn ang="0">
                    <a:pos x="377" y="9472"/>
                  </a:cxn>
                  <a:cxn ang="0">
                    <a:pos x="309" y="9452"/>
                  </a:cxn>
                  <a:cxn ang="0">
                    <a:pos x="247" y="9424"/>
                  </a:cxn>
                  <a:cxn ang="0">
                    <a:pos x="190" y="9387"/>
                  </a:cxn>
                  <a:cxn ang="0">
                    <a:pos x="138" y="9343"/>
                  </a:cxn>
                  <a:cxn ang="0">
                    <a:pos x="93" y="9291"/>
                  </a:cxn>
                  <a:cxn ang="0">
                    <a:pos x="57" y="9234"/>
                  </a:cxn>
                  <a:cxn ang="0">
                    <a:pos x="29" y="9171"/>
                  </a:cxn>
                  <a:cxn ang="0">
                    <a:pos x="9" y="9104"/>
                  </a:cxn>
                  <a:cxn ang="0">
                    <a:pos x="1" y="9034"/>
                  </a:cxn>
                  <a:cxn ang="0">
                    <a:pos x="1" y="449"/>
                  </a:cxn>
                  <a:cxn ang="0">
                    <a:pos x="9" y="378"/>
                  </a:cxn>
                  <a:cxn ang="0">
                    <a:pos x="29" y="311"/>
                  </a:cxn>
                  <a:cxn ang="0">
                    <a:pos x="57" y="248"/>
                  </a:cxn>
                  <a:cxn ang="0">
                    <a:pos x="93" y="190"/>
                  </a:cxn>
                  <a:cxn ang="0">
                    <a:pos x="138" y="139"/>
                  </a:cxn>
                  <a:cxn ang="0">
                    <a:pos x="190" y="95"/>
                  </a:cxn>
                  <a:cxn ang="0">
                    <a:pos x="247" y="58"/>
                  </a:cxn>
                  <a:cxn ang="0">
                    <a:pos x="309" y="29"/>
                  </a:cxn>
                  <a:cxn ang="0">
                    <a:pos x="377" y="11"/>
                  </a:cxn>
                  <a:cxn ang="0">
                    <a:pos x="447" y="1"/>
                  </a:cxn>
                  <a:cxn ang="0">
                    <a:pos x="12797" y="1205"/>
                  </a:cxn>
                  <a:cxn ang="0">
                    <a:pos x="1451" y="1205"/>
                  </a:cxn>
                </a:cxnLst>
                <a:rect l="0" t="0" r="r" b="b"/>
                <a:pathLst>
                  <a:path w="14247" h="9481">
                    <a:moveTo>
                      <a:pt x="471" y="0"/>
                    </a:moveTo>
                    <a:lnTo>
                      <a:pt x="13776" y="0"/>
                    </a:lnTo>
                    <a:lnTo>
                      <a:pt x="13800" y="1"/>
                    </a:lnTo>
                    <a:lnTo>
                      <a:pt x="13823" y="3"/>
                    </a:lnTo>
                    <a:lnTo>
                      <a:pt x="13847" y="7"/>
                    </a:lnTo>
                    <a:lnTo>
                      <a:pt x="13870" y="11"/>
                    </a:lnTo>
                    <a:lnTo>
                      <a:pt x="13893" y="16"/>
                    </a:lnTo>
                    <a:lnTo>
                      <a:pt x="13916" y="22"/>
                    </a:lnTo>
                    <a:lnTo>
                      <a:pt x="13938" y="29"/>
                    </a:lnTo>
                    <a:lnTo>
                      <a:pt x="13958" y="38"/>
                    </a:lnTo>
                    <a:lnTo>
                      <a:pt x="13979" y="47"/>
                    </a:lnTo>
                    <a:lnTo>
                      <a:pt x="14000" y="58"/>
                    </a:lnTo>
                    <a:lnTo>
                      <a:pt x="14020" y="70"/>
                    </a:lnTo>
                    <a:lnTo>
                      <a:pt x="14038" y="81"/>
                    </a:lnTo>
                    <a:lnTo>
                      <a:pt x="14057" y="95"/>
                    </a:lnTo>
                    <a:lnTo>
                      <a:pt x="14075" y="109"/>
                    </a:lnTo>
                    <a:lnTo>
                      <a:pt x="14092" y="124"/>
                    </a:lnTo>
                    <a:lnTo>
                      <a:pt x="14109" y="139"/>
                    </a:lnTo>
                    <a:lnTo>
                      <a:pt x="14125" y="156"/>
                    </a:lnTo>
                    <a:lnTo>
                      <a:pt x="14139" y="173"/>
                    </a:lnTo>
                    <a:lnTo>
                      <a:pt x="14154" y="190"/>
                    </a:lnTo>
                    <a:lnTo>
                      <a:pt x="14166" y="209"/>
                    </a:lnTo>
                    <a:lnTo>
                      <a:pt x="14179" y="229"/>
                    </a:lnTo>
                    <a:lnTo>
                      <a:pt x="14190" y="248"/>
                    </a:lnTo>
                    <a:lnTo>
                      <a:pt x="14200" y="268"/>
                    </a:lnTo>
                    <a:lnTo>
                      <a:pt x="14210" y="289"/>
                    </a:lnTo>
                    <a:lnTo>
                      <a:pt x="14219" y="311"/>
                    </a:lnTo>
                    <a:lnTo>
                      <a:pt x="14226" y="333"/>
                    </a:lnTo>
                    <a:lnTo>
                      <a:pt x="14233" y="355"/>
                    </a:lnTo>
                    <a:lnTo>
                      <a:pt x="14238" y="378"/>
                    </a:lnTo>
                    <a:lnTo>
                      <a:pt x="14242" y="401"/>
                    </a:lnTo>
                    <a:lnTo>
                      <a:pt x="14245" y="425"/>
                    </a:lnTo>
                    <a:lnTo>
                      <a:pt x="14247" y="449"/>
                    </a:lnTo>
                    <a:lnTo>
                      <a:pt x="14247" y="473"/>
                    </a:lnTo>
                    <a:lnTo>
                      <a:pt x="14247" y="9010"/>
                    </a:lnTo>
                    <a:lnTo>
                      <a:pt x="14247" y="9034"/>
                    </a:lnTo>
                    <a:lnTo>
                      <a:pt x="14245" y="9058"/>
                    </a:lnTo>
                    <a:lnTo>
                      <a:pt x="14242" y="9081"/>
                    </a:lnTo>
                    <a:lnTo>
                      <a:pt x="14238" y="9104"/>
                    </a:lnTo>
                    <a:lnTo>
                      <a:pt x="14233" y="9127"/>
                    </a:lnTo>
                    <a:lnTo>
                      <a:pt x="14226" y="9149"/>
                    </a:lnTo>
                    <a:lnTo>
                      <a:pt x="14219" y="9171"/>
                    </a:lnTo>
                    <a:lnTo>
                      <a:pt x="14210" y="9192"/>
                    </a:lnTo>
                    <a:lnTo>
                      <a:pt x="14200" y="9213"/>
                    </a:lnTo>
                    <a:lnTo>
                      <a:pt x="14190" y="9234"/>
                    </a:lnTo>
                    <a:lnTo>
                      <a:pt x="14179" y="9254"/>
                    </a:lnTo>
                    <a:lnTo>
                      <a:pt x="14166" y="9272"/>
                    </a:lnTo>
                    <a:lnTo>
                      <a:pt x="14154" y="9291"/>
                    </a:lnTo>
                    <a:lnTo>
                      <a:pt x="14139" y="9309"/>
                    </a:lnTo>
                    <a:lnTo>
                      <a:pt x="14125" y="9326"/>
                    </a:lnTo>
                    <a:lnTo>
                      <a:pt x="14109" y="9343"/>
                    </a:lnTo>
                    <a:lnTo>
                      <a:pt x="14092" y="9359"/>
                    </a:lnTo>
                    <a:lnTo>
                      <a:pt x="14075" y="9373"/>
                    </a:lnTo>
                    <a:lnTo>
                      <a:pt x="14057" y="9387"/>
                    </a:lnTo>
                    <a:lnTo>
                      <a:pt x="14038" y="9400"/>
                    </a:lnTo>
                    <a:lnTo>
                      <a:pt x="14020" y="9412"/>
                    </a:lnTo>
                    <a:lnTo>
                      <a:pt x="14000" y="9424"/>
                    </a:lnTo>
                    <a:lnTo>
                      <a:pt x="13979" y="9434"/>
                    </a:lnTo>
                    <a:lnTo>
                      <a:pt x="13958" y="9444"/>
                    </a:lnTo>
                    <a:lnTo>
                      <a:pt x="13938" y="9452"/>
                    </a:lnTo>
                    <a:lnTo>
                      <a:pt x="13916" y="9460"/>
                    </a:lnTo>
                    <a:lnTo>
                      <a:pt x="13893" y="9466"/>
                    </a:lnTo>
                    <a:lnTo>
                      <a:pt x="13870" y="9472"/>
                    </a:lnTo>
                    <a:lnTo>
                      <a:pt x="13847" y="9476"/>
                    </a:lnTo>
                    <a:lnTo>
                      <a:pt x="13823" y="9479"/>
                    </a:lnTo>
                    <a:lnTo>
                      <a:pt x="13800" y="9480"/>
                    </a:lnTo>
                    <a:lnTo>
                      <a:pt x="13776" y="9481"/>
                    </a:lnTo>
                    <a:lnTo>
                      <a:pt x="471" y="9481"/>
                    </a:lnTo>
                    <a:lnTo>
                      <a:pt x="447" y="9480"/>
                    </a:lnTo>
                    <a:lnTo>
                      <a:pt x="424" y="9479"/>
                    </a:lnTo>
                    <a:lnTo>
                      <a:pt x="400" y="9476"/>
                    </a:lnTo>
                    <a:lnTo>
                      <a:pt x="377" y="9472"/>
                    </a:lnTo>
                    <a:lnTo>
                      <a:pt x="354" y="9466"/>
                    </a:lnTo>
                    <a:lnTo>
                      <a:pt x="332" y="9460"/>
                    </a:lnTo>
                    <a:lnTo>
                      <a:pt x="309" y="9452"/>
                    </a:lnTo>
                    <a:lnTo>
                      <a:pt x="289" y="9444"/>
                    </a:lnTo>
                    <a:lnTo>
                      <a:pt x="268" y="9434"/>
                    </a:lnTo>
                    <a:lnTo>
                      <a:pt x="247" y="9424"/>
                    </a:lnTo>
                    <a:lnTo>
                      <a:pt x="227" y="9412"/>
                    </a:lnTo>
                    <a:lnTo>
                      <a:pt x="209" y="9400"/>
                    </a:lnTo>
                    <a:lnTo>
                      <a:pt x="190" y="9387"/>
                    </a:lnTo>
                    <a:lnTo>
                      <a:pt x="172" y="9373"/>
                    </a:lnTo>
                    <a:lnTo>
                      <a:pt x="155" y="9359"/>
                    </a:lnTo>
                    <a:lnTo>
                      <a:pt x="138" y="9343"/>
                    </a:lnTo>
                    <a:lnTo>
                      <a:pt x="123" y="9326"/>
                    </a:lnTo>
                    <a:lnTo>
                      <a:pt x="108" y="9309"/>
                    </a:lnTo>
                    <a:lnTo>
                      <a:pt x="93" y="9291"/>
                    </a:lnTo>
                    <a:lnTo>
                      <a:pt x="81" y="9272"/>
                    </a:lnTo>
                    <a:lnTo>
                      <a:pt x="69" y="9254"/>
                    </a:lnTo>
                    <a:lnTo>
                      <a:pt x="57" y="9234"/>
                    </a:lnTo>
                    <a:lnTo>
                      <a:pt x="47" y="9213"/>
                    </a:lnTo>
                    <a:lnTo>
                      <a:pt x="37" y="9192"/>
                    </a:lnTo>
                    <a:lnTo>
                      <a:pt x="29" y="9171"/>
                    </a:lnTo>
                    <a:lnTo>
                      <a:pt x="21" y="9149"/>
                    </a:lnTo>
                    <a:lnTo>
                      <a:pt x="15" y="9127"/>
                    </a:lnTo>
                    <a:lnTo>
                      <a:pt x="9" y="9104"/>
                    </a:lnTo>
                    <a:lnTo>
                      <a:pt x="5" y="9081"/>
                    </a:lnTo>
                    <a:lnTo>
                      <a:pt x="2" y="9058"/>
                    </a:lnTo>
                    <a:lnTo>
                      <a:pt x="1" y="9034"/>
                    </a:lnTo>
                    <a:lnTo>
                      <a:pt x="0" y="9010"/>
                    </a:lnTo>
                    <a:lnTo>
                      <a:pt x="0" y="473"/>
                    </a:lnTo>
                    <a:lnTo>
                      <a:pt x="1" y="449"/>
                    </a:lnTo>
                    <a:lnTo>
                      <a:pt x="2" y="425"/>
                    </a:lnTo>
                    <a:lnTo>
                      <a:pt x="5" y="401"/>
                    </a:lnTo>
                    <a:lnTo>
                      <a:pt x="9" y="378"/>
                    </a:lnTo>
                    <a:lnTo>
                      <a:pt x="15" y="355"/>
                    </a:lnTo>
                    <a:lnTo>
                      <a:pt x="21" y="333"/>
                    </a:lnTo>
                    <a:lnTo>
                      <a:pt x="29" y="311"/>
                    </a:lnTo>
                    <a:lnTo>
                      <a:pt x="37" y="289"/>
                    </a:lnTo>
                    <a:lnTo>
                      <a:pt x="47" y="268"/>
                    </a:lnTo>
                    <a:lnTo>
                      <a:pt x="57" y="248"/>
                    </a:lnTo>
                    <a:lnTo>
                      <a:pt x="69" y="229"/>
                    </a:lnTo>
                    <a:lnTo>
                      <a:pt x="81" y="209"/>
                    </a:lnTo>
                    <a:lnTo>
                      <a:pt x="93" y="190"/>
                    </a:lnTo>
                    <a:lnTo>
                      <a:pt x="108" y="173"/>
                    </a:lnTo>
                    <a:lnTo>
                      <a:pt x="123" y="156"/>
                    </a:lnTo>
                    <a:lnTo>
                      <a:pt x="138" y="139"/>
                    </a:lnTo>
                    <a:lnTo>
                      <a:pt x="155" y="124"/>
                    </a:lnTo>
                    <a:lnTo>
                      <a:pt x="172" y="109"/>
                    </a:lnTo>
                    <a:lnTo>
                      <a:pt x="190" y="95"/>
                    </a:lnTo>
                    <a:lnTo>
                      <a:pt x="209" y="81"/>
                    </a:lnTo>
                    <a:lnTo>
                      <a:pt x="227" y="70"/>
                    </a:lnTo>
                    <a:lnTo>
                      <a:pt x="247" y="58"/>
                    </a:lnTo>
                    <a:lnTo>
                      <a:pt x="268" y="47"/>
                    </a:lnTo>
                    <a:lnTo>
                      <a:pt x="289" y="38"/>
                    </a:lnTo>
                    <a:lnTo>
                      <a:pt x="309" y="29"/>
                    </a:lnTo>
                    <a:lnTo>
                      <a:pt x="332" y="22"/>
                    </a:lnTo>
                    <a:lnTo>
                      <a:pt x="354" y="16"/>
                    </a:lnTo>
                    <a:lnTo>
                      <a:pt x="377" y="11"/>
                    </a:lnTo>
                    <a:lnTo>
                      <a:pt x="400" y="7"/>
                    </a:lnTo>
                    <a:lnTo>
                      <a:pt x="424" y="3"/>
                    </a:lnTo>
                    <a:lnTo>
                      <a:pt x="447" y="1"/>
                    </a:lnTo>
                    <a:lnTo>
                      <a:pt x="471" y="0"/>
                    </a:lnTo>
                    <a:close/>
                    <a:moveTo>
                      <a:pt x="1451" y="1205"/>
                    </a:moveTo>
                    <a:lnTo>
                      <a:pt x="12797" y="1205"/>
                    </a:lnTo>
                    <a:lnTo>
                      <a:pt x="12797" y="8276"/>
                    </a:lnTo>
                    <a:lnTo>
                      <a:pt x="1451" y="8276"/>
                    </a:lnTo>
                    <a:lnTo>
                      <a:pt x="1451" y="1205"/>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34" name="Freeform 316"/>
              <p:cNvSpPr>
                <a:spLocks noEditPoints="1"/>
              </p:cNvSpPr>
              <p:nvPr/>
            </p:nvSpPr>
            <p:spPr bwMode="auto">
              <a:xfrm>
                <a:off x="10250488" y="4113213"/>
                <a:ext cx="149225" cy="222250"/>
              </a:xfrm>
              <a:custGeom>
                <a:avLst/>
                <a:gdLst/>
                <a:ahLst/>
                <a:cxnLst>
                  <a:cxn ang="0">
                    <a:pos x="1143" y="12"/>
                  </a:cxn>
                  <a:cxn ang="0">
                    <a:pos x="1333" y="61"/>
                  </a:cxn>
                  <a:cxn ang="0">
                    <a:pos x="1506" y="145"/>
                  </a:cxn>
                  <a:cxn ang="0">
                    <a:pos x="1659" y="259"/>
                  </a:cxn>
                  <a:cxn ang="0">
                    <a:pos x="1787" y="399"/>
                  </a:cxn>
                  <a:cxn ang="0">
                    <a:pos x="1887" y="563"/>
                  </a:cxn>
                  <a:cxn ang="0">
                    <a:pos x="1953" y="745"/>
                  </a:cxn>
                  <a:cxn ang="0">
                    <a:pos x="1983" y="942"/>
                  </a:cxn>
                  <a:cxn ang="0">
                    <a:pos x="1977" y="1112"/>
                  </a:cxn>
                  <a:cxn ang="0">
                    <a:pos x="1946" y="1265"/>
                  </a:cxn>
                  <a:cxn ang="0">
                    <a:pos x="1893" y="1408"/>
                  </a:cxn>
                  <a:cxn ang="0">
                    <a:pos x="1818" y="1540"/>
                  </a:cxn>
                  <a:cxn ang="0">
                    <a:pos x="202" y="1591"/>
                  </a:cxn>
                  <a:cxn ang="0">
                    <a:pos x="118" y="1458"/>
                  </a:cxn>
                  <a:cxn ang="0">
                    <a:pos x="53" y="1312"/>
                  </a:cxn>
                  <a:cxn ang="0">
                    <a:pos x="14" y="1157"/>
                  </a:cxn>
                  <a:cxn ang="0">
                    <a:pos x="0" y="993"/>
                  </a:cxn>
                  <a:cxn ang="0">
                    <a:pos x="20" y="792"/>
                  </a:cxn>
                  <a:cxn ang="0">
                    <a:pos x="78" y="607"/>
                  </a:cxn>
                  <a:cxn ang="0">
                    <a:pos x="170" y="438"/>
                  </a:cxn>
                  <a:cxn ang="0">
                    <a:pos x="291" y="291"/>
                  </a:cxn>
                  <a:cxn ang="0">
                    <a:pos x="438" y="170"/>
                  </a:cxn>
                  <a:cxn ang="0">
                    <a:pos x="607" y="78"/>
                  </a:cxn>
                  <a:cxn ang="0">
                    <a:pos x="792" y="20"/>
                  </a:cxn>
                  <a:cxn ang="0">
                    <a:pos x="993" y="0"/>
                  </a:cxn>
                  <a:cxn ang="0">
                    <a:pos x="1079" y="428"/>
                  </a:cxn>
                  <a:cxn ang="0">
                    <a:pos x="1188" y="456"/>
                  </a:cxn>
                  <a:cxn ang="0">
                    <a:pos x="1289" y="504"/>
                  </a:cxn>
                  <a:cxn ang="0">
                    <a:pos x="1376" y="570"/>
                  </a:cxn>
                  <a:cxn ang="0">
                    <a:pos x="1450" y="651"/>
                  </a:cxn>
                  <a:cxn ang="0">
                    <a:pos x="1507" y="745"/>
                  </a:cxn>
                  <a:cxn ang="0">
                    <a:pos x="1545" y="850"/>
                  </a:cxn>
                  <a:cxn ang="0">
                    <a:pos x="1563" y="963"/>
                  </a:cxn>
                  <a:cxn ang="0">
                    <a:pos x="1557" y="1079"/>
                  </a:cxn>
                  <a:cxn ang="0">
                    <a:pos x="1529" y="1188"/>
                  </a:cxn>
                  <a:cxn ang="0">
                    <a:pos x="1481" y="1289"/>
                  </a:cxn>
                  <a:cxn ang="0">
                    <a:pos x="1415" y="1376"/>
                  </a:cxn>
                  <a:cxn ang="0">
                    <a:pos x="1333" y="1449"/>
                  </a:cxn>
                  <a:cxn ang="0">
                    <a:pos x="1240" y="1507"/>
                  </a:cxn>
                  <a:cxn ang="0">
                    <a:pos x="1135" y="1545"/>
                  </a:cxn>
                  <a:cxn ang="0">
                    <a:pos x="1022" y="1563"/>
                  </a:cxn>
                  <a:cxn ang="0">
                    <a:pos x="906" y="1556"/>
                  </a:cxn>
                  <a:cxn ang="0">
                    <a:pos x="797" y="1528"/>
                  </a:cxn>
                  <a:cxn ang="0">
                    <a:pos x="697" y="1481"/>
                  </a:cxn>
                  <a:cxn ang="0">
                    <a:pos x="609" y="1415"/>
                  </a:cxn>
                  <a:cxn ang="0">
                    <a:pos x="535" y="1334"/>
                  </a:cxn>
                  <a:cxn ang="0">
                    <a:pos x="478" y="1240"/>
                  </a:cxn>
                  <a:cxn ang="0">
                    <a:pos x="440" y="1135"/>
                  </a:cxn>
                  <a:cxn ang="0">
                    <a:pos x="422" y="1022"/>
                  </a:cxn>
                  <a:cxn ang="0">
                    <a:pos x="428" y="906"/>
                  </a:cxn>
                  <a:cxn ang="0">
                    <a:pos x="456" y="797"/>
                  </a:cxn>
                  <a:cxn ang="0">
                    <a:pos x="504" y="697"/>
                  </a:cxn>
                  <a:cxn ang="0">
                    <a:pos x="570" y="609"/>
                  </a:cxn>
                  <a:cxn ang="0">
                    <a:pos x="651" y="535"/>
                  </a:cxn>
                  <a:cxn ang="0">
                    <a:pos x="745" y="478"/>
                  </a:cxn>
                  <a:cxn ang="0">
                    <a:pos x="850" y="440"/>
                  </a:cxn>
                  <a:cxn ang="0">
                    <a:pos x="963" y="422"/>
                  </a:cxn>
                </a:cxnLst>
                <a:rect l="0" t="0" r="r" b="b"/>
                <a:pathLst>
                  <a:path w="1984" h="2926">
                    <a:moveTo>
                      <a:pt x="993" y="0"/>
                    </a:moveTo>
                    <a:lnTo>
                      <a:pt x="1044" y="2"/>
                    </a:lnTo>
                    <a:lnTo>
                      <a:pt x="1094" y="6"/>
                    </a:lnTo>
                    <a:lnTo>
                      <a:pt x="1143" y="12"/>
                    </a:lnTo>
                    <a:lnTo>
                      <a:pt x="1192" y="20"/>
                    </a:lnTo>
                    <a:lnTo>
                      <a:pt x="1240" y="32"/>
                    </a:lnTo>
                    <a:lnTo>
                      <a:pt x="1287" y="45"/>
                    </a:lnTo>
                    <a:lnTo>
                      <a:pt x="1333" y="61"/>
                    </a:lnTo>
                    <a:lnTo>
                      <a:pt x="1378" y="78"/>
                    </a:lnTo>
                    <a:lnTo>
                      <a:pt x="1422" y="98"/>
                    </a:lnTo>
                    <a:lnTo>
                      <a:pt x="1464" y="121"/>
                    </a:lnTo>
                    <a:lnTo>
                      <a:pt x="1506" y="145"/>
                    </a:lnTo>
                    <a:lnTo>
                      <a:pt x="1546" y="170"/>
                    </a:lnTo>
                    <a:lnTo>
                      <a:pt x="1586" y="198"/>
                    </a:lnTo>
                    <a:lnTo>
                      <a:pt x="1623" y="228"/>
                    </a:lnTo>
                    <a:lnTo>
                      <a:pt x="1659" y="259"/>
                    </a:lnTo>
                    <a:lnTo>
                      <a:pt x="1694" y="291"/>
                    </a:lnTo>
                    <a:lnTo>
                      <a:pt x="1727" y="326"/>
                    </a:lnTo>
                    <a:lnTo>
                      <a:pt x="1758" y="362"/>
                    </a:lnTo>
                    <a:lnTo>
                      <a:pt x="1787" y="399"/>
                    </a:lnTo>
                    <a:lnTo>
                      <a:pt x="1815" y="438"/>
                    </a:lnTo>
                    <a:lnTo>
                      <a:pt x="1841" y="479"/>
                    </a:lnTo>
                    <a:lnTo>
                      <a:pt x="1865" y="520"/>
                    </a:lnTo>
                    <a:lnTo>
                      <a:pt x="1887" y="563"/>
                    </a:lnTo>
                    <a:lnTo>
                      <a:pt x="1906" y="607"/>
                    </a:lnTo>
                    <a:lnTo>
                      <a:pt x="1924" y="652"/>
                    </a:lnTo>
                    <a:lnTo>
                      <a:pt x="1940" y="698"/>
                    </a:lnTo>
                    <a:lnTo>
                      <a:pt x="1953" y="745"/>
                    </a:lnTo>
                    <a:lnTo>
                      <a:pt x="1965" y="792"/>
                    </a:lnTo>
                    <a:lnTo>
                      <a:pt x="1973" y="841"/>
                    </a:lnTo>
                    <a:lnTo>
                      <a:pt x="1979" y="891"/>
                    </a:lnTo>
                    <a:lnTo>
                      <a:pt x="1983" y="942"/>
                    </a:lnTo>
                    <a:lnTo>
                      <a:pt x="1984" y="993"/>
                    </a:lnTo>
                    <a:lnTo>
                      <a:pt x="1984" y="1032"/>
                    </a:lnTo>
                    <a:lnTo>
                      <a:pt x="1981" y="1073"/>
                    </a:lnTo>
                    <a:lnTo>
                      <a:pt x="1977" y="1112"/>
                    </a:lnTo>
                    <a:lnTo>
                      <a:pt x="1972" y="1151"/>
                    </a:lnTo>
                    <a:lnTo>
                      <a:pt x="1965" y="1189"/>
                    </a:lnTo>
                    <a:lnTo>
                      <a:pt x="1956" y="1227"/>
                    </a:lnTo>
                    <a:lnTo>
                      <a:pt x="1946" y="1265"/>
                    </a:lnTo>
                    <a:lnTo>
                      <a:pt x="1936" y="1301"/>
                    </a:lnTo>
                    <a:lnTo>
                      <a:pt x="1922" y="1337"/>
                    </a:lnTo>
                    <a:lnTo>
                      <a:pt x="1909" y="1373"/>
                    </a:lnTo>
                    <a:lnTo>
                      <a:pt x="1893" y="1408"/>
                    </a:lnTo>
                    <a:lnTo>
                      <a:pt x="1876" y="1442"/>
                    </a:lnTo>
                    <a:lnTo>
                      <a:pt x="1859" y="1475"/>
                    </a:lnTo>
                    <a:lnTo>
                      <a:pt x="1839" y="1508"/>
                    </a:lnTo>
                    <a:lnTo>
                      <a:pt x="1818" y="1540"/>
                    </a:lnTo>
                    <a:lnTo>
                      <a:pt x="1797" y="1571"/>
                    </a:lnTo>
                    <a:lnTo>
                      <a:pt x="1023" y="2926"/>
                    </a:lnTo>
                    <a:lnTo>
                      <a:pt x="199" y="1591"/>
                    </a:lnTo>
                    <a:lnTo>
                      <a:pt x="202" y="1591"/>
                    </a:lnTo>
                    <a:lnTo>
                      <a:pt x="179" y="1558"/>
                    </a:lnTo>
                    <a:lnTo>
                      <a:pt x="157" y="1526"/>
                    </a:lnTo>
                    <a:lnTo>
                      <a:pt x="136" y="1492"/>
                    </a:lnTo>
                    <a:lnTo>
                      <a:pt x="118" y="1458"/>
                    </a:lnTo>
                    <a:lnTo>
                      <a:pt x="99" y="1422"/>
                    </a:lnTo>
                    <a:lnTo>
                      <a:pt x="82" y="1387"/>
                    </a:lnTo>
                    <a:lnTo>
                      <a:pt x="68" y="1351"/>
                    </a:lnTo>
                    <a:lnTo>
                      <a:pt x="53" y="1312"/>
                    </a:lnTo>
                    <a:lnTo>
                      <a:pt x="42" y="1275"/>
                    </a:lnTo>
                    <a:lnTo>
                      <a:pt x="30" y="1237"/>
                    </a:lnTo>
                    <a:lnTo>
                      <a:pt x="21" y="1197"/>
                    </a:lnTo>
                    <a:lnTo>
                      <a:pt x="14" y="1157"/>
                    </a:lnTo>
                    <a:lnTo>
                      <a:pt x="8" y="1116"/>
                    </a:lnTo>
                    <a:lnTo>
                      <a:pt x="3" y="1076"/>
                    </a:lnTo>
                    <a:lnTo>
                      <a:pt x="1" y="1034"/>
                    </a:lnTo>
                    <a:lnTo>
                      <a:pt x="0" y="993"/>
                    </a:lnTo>
                    <a:lnTo>
                      <a:pt x="1" y="942"/>
                    </a:lnTo>
                    <a:lnTo>
                      <a:pt x="6" y="891"/>
                    </a:lnTo>
                    <a:lnTo>
                      <a:pt x="12" y="841"/>
                    </a:lnTo>
                    <a:lnTo>
                      <a:pt x="20" y="792"/>
                    </a:lnTo>
                    <a:lnTo>
                      <a:pt x="31" y="745"/>
                    </a:lnTo>
                    <a:lnTo>
                      <a:pt x="45" y="698"/>
                    </a:lnTo>
                    <a:lnTo>
                      <a:pt x="61" y="652"/>
                    </a:lnTo>
                    <a:lnTo>
                      <a:pt x="78" y="607"/>
                    </a:lnTo>
                    <a:lnTo>
                      <a:pt x="98" y="563"/>
                    </a:lnTo>
                    <a:lnTo>
                      <a:pt x="120" y="520"/>
                    </a:lnTo>
                    <a:lnTo>
                      <a:pt x="144" y="479"/>
                    </a:lnTo>
                    <a:lnTo>
                      <a:pt x="170" y="438"/>
                    </a:lnTo>
                    <a:lnTo>
                      <a:pt x="198" y="399"/>
                    </a:lnTo>
                    <a:lnTo>
                      <a:pt x="228" y="362"/>
                    </a:lnTo>
                    <a:lnTo>
                      <a:pt x="259" y="326"/>
                    </a:lnTo>
                    <a:lnTo>
                      <a:pt x="291" y="291"/>
                    </a:lnTo>
                    <a:lnTo>
                      <a:pt x="326" y="259"/>
                    </a:lnTo>
                    <a:lnTo>
                      <a:pt x="362" y="228"/>
                    </a:lnTo>
                    <a:lnTo>
                      <a:pt x="399" y="198"/>
                    </a:lnTo>
                    <a:lnTo>
                      <a:pt x="438" y="170"/>
                    </a:lnTo>
                    <a:lnTo>
                      <a:pt x="479" y="145"/>
                    </a:lnTo>
                    <a:lnTo>
                      <a:pt x="520" y="121"/>
                    </a:lnTo>
                    <a:lnTo>
                      <a:pt x="563" y="98"/>
                    </a:lnTo>
                    <a:lnTo>
                      <a:pt x="607" y="78"/>
                    </a:lnTo>
                    <a:lnTo>
                      <a:pt x="651" y="61"/>
                    </a:lnTo>
                    <a:lnTo>
                      <a:pt x="698" y="45"/>
                    </a:lnTo>
                    <a:lnTo>
                      <a:pt x="745" y="32"/>
                    </a:lnTo>
                    <a:lnTo>
                      <a:pt x="792" y="20"/>
                    </a:lnTo>
                    <a:lnTo>
                      <a:pt x="841" y="12"/>
                    </a:lnTo>
                    <a:lnTo>
                      <a:pt x="891" y="6"/>
                    </a:lnTo>
                    <a:lnTo>
                      <a:pt x="942" y="2"/>
                    </a:lnTo>
                    <a:lnTo>
                      <a:pt x="993" y="0"/>
                    </a:lnTo>
                    <a:close/>
                    <a:moveTo>
                      <a:pt x="993" y="421"/>
                    </a:moveTo>
                    <a:lnTo>
                      <a:pt x="1022" y="422"/>
                    </a:lnTo>
                    <a:lnTo>
                      <a:pt x="1051" y="424"/>
                    </a:lnTo>
                    <a:lnTo>
                      <a:pt x="1079" y="428"/>
                    </a:lnTo>
                    <a:lnTo>
                      <a:pt x="1107" y="433"/>
                    </a:lnTo>
                    <a:lnTo>
                      <a:pt x="1135" y="440"/>
                    </a:lnTo>
                    <a:lnTo>
                      <a:pt x="1162" y="447"/>
                    </a:lnTo>
                    <a:lnTo>
                      <a:pt x="1188" y="456"/>
                    </a:lnTo>
                    <a:lnTo>
                      <a:pt x="1214" y="467"/>
                    </a:lnTo>
                    <a:lnTo>
                      <a:pt x="1240" y="478"/>
                    </a:lnTo>
                    <a:lnTo>
                      <a:pt x="1264" y="490"/>
                    </a:lnTo>
                    <a:lnTo>
                      <a:pt x="1289" y="504"/>
                    </a:lnTo>
                    <a:lnTo>
                      <a:pt x="1312" y="518"/>
                    </a:lnTo>
                    <a:lnTo>
                      <a:pt x="1333" y="535"/>
                    </a:lnTo>
                    <a:lnTo>
                      <a:pt x="1355" y="552"/>
                    </a:lnTo>
                    <a:lnTo>
                      <a:pt x="1376" y="570"/>
                    </a:lnTo>
                    <a:lnTo>
                      <a:pt x="1396" y="589"/>
                    </a:lnTo>
                    <a:lnTo>
                      <a:pt x="1415" y="609"/>
                    </a:lnTo>
                    <a:lnTo>
                      <a:pt x="1433" y="629"/>
                    </a:lnTo>
                    <a:lnTo>
                      <a:pt x="1450" y="651"/>
                    </a:lnTo>
                    <a:lnTo>
                      <a:pt x="1466" y="673"/>
                    </a:lnTo>
                    <a:lnTo>
                      <a:pt x="1481" y="697"/>
                    </a:lnTo>
                    <a:lnTo>
                      <a:pt x="1494" y="721"/>
                    </a:lnTo>
                    <a:lnTo>
                      <a:pt x="1507" y="745"/>
                    </a:lnTo>
                    <a:lnTo>
                      <a:pt x="1518" y="771"/>
                    </a:lnTo>
                    <a:lnTo>
                      <a:pt x="1529" y="797"/>
                    </a:lnTo>
                    <a:lnTo>
                      <a:pt x="1538" y="823"/>
                    </a:lnTo>
                    <a:lnTo>
                      <a:pt x="1545" y="850"/>
                    </a:lnTo>
                    <a:lnTo>
                      <a:pt x="1552" y="878"/>
                    </a:lnTo>
                    <a:lnTo>
                      <a:pt x="1557" y="906"/>
                    </a:lnTo>
                    <a:lnTo>
                      <a:pt x="1561" y="934"/>
                    </a:lnTo>
                    <a:lnTo>
                      <a:pt x="1563" y="963"/>
                    </a:lnTo>
                    <a:lnTo>
                      <a:pt x="1564" y="993"/>
                    </a:lnTo>
                    <a:lnTo>
                      <a:pt x="1563" y="1022"/>
                    </a:lnTo>
                    <a:lnTo>
                      <a:pt x="1561" y="1051"/>
                    </a:lnTo>
                    <a:lnTo>
                      <a:pt x="1557" y="1079"/>
                    </a:lnTo>
                    <a:lnTo>
                      <a:pt x="1552" y="1107"/>
                    </a:lnTo>
                    <a:lnTo>
                      <a:pt x="1545" y="1135"/>
                    </a:lnTo>
                    <a:lnTo>
                      <a:pt x="1538" y="1162"/>
                    </a:lnTo>
                    <a:lnTo>
                      <a:pt x="1529" y="1188"/>
                    </a:lnTo>
                    <a:lnTo>
                      <a:pt x="1518" y="1214"/>
                    </a:lnTo>
                    <a:lnTo>
                      <a:pt x="1507" y="1240"/>
                    </a:lnTo>
                    <a:lnTo>
                      <a:pt x="1494" y="1265"/>
                    </a:lnTo>
                    <a:lnTo>
                      <a:pt x="1481" y="1289"/>
                    </a:lnTo>
                    <a:lnTo>
                      <a:pt x="1466" y="1311"/>
                    </a:lnTo>
                    <a:lnTo>
                      <a:pt x="1450" y="1334"/>
                    </a:lnTo>
                    <a:lnTo>
                      <a:pt x="1433" y="1355"/>
                    </a:lnTo>
                    <a:lnTo>
                      <a:pt x="1415" y="1376"/>
                    </a:lnTo>
                    <a:lnTo>
                      <a:pt x="1396" y="1395"/>
                    </a:lnTo>
                    <a:lnTo>
                      <a:pt x="1376" y="1415"/>
                    </a:lnTo>
                    <a:lnTo>
                      <a:pt x="1355" y="1433"/>
                    </a:lnTo>
                    <a:lnTo>
                      <a:pt x="1333" y="1449"/>
                    </a:lnTo>
                    <a:lnTo>
                      <a:pt x="1312" y="1466"/>
                    </a:lnTo>
                    <a:lnTo>
                      <a:pt x="1289" y="1481"/>
                    </a:lnTo>
                    <a:lnTo>
                      <a:pt x="1264" y="1494"/>
                    </a:lnTo>
                    <a:lnTo>
                      <a:pt x="1240" y="1507"/>
                    </a:lnTo>
                    <a:lnTo>
                      <a:pt x="1214" y="1518"/>
                    </a:lnTo>
                    <a:lnTo>
                      <a:pt x="1188" y="1528"/>
                    </a:lnTo>
                    <a:lnTo>
                      <a:pt x="1162" y="1538"/>
                    </a:lnTo>
                    <a:lnTo>
                      <a:pt x="1135" y="1545"/>
                    </a:lnTo>
                    <a:lnTo>
                      <a:pt x="1107" y="1552"/>
                    </a:lnTo>
                    <a:lnTo>
                      <a:pt x="1079" y="1556"/>
                    </a:lnTo>
                    <a:lnTo>
                      <a:pt x="1051" y="1561"/>
                    </a:lnTo>
                    <a:lnTo>
                      <a:pt x="1022" y="1563"/>
                    </a:lnTo>
                    <a:lnTo>
                      <a:pt x="993" y="1564"/>
                    </a:lnTo>
                    <a:lnTo>
                      <a:pt x="963" y="1563"/>
                    </a:lnTo>
                    <a:lnTo>
                      <a:pt x="934" y="1561"/>
                    </a:lnTo>
                    <a:lnTo>
                      <a:pt x="906" y="1556"/>
                    </a:lnTo>
                    <a:lnTo>
                      <a:pt x="878" y="1552"/>
                    </a:lnTo>
                    <a:lnTo>
                      <a:pt x="850" y="1545"/>
                    </a:lnTo>
                    <a:lnTo>
                      <a:pt x="823" y="1538"/>
                    </a:lnTo>
                    <a:lnTo>
                      <a:pt x="797" y="1528"/>
                    </a:lnTo>
                    <a:lnTo>
                      <a:pt x="771" y="1518"/>
                    </a:lnTo>
                    <a:lnTo>
                      <a:pt x="745" y="1507"/>
                    </a:lnTo>
                    <a:lnTo>
                      <a:pt x="721" y="1494"/>
                    </a:lnTo>
                    <a:lnTo>
                      <a:pt x="697" y="1481"/>
                    </a:lnTo>
                    <a:lnTo>
                      <a:pt x="673" y="1466"/>
                    </a:lnTo>
                    <a:lnTo>
                      <a:pt x="651" y="1449"/>
                    </a:lnTo>
                    <a:lnTo>
                      <a:pt x="629" y="1433"/>
                    </a:lnTo>
                    <a:lnTo>
                      <a:pt x="609" y="1415"/>
                    </a:lnTo>
                    <a:lnTo>
                      <a:pt x="589" y="1395"/>
                    </a:lnTo>
                    <a:lnTo>
                      <a:pt x="570" y="1376"/>
                    </a:lnTo>
                    <a:lnTo>
                      <a:pt x="552" y="1355"/>
                    </a:lnTo>
                    <a:lnTo>
                      <a:pt x="535" y="1334"/>
                    </a:lnTo>
                    <a:lnTo>
                      <a:pt x="519" y="1311"/>
                    </a:lnTo>
                    <a:lnTo>
                      <a:pt x="504" y="1289"/>
                    </a:lnTo>
                    <a:lnTo>
                      <a:pt x="490" y="1265"/>
                    </a:lnTo>
                    <a:lnTo>
                      <a:pt x="478" y="1240"/>
                    </a:lnTo>
                    <a:lnTo>
                      <a:pt x="466" y="1214"/>
                    </a:lnTo>
                    <a:lnTo>
                      <a:pt x="456" y="1188"/>
                    </a:lnTo>
                    <a:lnTo>
                      <a:pt x="447" y="1162"/>
                    </a:lnTo>
                    <a:lnTo>
                      <a:pt x="440" y="1135"/>
                    </a:lnTo>
                    <a:lnTo>
                      <a:pt x="433" y="1107"/>
                    </a:lnTo>
                    <a:lnTo>
                      <a:pt x="428" y="1079"/>
                    </a:lnTo>
                    <a:lnTo>
                      <a:pt x="424" y="1051"/>
                    </a:lnTo>
                    <a:lnTo>
                      <a:pt x="422" y="1022"/>
                    </a:lnTo>
                    <a:lnTo>
                      <a:pt x="422" y="993"/>
                    </a:lnTo>
                    <a:lnTo>
                      <a:pt x="422" y="963"/>
                    </a:lnTo>
                    <a:lnTo>
                      <a:pt x="424" y="934"/>
                    </a:lnTo>
                    <a:lnTo>
                      <a:pt x="428" y="906"/>
                    </a:lnTo>
                    <a:lnTo>
                      <a:pt x="433" y="878"/>
                    </a:lnTo>
                    <a:lnTo>
                      <a:pt x="440" y="850"/>
                    </a:lnTo>
                    <a:lnTo>
                      <a:pt x="447" y="823"/>
                    </a:lnTo>
                    <a:lnTo>
                      <a:pt x="456" y="797"/>
                    </a:lnTo>
                    <a:lnTo>
                      <a:pt x="466" y="771"/>
                    </a:lnTo>
                    <a:lnTo>
                      <a:pt x="478" y="745"/>
                    </a:lnTo>
                    <a:lnTo>
                      <a:pt x="490" y="721"/>
                    </a:lnTo>
                    <a:lnTo>
                      <a:pt x="504" y="697"/>
                    </a:lnTo>
                    <a:lnTo>
                      <a:pt x="519" y="673"/>
                    </a:lnTo>
                    <a:lnTo>
                      <a:pt x="535" y="651"/>
                    </a:lnTo>
                    <a:lnTo>
                      <a:pt x="552" y="629"/>
                    </a:lnTo>
                    <a:lnTo>
                      <a:pt x="570" y="609"/>
                    </a:lnTo>
                    <a:lnTo>
                      <a:pt x="589" y="589"/>
                    </a:lnTo>
                    <a:lnTo>
                      <a:pt x="609" y="570"/>
                    </a:lnTo>
                    <a:lnTo>
                      <a:pt x="629" y="552"/>
                    </a:lnTo>
                    <a:lnTo>
                      <a:pt x="651" y="535"/>
                    </a:lnTo>
                    <a:lnTo>
                      <a:pt x="673" y="518"/>
                    </a:lnTo>
                    <a:lnTo>
                      <a:pt x="697" y="504"/>
                    </a:lnTo>
                    <a:lnTo>
                      <a:pt x="721" y="490"/>
                    </a:lnTo>
                    <a:lnTo>
                      <a:pt x="745" y="478"/>
                    </a:lnTo>
                    <a:lnTo>
                      <a:pt x="771" y="467"/>
                    </a:lnTo>
                    <a:lnTo>
                      <a:pt x="797" y="456"/>
                    </a:lnTo>
                    <a:lnTo>
                      <a:pt x="823" y="447"/>
                    </a:lnTo>
                    <a:lnTo>
                      <a:pt x="850" y="440"/>
                    </a:lnTo>
                    <a:lnTo>
                      <a:pt x="878" y="433"/>
                    </a:lnTo>
                    <a:lnTo>
                      <a:pt x="906" y="428"/>
                    </a:lnTo>
                    <a:lnTo>
                      <a:pt x="934" y="424"/>
                    </a:lnTo>
                    <a:lnTo>
                      <a:pt x="963" y="422"/>
                    </a:lnTo>
                    <a:lnTo>
                      <a:pt x="993" y="421"/>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grpSp>
        <p:sp>
          <p:nvSpPr>
            <p:cNvPr id="125" name="Freeform 321"/>
            <p:cNvSpPr>
              <a:spLocks noEditPoints="1"/>
            </p:cNvSpPr>
            <p:nvPr/>
          </p:nvSpPr>
          <p:spPr bwMode="auto">
            <a:xfrm>
              <a:off x="10991205" y="3428894"/>
              <a:ext cx="415719" cy="279204"/>
            </a:xfrm>
            <a:custGeom>
              <a:avLst/>
              <a:gdLst/>
              <a:ahLst/>
              <a:cxnLst>
                <a:cxn ang="0">
                  <a:pos x="15727" y="26"/>
                </a:cxn>
                <a:cxn ang="0">
                  <a:pos x="15922" y="132"/>
                </a:cxn>
                <a:cxn ang="0">
                  <a:pos x="16062" y="303"/>
                </a:cxn>
                <a:cxn ang="0">
                  <a:pos x="16130" y="519"/>
                </a:cxn>
                <a:cxn ang="0">
                  <a:pos x="7" y="490"/>
                </a:cxn>
                <a:cxn ang="0">
                  <a:pos x="84" y="279"/>
                </a:cxn>
                <a:cxn ang="0">
                  <a:pos x="233" y="115"/>
                </a:cxn>
                <a:cxn ang="0">
                  <a:pos x="434" y="18"/>
                </a:cxn>
                <a:cxn ang="0">
                  <a:pos x="6998" y="7311"/>
                </a:cxn>
                <a:cxn ang="0">
                  <a:pos x="8559" y="2549"/>
                </a:cxn>
                <a:cxn ang="0">
                  <a:pos x="9743" y="2981"/>
                </a:cxn>
                <a:cxn ang="0">
                  <a:pos x="10660" y="3813"/>
                </a:cxn>
                <a:cxn ang="0">
                  <a:pos x="11202" y="4939"/>
                </a:cxn>
                <a:cxn ang="0">
                  <a:pos x="11268" y="6237"/>
                </a:cxn>
                <a:cxn ang="0">
                  <a:pos x="10835" y="7422"/>
                </a:cxn>
                <a:cxn ang="0">
                  <a:pos x="10002" y="8337"/>
                </a:cxn>
                <a:cxn ang="0">
                  <a:pos x="8874" y="8879"/>
                </a:cxn>
                <a:cxn ang="0">
                  <a:pos x="7574" y="8943"/>
                </a:cxn>
                <a:cxn ang="0">
                  <a:pos x="6389" y="8511"/>
                </a:cxn>
                <a:cxn ang="0">
                  <a:pos x="5472" y="7679"/>
                </a:cxn>
                <a:cxn ang="0">
                  <a:pos x="4930" y="6553"/>
                </a:cxn>
                <a:cxn ang="0">
                  <a:pos x="4865" y="5255"/>
                </a:cxn>
                <a:cxn ang="0">
                  <a:pos x="5298" y="4071"/>
                </a:cxn>
                <a:cxn ang="0">
                  <a:pos x="6131" y="3156"/>
                </a:cxn>
                <a:cxn ang="0">
                  <a:pos x="7259" y="2614"/>
                </a:cxn>
                <a:cxn ang="0">
                  <a:pos x="8299" y="3474"/>
                </a:cxn>
                <a:cxn ang="0">
                  <a:pos x="9154" y="3739"/>
                </a:cxn>
                <a:cxn ang="0">
                  <a:pos x="9829" y="4295"/>
                </a:cxn>
                <a:cxn ang="0">
                  <a:pos x="10249" y="5068"/>
                </a:cxn>
                <a:cxn ang="0">
                  <a:pos x="10341" y="5979"/>
                </a:cxn>
                <a:cxn ang="0">
                  <a:pos x="10076" y="6833"/>
                </a:cxn>
                <a:cxn ang="0">
                  <a:pos x="9519" y="7507"/>
                </a:cxn>
                <a:cxn ang="0">
                  <a:pos x="8745" y="7926"/>
                </a:cxn>
                <a:cxn ang="0">
                  <a:pos x="7834" y="8018"/>
                </a:cxn>
                <a:cxn ang="0">
                  <a:pos x="6979" y="7753"/>
                </a:cxn>
                <a:cxn ang="0">
                  <a:pos x="6303" y="7197"/>
                </a:cxn>
                <a:cxn ang="0">
                  <a:pos x="5884" y="6424"/>
                </a:cxn>
                <a:cxn ang="0">
                  <a:pos x="5792" y="5513"/>
                </a:cxn>
                <a:cxn ang="0">
                  <a:pos x="6057" y="4659"/>
                </a:cxn>
                <a:cxn ang="0">
                  <a:pos x="6614" y="3986"/>
                </a:cxn>
                <a:cxn ang="0">
                  <a:pos x="7388" y="3566"/>
                </a:cxn>
                <a:cxn ang="0">
                  <a:pos x="16133" y="9543"/>
                </a:cxn>
                <a:cxn ang="0">
                  <a:pos x="16126" y="11003"/>
                </a:cxn>
                <a:cxn ang="0">
                  <a:pos x="16049" y="11213"/>
                </a:cxn>
                <a:cxn ang="0">
                  <a:pos x="15900" y="11377"/>
                </a:cxn>
                <a:cxn ang="0">
                  <a:pos x="15698" y="11474"/>
                </a:cxn>
                <a:cxn ang="0">
                  <a:pos x="519" y="11489"/>
                </a:cxn>
                <a:cxn ang="0">
                  <a:pos x="304" y="11423"/>
                </a:cxn>
                <a:cxn ang="0">
                  <a:pos x="132" y="11282"/>
                </a:cxn>
                <a:cxn ang="0">
                  <a:pos x="26" y="11086"/>
                </a:cxn>
                <a:cxn ang="0">
                  <a:pos x="16133" y="9750"/>
                </a:cxn>
                <a:cxn ang="0">
                  <a:pos x="3483" y="1338"/>
                </a:cxn>
                <a:cxn ang="0">
                  <a:pos x="5884" y="703"/>
                </a:cxn>
                <a:cxn ang="0">
                  <a:pos x="7575" y="1338"/>
                </a:cxn>
                <a:cxn ang="0">
                  <a:pos x="11941" y="703"/>
                </a:cxn>
                <a:cxn ang="0">
                  <a:pos x="12650" y="703"/>
                </a:cxn>
                <a:cxn ang="0">
                  <a:pos x="1791" y="10868"/>
                </a:cxn>
                <a:cxn ang="0">
                  <a:pos x="4192" y="10232"/>
                </a:cxn>
                <a:cxn ang="0">
                  <a:pos x="5884" y="10868"/>
                </a:cxn>
                <a:cxn ang="0">
                  <a:pos x="10249" y="10232"/>
                </a:cxn>
                <a:cxn ang="0">
                  <a:pos x="10958" y="10232"/>
                </a:cxn>
                <a:cxn ang="0">
                  <a:pos x="15325" y="10868"/>
                </a:cxn>
              </a:cxnLst>
              <a:rect l="0" t="0" r="r" b="b"/>
              <a:pathLst>
                <a:path w="16133" h="11492">
                  <a:moveTo>
                    <a:pt x="578" y="0"/>
                  </a:moveTo>
                  <a:lnTo>
                    <a:pt x="15555" y="0"/>
                  </a:lnTo>
                  <a:lnTo>
                    <a:pt x="15584" y="1"/>
                  </a:lnTo>
                  <a:lnTo>
                    <a:pt x="15614" y="3"/>
                  </a:lnTo>
                  <a:lnTo>
                    <a:pt x="15642" y="7"/>
                  </a:lnTo>
                  <a:lnTo>
                    <a:pt x="15671" y="12"/>
                  </a:lnTo>
                  <a:lnTo>
                    <a:pt x="15698" y="18"/>
                  </a:lnTo>
                  <a:lnTo>
                    <a:pt x="15727" y="26"/>
                  </a:lnTo>
                  <a:lnTo>
                    <a:pt x="15753" y="35"/>
                  </a:lnTo>
                  <a:lnTo>
                    <a:pt x="15779" y="45"/>
                  </a:lnTo>
                  <a:lnTo>
                    <a:pt x="15805" y="57"/>
                  </a:lnTo>
                  <a:lnTo>
                    <a:pt x="15829" y="70"/>
                  </a:lnTo>
                  <a:lnTo>
                    <a:pt x="15854" y="84"/>
                  </a:lnTo>
                  <a:lnTo>
                    <a:pt x="15878" y="99"/>
                  </a:lnTo>
                  <a:lnTo>
                    <a:pt x="15900" y="115"/>
                  </a:lnTo>
                  <a:lnTo>
                    <a:pt x="15922" y="132"/>
                  </a:lnTo>
                  <a:lnTo>
                    <a:pt x="15943" y="151"/>
                  </a:lnTo>
                  <a:lnTo>
                    <a:pt x="15964" y="169"/>
                  </a:lnTo>
                  <a:lnTo>
                    <a:pt x="15982" y="189"/>
                  </a:lnTo>
                  <a:lnTo>
                    <a:pt x="16001" y="210"/>
                  </a:lnTo>
                  <a:lnTo>
                    <a:pt x="16018" y="233"/>
                  </a:lnTo>
                  <a:lnTo>
                    <a:pt x="16034" y="255"/>
                  </a:lnTo>
                  <a:lnTo>
                    <a:pt x="16049" y="279"/>
                  </a:lnTo>
                  <a:lnTo>
                    <a:pt x="16062" y="303"/>
                  </a:lnTo>
                  <a:lnTo>
                    <a:pt x="16076" y="327"/>
                  </a:lnTo>
                  <a:lnTo>
                    <a:pt x="16088" y="353"/>
                  </a:lnTo>
                  <a:lnTo>
                    <a:pt x="16098" y="380"/>
                  </a:lnTo>
                  <a:lnTo>
                    <a:pt x="16107" y="406"/>
                  </a:lnTo>
                  <a:lnTo>
                    <a:pt x="16115" y="434"/>
                  </a:lnTo>
                  <a:lnTo>
                    <a:pt x="16121" y="461"/>
                  </a:lnTo>
                  <a:lnTo>
                    <a:pt x="16126" y="490"/>
                  </a:lnTo>
                  <a:lnTo>
                    <a:pt x="16130" y="519"/>
                  </a:lnTo>
                  <a:lnTo>
                    <a:pt x="16132" y="548"/>
                  </a:lnTo>
                  <a:lnTo>
                    <a:pt x="16133" y="577"/>
                  </a:lnTo>
                  <a:lnTo>
                    <a:pt x="16133" y="1742"/>
                  </a:lnTo>
                  <a:lnTo>
                    <a:pt x="0" y="1742"/>
                  </a:lnTo>
                  <a:lnTo>
                    <a:pt x="0" y="577"/>
                  </a:lnTo>
                  <a:lnTo>
                    <a:pt x="1" y="548"/>
                  </a:lnTo>
                  <a:lnTo>
                    <a:pt x="3" y="519"/>
                  </a:lnTo>
                  <a:lnTo>
                    <a:pt x="7" y="490"/>
                  </a:lnTo>
                  <a:lnTo>
                    <a:pt x="12" y="461"/>
                  </a:lnTo>
                  <a:lnTo>
                    <a:pt x="18" y="434"/>
                  </a:lnTo>
                  <a:lnTo>
                    <a:pt x="26" y="406"/>
                  </a:lnTo>
                  <a:lnTo>
                    <a:pt x="35" y="380"/>
                  </a:lnTo>
                  <a:lnTo>
                    <a:pt x="45" y="353"/>
                  </a:lnTo>
                  <a:lnTo>
                    <a:pt x="57" y="327"/>
                  </a:lnTo>
                  <a:lnTo>
                    <a:pt x="70" y="303"/>
                  </a:lnTo>
                  <a:lnTo>
                    <a:pt x="84" y="279"/>
                  </a:lnTo>
                  <a:lnTo>
                    <a:pt x="99" y="255"/>
                  </a:lnTo>
                  <a:lnTo>
                    <a:pt x="115" y="233"/>
                  </a:lnTo>
                  <a:lnTo>
                    <a:pt x="132" y="210"/>
                  </a:lnTo>
                  <a:lnTo>
                    <a:pt x="150" y="189"/>
                  </a:lnTo>
                  <a:lnTo>
                    <a:pt x="169" y="169"/>
                  </a:lnTo>
                  <a:lnTo>
                    <a:pt x="190" y="151"/>
                  </a:lnTo>
                  <a:lnTo>
                    <a:pt x="211" y="132"/>
                  </a:lnTo>
                  <a:lnTo>
                    <a:pt x="233" y="115"/>
                  </a:lnTo>
                  <a:lnTo>
                    <a:pt x="255" y="99"/>
                  </a:lnTo>
                  <a:lnTo>
                    <a:pt x="279" y="84"/>
                  </a:lnTo>
                  <a:lnTo>
                    <a:pt x="304" y="70"/>
                  </a:lnTo>
                  <a:lnTo>
                    <a:pt x="328" y="57"/>
                  </a:lnTo>
                  <a:lnTo>
                    <a:pt x="354" y="45"/>
                  </a:lnTo>
                  <a:lnTo>
                    <a:pt x="380" y="35"/>
                  </a:lnTo>
                  <a:lnTo>
                    <a:pt x="406" y="26"/>
                  </a:lnTo>
                  <a:lnTo>
                    <a:pt x="434" y="18"/>
                  </a:lnTo>
                  <a:lnTo>
                    <a:pt x="462" y="12"/>
                  </a:lnTo>
                  <a:lnTo>
                    <a:pt x="490" y="7"/>
                  </a:lnTo>
                  <a:lnTo>
                    <a:pt x="519" y="3"/>
                  </a:lnTo>
                  <a:lnTo>
                    <a:pt x="549" y="1"/>
                  </a:lnTo>
                  <a:lnTo>
                    <a:pt x="578" y="0"/>
                  </a:lnTo>
                  <a:close/>
                  <a:moveTo>
                    <a:pt x="9712" y="5746"/>
                  </a:moveTo>
                  <a:lnTo>
                    <a:pt x="8355" y="6528"/>
                  </a:lnTo>
                  <a:lnTo>
                    <a:pt x="6998" y="7311"/>
                  </a:lnTo>
                  <a:lnTo>
                    <a:pt x="6998" y="5746"/>
                  </a:lnTo>
                  <a:lnTo>
                    <a:pt x="6998" y="4181"/>
                  </a:lnTo>
                  <a:lnTo>
                    <a:pt x="8355" y="4964"/>
                  </a:lnTo>
                  <a:lnTo>
                    <a:pt x="9712" y="5746"/>
                  </a:lnTo>
                  <a:close/>
                  <a:moveTo>
                    <a:pt x="8067" y="2511"/>
                  </a:moveTo>
                  <a:lnTo>
                    <a:pt x="8233" y="2516"/>
                  </a:lnTo>
                  <a:lnTo>
                    <a:pt x="8397" y="2529"/>
                  </a:lnTo>
                  <a:lnTo>
                    <a:pt x="8559" y="2549"/>
                  </a:lnTo>
                  <a:lnTo>
                    <a:pt x="8718" y="2578"/>
                  </a:lnTo>
                  <a:lnTo>
                    <a:pt x="8874" y="2614"/>
                  </a:lnTo>
                  <a:lnTo>
                    <a:pt x="9027" y="2657"/>
                  </a:lnTo>
                  <a:lnTo>
                    <a:pt x="9178" y="2709"/>
                  </a:lnTo>
                  <a:lnTo>
                    <a:pt x="9325" y="2766"/>
                  </a:lnTo>
                  <a:lnTo>
                    <a:pt x="9468" y="2832"/>
                  </a:lnTo>
                  <a:lnTo>
                    <a:pt x="9608" y="2903"/>
                  </a:lnTo>
                  <a:lnTo>
                    <a:pt x="9743" y="2981"/>
                  </a:lnTo>
                  <a:lnTo>
                    <a:pt x="9875" y="3065"/>
                  </a:lnTo>
                  <a:lnTo>
                    <a:pt x="10002" y="3156"/>
                  </a:lnTo>
                  <a:lnTo>
                    <a:pt x="10124" y="3252"/>
                  </a:lnTo>
                  <a:lnTo>
                    <a:pt x="10242" y="3353"/>
                  </a:lnTo>
                  <a:lnTo>
                    <a:pt x="10354" y="3461"/>
                  </a:lnTo>
                  <a:lnTo>
                    <a:pt x="10462" y="3573"/>
                  </a:lnTo>
                  <a:lnTo>
                    <a:pt x="10564" y="3691"/>
                  </a:lnTo>
                  <a:lnTo>
                    <a:pt x="10660" y="3813"/>
                  </a:lnTo>
                  <a:lnTo>
                    <a:pt x="10751" y="3939"/>
                  </a:lnTo>
                  <a:lnTo>
                    <a:pt x="10835" y="4071"/>
                  </a:lnTo>
                  <a:lnTo>
                    <a:pt x="10913" y="4206"/>
                  </a:lnTo>
                  <a:lnTo>
                    <a:pt x="10985" y="4346"/>
                  </a:lnTo>
                  <a:lnTo>
                    <a:pt x="11050" y="4489"/>
                  </a:lnTo>
                  <a:lnTo>
                    <a:pt x="11108" y="4636"/>
                  </a:lnTo>
                  <a:lnTo>
                    <a:pt x="11159" y="4786"/>
                  </a:lnTo>
                  <a:lnTo>
                    <a:pt x="11202" y="4939"/>
                  </a:lnTo>
                  <a:lnTo>
                    <a:pt x="11240" y="5095"/>
                  </a:lnTo>
                  <a:lnTo>
                    <a:pt x="11268" y="5255"/>
                  </a:lnTo>
                  <a:lnTo>
                    <a:pt x="11288" y="5416"/>
                  </a:lnTo>
                  <a:lnTo>
                    <a:pt x="11301" y="5580"/>
                  </a:lnTo>
                  <a:lnTo>
                    <a:pt x="11305" y="5746"/>
                  </a:lnTo>
                  <a:lnTo>
                    <a:pt x="11301" y="5912"/>
                  </a:lnTo>
                  <a:lnTo>
                    <a:pt x="11288" y="6076"/>
                  </a:lnTo>
                  <a:lnTo>
                    <a:pt x="11268" y="6237"/>
                  </a:lnTo>
                  <a:lnTo>
                    <a:pt x="11240" y="6397"/>
                  </a:lnTo>
                  <a:lnTo>
                    <a:pt x="11202" y="6553"/>
                  </a:lnTo>
                  <a:lnTo>
                    <a:pt x="11159" y="6706"/>
                  </a:lnTo>
                  <a:lnTo>
                    <a:pt x="11108" y="6857"/>
                  </a:lnTo>
                  <a:lnTo>
                    <a:pt x="11050" y="7003"/>
                  </a:lnTo>
                  <a:lnTo>
                    <a:pt x="10985" y="7147"/>
                  </a:lnTo>
                  <a:lnTo>
                    <a:pt x="10913" y="7286"/>
                  </a:lnTo>
                  <a:lnTo>
                    <a:pt x="10835" y="7422"/>
                  </a:lnTo>
                  <a:lnTo>
                    <a:pt x="10751" y="7553"/>
                  </a:lnTo>
                  <a:lnTo>
                    <a:pt x="10660" y="7679"/>
                  </a:lnTo>
                  <a:lnTo>
                    <a:pt x="10564" y="7801"/>
                  </a:lnTo>
                  <a:lnTo>
                    <a:pt x="10462" y="7919"/>
                  </a:lnTo>
                  <a:lnTo>
                    <a:pt x="10354" y="8031"/>
                  </a:lnTo>
                  <a:lnTo>
                    <a:pt x="10242" y="8139"/>
                  </a:lnTo>
                  <a:lnTo>
                    <a:pt x="10124" y="8240"/>
                  </a:lnTo>
                  <a:lnTo>
                    <a:pt x="10002" y="8337"/>
                  </a:lnTo>
                  <a:lnTo>
                    <a:pt x="9875" y="8427"/>
                  </a:lnTo>
                  <a:lnTo>
                    <a:pt x="9743" y="8511"/>
                  </a:lnTo>
                  <a:lnTo>
                    <a:pt x="9608" y="8589"/>
                  </a:lnTo>
                  <a:lnTo>
                    <a:pt x="9468" y="8660"/>
                  </a:lnTo>
                  <a:lnTo>
                    <a:pt x="9325" y="8726"/>
                  </a:lnTo>
                  <a:lnTo>
                    <a:pt x="9178" y="8784"/>
                  </a:lnTo>
                  <a:lnTo>
                    <a:pt x="9027" y="8835"/>
                  </a:lnTo>
                  <a:lnTo>
                    <a:pt x="8874" y="8879"/>
                  </a:lnTo>
                  <a:lnTo>
                    <a:pt x="8718" y="8915"/>
                  </a:lnTo>
                  <a:lnTo>
                    <a:pt x="8559" y="8943"/>
                  </a:lnTo>
                  <a:lnTo>
                    <a:pt x="8397" y="8963"/>
                  </a:lnTo>
                  <a:lnTo>
                    <a:pt x="8233" y="8976"/>
                  </a:lnTo>
                  <a:lnTo>
                    <a:pt x="8067" y="8981"/>
                  </a:lnTo>
                  <a:lnTo>
                    <a:pt x="7900" y="8976"/>
                  </a:lnTo>
                  <a:lnTo>
                    <a:pt x="7736" y="8963"/>
                  </a:lnTo>
                  <a:lnTo>
                    <a:pt x="7574" y="8943"/>
                  </a:lnTo>
                  <a:lnTo>
                    <a:pt x="7415" y="8915"/>
                  </a:lnTo>
                  <a:lnTo>
                    <a:pt x="7259" y="8879"/>
                  </a:lnTo>
                  <a:lnTo>
                    <a:pt x="7106" y="8835"/>
                  </a:lnTo>
                  <a:lnTo>
                    <a:pt x="6954" y="8784"/>
                  </a:lnTo>
                  <a:lnTo>
                    <a:pt x="6808" y="8726"/>
                  </a:lnTo>
                  <a:lnTo>
                    <a:pt x="6664" y="8660"/>
                  </a:lnTo>
                  <a:lnTo>
                    <a:pt x="6525" y="8589"/>
                  </a:lnTo>
                  <a:lnTo>
                    <a:pt x="6389" y="8511"/>
                  </a:lnTo>
                  <a:lnTo>
                    <a:pt x="6258" y="8427"/>
                  </a:lnTo>
                  <a:lnTo>
                    <a:pt x="6131" y="8337"/>
                  </a:lnTo>
                  <a:lnTo>
                    <a:pt x="6009" y="8240"/>
                  </a:lnTo>
                  <a:lnTo>
                    <a:pt x="5891" y="8139"/>
                  </a:lnTo>
                  <a:lnTo>
                    <a:pt x="5779" y="8031"/>
                  </a:lnTo>
                  <a:lnTo>
                    <a:pt x="5671" y="7919"/>
                  </a:lnTo>
                  <a:lnTo>
                    <a:pt x="5569" y="7801"/>
                  </a:lnTo>
                  <a:lnTo>
                    <a:pt x="5472" y="7679"/>
                  </a:lnTo>
                  <a:lnTo>
                    <a:pt x="5382" y="7553"/>
                  </a:lnTo>
                  <a:lnTo>
                    <a:pt x="5298" y="7422"/>
                  </a:lnTo>
                  <a:lnTo>
                    <a:pt x="5220" y="7286"/>
                  </a:lnTo>
                  <a:lnTo>
                    <a:pt x="5147" y="7147"/>
                  </a:lnTo>
                  <a:lnTo>
                    <a:pt x="5083" y="7003"/>
                  </a:lnTo>
                  <a:lnTo>
                    <a:pt x="5024" y="6857"/>
                  </a:lnTo>
                  <a:lnTo>
                    <a:pt x="4974" y="6706"/>
                  </a:lnTo>
                  <a:lnTo>
                    <a:pt x="4930" y="6553"/>
                  </a:lnTo>
                  <a:lnTo>
                    <a:pt x="4893" y="6397"/>
                  </a:lnTo>
                  <a:lnTo>
                    <a:pt x="4865" y="6237"/>
                  </a:lnTo>
                  <a:lnTo>
                    <a:pt x="4845" y="6076"/>
                  </a:lnTo>
                  <a:lnTo>
                    <a:pt x="4832" y="5912"/>
                  </a:lnTo>
                  <a:lnTo>
                    <a:pt x="4828" y="5746"/>
                  </a:lnTo>
                  <a:lnTo>
                    <a:pt x="4832" y="5580"/>
                  </a:lnTo>
                  <a:lnTo>
                    <a:pt x="4845" y="5416"/>
                  </a:lnTo>
                  <a:lnTo>
                    <a:pt x="4865" y="5255"/>
                  </a:lnTo>
                  <a:lnTo>
                    <a:pt x="4893" y="5095"/>
                  </a:lnTo>
                  <a:lnTo>
                    <a:pt x="4930" y="4939"/>
                  </a:lnTo>
                  <a:lnTo>
                    <a:pt x="4974" y="4786"/>
                  </a:lnTo>
                  <a:lnTo>
                    <a:pt x="5024" y="4636"/>
                  </a:lnTo>
                  <a:lnTo>
                    <a:pt x="5083" y="4489"/>
                  </a:lnTo>
                  <a:lnTo>
                    <a:pt x="5147" y="4346"/>
                  </a:lnTo>
                  <a:lnTo>
                    <a:pt x="5220" y="4206"/>
                  </a:lnTo>
                  <a:lnTo>
                    <a:pt x="5298" y="4071"/>
                  </a:lnTo>
                  <a:lnTo>
                    <a:pt x="5382" y="3939"/>
                  </a:lnTo>
                  <a:lnTo>
                    <a:pt x="5472" y="3813"/>
                  </a:lnTo>
                  <a:lnTo>
                    <a:pt x="5569" y="3691"/>
                  </a:lnTo>
                  <a:lnTo>
                    <a:pt x="5671" y="3573"/>
                  </a:lnTo>
                  <a:lnTo>
                    <a:pt x="5779" y="3461"/>
                  </a:lnTo>
                  <a:lnTo>
                    <a:pt x="5891" y="3353"/>
                  </a:lnTo>
                  <a:lnTo>
                    <a:pt x="6009" y="3252"/>
                  </a:lnTo>
                  <a:lnTo>
                    <a:pt x="6131" y="3156"/>
                  </a:lnTo>
                  <a:lnTo>
                    <a:pt x="6258" y="3065"/>
                  </a:lnTo>
                  <a:lnTo>
                    <a:pt x="6389" y="2981"/>
                  </a:lnTo>
                  <a:lnTo>
                    <a:pt x="6525" y="2903"/>
                  </a:lnTo>
                  <a:lnTo>
                    <a:pt x="6664" y="2832"/>
                  </a:lnTo>
                  <a:lnTo>
                    <a:pt x="6808" y="2766"/>
                  </a:lnTo>
                  <a:lnTo>
                    <a:pt x="6954" y="2709"/>
                  </a:lnTo>
                  <a:lnTo>
                    <a:pt x="7106" y="2657"/>
                  </a:lnTo>
                  <a:lnTo>
                    <a:pt x="7259" y="2614"/>
                  </a:lnTo>
                  <a:lnTo>
                    <a:pt x="7415" y="2578"/>
                  </a:lnTo>
                  <a:lnTo>
                    <a:pt x="7574" y="2549"/>
                  </a:lnTo>
                  <a:lnTo>
                    <a:pt x="7736" y="2529"/>
                  </a:lnTo>
                  <a:lnTo>
                    <a:pt x="7900" y="2516"/>
                  </a:lnTo>
                  <a:lnTo>
                    <a:pt x="8067" y="2511"/>
                  </a:lnTo>
                  <a:close/>
                  <a:moveTo>
                    <a:pt x="8067" y="3463"/>
                  </a:moveTo>
                  <a:lnTo>
                    <a:pt x="8183" y="3466"/>
                  </a:lnTo>
                  <a:lnTo>
                    <a:pt x="8299" y="3474"/>
                  </a:lnTo>
                  <a:lnTo>
                    <a:pt x="8413" y="3489"/>
                  </a:lnTo>
                  <a:lnTo>
                    <a:pt x="8526" y="3509"/>
                  </a:lnTo>
                  <a:lnTo>
                    <a:pt x="8636" y="3535"/>
                  </a:lnTo>
                  <a:lnTo>
                    <a:pt x="8745" y="3566"/>
                  </a:lnTo>
                  <a:lnTo>
                    <a:pt x="8851" y="3602"/>
                  </a:lnTo>
                  <a:lnTo>
                    <a:pt x="8955" y="3642"/>
                  </a:lnTo>
                  <a:lnTo>
                    <a:pt x="9056" y="3689"/>
                  </a:lnTo>
                  <a:lnTo>
                    <a:pt x="9154" y="3739"/>
                  </a:lnTo>
                  <a:lnTo>
                    <a:pt x="9250" y="3794"/>
                  </a:lnTo>
                  <a:lnTo>
                    <a:pt x="9343" y="3854"/>
                  </a:lnTo>
                  <a:lnTo>
                    <a:pt x="9433" y="3917"/>
                  </a:lnTo>
                  <a:lnTo>
                    <a:pt x="9519" y="3986"/>
                  </a:lnTo>
                  <a:lnTo>
                    <a:pt x="9602" y="4057"/>
                  </a:lnTo>
                  <a:lnTo>
                    <a:pt x="9682" y="4133"/>
                  </a:lnTo>
                  <a:lnTo>
                    <a:pt x="9757" y="4212"/>
                  </a:lnTo>
                  <a:lnTo>
                    <a:pt x="9829" y="4295"/>
                  </a:lnTo>
                  <a:lnTo>
                    <a:pt x="9898" y="4382"/>
                  </a:lnTo>
                  <a:lnTo>
                    <a:pt x="9961" y="4471"/>
                  </a:lnTo>
                  <a:lnTo>
                    <a:pt x="10021" y="4564"/>
                  </a:lnTo>
                  <a:lnTo>
                    <a:pt x="10076" y="4659"/>
                  </a:lnTo>
                  <a:lnTo>
                    <a:pt x="10126" y="4758"/>
                  </a:lnTo>
                  <a:lnTo>
                    <a:pt x="10173" y="4859"/>
                  </a:lnTo>
                  <a:lnTo>
                    <a:pt x="10213" y="4963"/>
                  </a:lnTo>
                  <a:lnTo>
                    <a:pt x="10249" y="5068"/>
                  </a:lnTo>
                  <a:lnTo>
                    <a:pt x="10281" y="5177"/>
                  </a:lnTo>
                  <a:lnTo>
                    <a:pt x="10306" y="5287"/>
                  </a:lnTo>
                  <a:lnTo>
                    <a:pt x="10326" y="5400"/>
                  </a:lnTo>
                  <a:lnTo>
                    <a:pt x="10341" y="5513"/>
                  </a:lnTo>
                  <a:lnTo>
                    <a:pt x="10349" y="5629"/>
                  </a:lnTo>
                  <a:lnTo>
                    <a:pt x="10352" y="5746"/>
                  </a:lnTo>
                  <a:lnTo>
                    <a:pt x="10349" y="5863"/>
                  </a:lnTo>
                  <a:lnTo>
                    <a:pt x="10341" y="5979"/>
                  </a:lnTo>
                  <a:lnTo>
                    <a:pt x="10326" y="6093"/>
                  </a:lnTo>
                  <a:lnTo>
                    <a:pt x="10306" y="6205"/>
                  </a:lnTo>
                  <a:lnTo>
                    <a:pt x="10281" y="6316"/>
                  </a:lnTo>
                  <a:lnTo>
                    <a:pt x="10249" y="6424"/>
                  </a:lnTo>
                  <a:lnTo>
                    <a:pt x="10213" y="6529"/>
                  </a:lnTo>
                  <a:lnTo>
                    <a:pt x="10173" y="6633"/>
                  </a:lnTo>
                  <a:lnTo>
                    <a:pt x="10126" y="6735"/>
                  </a:lnTo>
                  <a:lnTo>
                    <a:pt x="10076" y="6833"/>
                  </a:lnTo>
                  <a:lnTo>
                    <a:pt x="10021" y="6928"/>
                  </a:lnTo>
                  <a:lnTo>
                    <a:pt x="9961" y="7021"/>
                  </a:lnTo>
                  <a:lnTo>
                    <a:pt x="9898" y="7110"/>
                  </a:lnTo>
                  <a:lnTo>
                    <a:pt x="9829" y="7197"/>
                  </a:lnTo>
                  <a:lnTo>
                    <a:pt x="9757" y="7280"/>
                  </a:lnTo>
                  <a:lnTo>
                    <a:pt x="9682" y="7359"/>
                  </a:lnTo>
                  <a:lnTo>
                    <a:pt x="9602" y="7435"/>
                  </a:lnTo>
                  <a:lnTo>
                    <a:pt x="9519" y="7507"/>
                  </a:lnTo>
                  <a:lnTo>
                    <a:pt x="9433" y="7575"/>
                  </a:lnTo>
                  <a:lnTo>
                    <a:pt x="9343" y="7638"/>
                  </a:lnTo>
                  <a:lnTo>
                    <a:pt x="9250" y="7698"/>
                  </a:lnTo>
                  <a:lnTo>
                    <a:pt x="9154" y="7753"/>
                  </a:lnTo>
                  <a:lnTo>
                    <a:pt x="9056" y="7803"/>
                  </a:lnTo>
                  <a:lnTo>
                    <a:pt x="8955" y="7850"/>
                  </a:lnTo>
                  <a:lnTo>
                    <a:pt x="8851" y="7890"/>
                  </a:lnTo>
                  <a:lnTo>
                    <a:pt x="8745" y="7926"/>
                  </a:lnTo>
                  <a:lnTo>
                    <a:pt x="8636" y="7957"/>
                  </a:lnTo>
                  <a:lnTo>
                    <a:pt x="8526" y="7983"/>
                  </a:lnTo>
                  <a:lnTo>
                    <a:pt x="8413" y="8003"/>
                  </a:lnTo>
                  <a:lnTo>
                    <a:pt x="8299" y="8018"/>
                  </a:lnTo>
                  <a:lnTo>
                    <a:pt x="8183" y="8026"/>
                  </a:lnTo>
                  <a:lnTo>
                    <a:pt x="8067" y="8029"/>
                  </a:lnTo>
                  <a:lnTo>
                    <a:pt x="7950" y="8026"/>
                  </a:lnTo>
                  <a:lnTo>
                    <a:pt x="7834" y="8018"/>
                  </a:lnTo>
                  <a:lnTo>
                    <a:pt x="7719" y="8003"/>
                  </a:lnTo>
                  <a:lnTo>
                    <a:pt x="7607" y="7983"/>
                  </a:lnTo>
                  <a:lnTo>
                    <a:pt x="7496" y="7957"/>
                  </a:lnTo>
                  <a:lnTo>
                    <a:pt x="7388" y="7926"/>
                  </a:lnTo>
                  <a:lnTo>
                    <a:pt x="7282" y="7890"/>
                  </a:lnTo>
                  <a:lnTo>
                    <a:pt x="7178" y="7850"/>
                  </a:lnTo>
                  <a:lnTo>
                    <a:pt x="7076" y="7803"/>
                  </a:lnTo>
                  <a:lnTo>
                    <a:pt x="6979" y="7753"/>
                  </a:lnTo>
                  <a:lnTo>
                    <a:pt x="6883" y="7698"/>
                  </a:lnTo>
                  <a:lnTo>
                    <a:pt x="6790" y="7638"/>
                  </a:lnTo>
                  <a:lnTo>
                    <a:pt x="6700" y="7575"/>
                  </a:lnTo>
                  <a:lnTo>
                    <a:pt x="6614" y="7507"/>
                  </a:lnTo>
                  <a:lnTo>
                    <a:pt x="6531" y="7435"/>
                  </a:lnTo>
                  <a:lnTo>
                    <a:pt x="6451" y="7359"/>
                  </a:lnTo>
                  <a:lnTo>
                    <a:pt x="6376" y="7280"/>
                  </a:lnTo>
                  <a:lnTo>
                    <a:pt x="6303" y="7197"/>
                  </a:lnTo>
                  <a:lnTo>
                    <a:pt x="6235" y="7110"/>
                  </a:lnTo>
                  <a:lnTo>
                    <a:pt x="6172" y="7021"/>
                  </a:lnTo>
                  <a:lnTo>
                    <a:pt x="6112" y="6928"/>
                  </a:lnTo>
                  <a:lnTo>
                    <a:pt x="6057" y="6833"/>
                  </a:lnTo>
                  <a:lnTo>
                    <a:pt x="6007" y="6735"/>
                  </a:lnTo>
                  <a:lnTo>
                    <a:pt x="5960" y="6633"/>
                  </a:lnTo>
                  <a:lnTo>
                    <a:pt x="5920" y="6529"/>
                  </a:lnTo>
                  <a:lnTo>
                    <a:pt x="5884" y="6424"/>
                  </a:lnTo>
                  <a:lnTo>
                    <a:pt x="5852" y="6316"/>
                  </a:lnTo>
                  <a:lnTo>
                    <a:pt x="5827" y="6205"/>
                  </a:lnTo>
                  <a:lnTo>
                    <a:pt x="5807" y="6093"/>
                  </a:lnTo>
                  <a:lnTo>
                    <a:pt x="5792" y="5979"/>
                  </a:lnTo>
                  <a:lnTo>
                    <a:pt x="5784" y="5863"/>
                  </a:lnTo>
                  <a:lnTo>
                    <a:pt x="5781" y="5746"/>
                  </a:lnTo>
                  <a:lnTo>
                    <a:pt x="5784" y="5629"/>
                  </a:lnTo>
                  <a:lnTo>
                    <a:pt x="5792" y="5513"/>
                  </a:lnTo>
                  <a:lnTo>
                    <a:pt x="5807" y="5400"/>
                  </a:lnTo>
                  <a:lnTo>
                    <a:pt x="5827" y="5287"/>
                  </a:lnTo>
                  <a:lnTo>
                    <a:pt x="5852" y="5177"/>
                  </a:lnTo>
                  <a:lnTo>
                    <a:pt x="5884" y="5068"/>
                  </a:lnTo>
                  <a:lnTo>
                    <a:pt x="5920" y="4963"/>
                  </a:lnTo>
                  <a:lnTo>
                    <a:pt x="5960" y="4859"/>
                  </a:lnTo>
                  <a:lnTo>
                    <a:pt x="6007" y="4758"/>
                  </a:lnTo>
                  <a:lnTo>
                    <a:pt x="6057" y="4659"/>
                  </a:lnTo>
                  <a:lnTo>
                    <a:pt x="6112" y="4564"/>
                  </a:lnTo>
                  <a:lnTo>
                    <a:pt x="6172" y="4471"/>
                  </a:lnTo>
                  <a:lnTo>
                    <a:pt x="6235" y="4382"/>
                  </a:lnTo>
                  <a:lnTo>
                    <a:pt x="6303" y="4295"/>
                  </a:lnTo>
                  <a:lnTo>
                    <a:pt x="6376" y="4212"/>
                  </a:lnTo>
                  <a:lnTo>
                    <a:pt x="6451" y="4133"/>
                  </a:lnTo>
                  <a:lnTo>
                    <a:pt x="6531" y="4057"/>
                  </a:lnTo>
                  <a:lnTo>
                    <a:pt x="6614" y="3986"/>
                  </a:lnTo>
                  <a:lnTo>
                    <a:pt x="6700" y="3917"/>
                  </a:lnTo>
                  <a:lnTo>
                    <a:pt x="6790" y="3854"/>
                  </a:lnTo>
                  <a:lnTo>
                    <a:pt x="6883" y="3794"/>
                  </a:lnTo>
                  <a:lnTo>
                    <a:pt x="6979" y="3739"/>
                  </a:lnTo>
                  <a:lnTo>
                    <a:pt x="7076" y="3689"/>
                  </a:lnTo>
                  <a:lnTo>
                    <a:pt x="7178" y="3642"/>
                  </a:lnTo>
                  <a:lnTo>
                    <a:pt x="7282" y="3602"/>
                  </a:lnTo>
                  <a:lnTo>
                    <a:pt x="7388" y="3566"/>
                  </a:lnTo>
                  <a:lnTo>
                    <a:pt x="7496" y="3535"/>
                  </a:lnTo>
                  <a:lnTo>
                    <a:pt x="7607" y="3509"/>
                  </a:lnTo>
                  <a:lnTo>
                    <a:pt x="7719" y="3489"/>
                  </a:lnTo>
                  <a:lnTo>
                    <a:pt x="7834" y="3474"/>
                  </a:lnTo>
                  <a:lnTo>
                    <a:pt x="7950" y="3466"/>
                  </a:lnTo>
                  <a:lnTo>
                    <a:pt x="8067" y="3463"/>
                  </a:lnTo>
                  <a:close/>
                  <a:moveTo>
                    <a:pt x="16133" y="1949"/>
                  </a:moveTo>
                  <a:lnTo>
                    <a:pt x="16133" y="9543"/>
                  </a:lnTo>
                  <a:lnTo>
                    <a:pt x="0" y="9543"/>
                  </a:lnTo>
                  <a:lnTo>
                    <a:pt x="0" y="1949"/>
                  </a:lnTo>
                  <a:lnTo>
                    <a:pt x="16133" y="1949"/>
                  </a:lnTo>
                  <a:close/>
                  <a:moveTo>
                    <a:pt x="16133" y="9750"/>
                  </a:moveTo>
                  <a:lnTo>
                    <a:pt x="16133" y="10915"/>
                  </a:lnTo>
                  <a:lnTo>
                    <a:pt x="16132" y="10944"/>
                  </a:lnTo>
                  <a:lnTo>
                    <a:pt x="16130" y="10973"/>
                  </a:lnTo>
                  <a:lnTo>
                    <a:pt x="16126" y="11003"/>
                  </a:lnTo>
                  <a:lnTo>
                    <a:pt x="16121" y="11031"/>
                  </a:lnTo>
                  <a:lnTo>
                    <a:pt x="16115" y="11059"/>
                  </a:lnTo>
                  <a:lnTo>
                    <a:pt x="16107" y="11086"/>
                  </a:lnTo>
                  <a:lnTo>
                    <a:pt x="16098" y="11112"/>
                  </a:lnTo>
                  <a:lnTo>
                    <a:pt x="16088" y="11139"/>
                  </a:lnTo>
                  <a:lnTo>
                    <a:pt x="16076" y="11165"/>
                  </a:lnTo>
                  <a:lnTo>
                    <a:pt x="16062" y="11189"/>
                  </a:lnTo>
                  <a:lnTo>
                    <a:pt x="16049" y="11213"/>
                  </a:lnTo>
                  <a:lnTo>
                    <a:pt x="16034" y="11237"/>
                  </a:lnTo>
                  <a:lnTo>
                    <a:pt x="16018" y="11259"/>
                  </a:lnTo>
                  <a:lnTo>
                    <a:pt x="16001" y="11282"/>
                  </a:lnTo>
                  <a:lnTo>
                    <a:pt x="15982" y="11303"/>
                  </a:lnTo>
                  <a:lnTo>
                    <a:pt x="15964" y="11323"/>
                  </a:lnTo>
                  <a:lnTo>
                    <a:pt x="15943" y="11342"/>
                  </a:lnTo>
                  <a:lnTo>
                    <a:pt x="15922" y="11360"/>
                  </a:lnTo>
                  <a:lnTo>
                    <a:pt x="15900" y="11377"/>
                  </a:lnTo>
                  <a:lnTo>
                    <a:pt x="15878" y="11393"/>
                  </a:lnTo>
                  <a:lnTo>
                    <a:pt x="15854" y="11408"/>
                  </a:lnTo>
                  <a:lnTo>
                    <a:pt x="15829" y="11423"/>
                  </a:lnTo>
                  <a:lnTo>
                    <a:pt x="15805" y="11435"/>
                  </a:lnTo>
                  <a:lnTo>
                    <a:pt x="15779" y="11447"/>
                  </a:lnTo>
                  <a:lnTo>
                    <a:pt x="15753" y="11457"/>
                  </a:lnTo>
                  <a:lnTo>
                    <a:pt x="15727" y="11466"/>
                  </a:lnTo>
                  <a:lnTo>
                    <a:pt x="15698" y="11474"/>
                  </a:lnTo>
                  <a:lnTo>
                    <a:pt x="15671" y="11480"/>
                  </a:lnTo>
                  <a:lnTo>
                    <a:pt x="15642" y="11485"/>
                  </a:lnTo>
                  <a:lnTo>
                    <a:pt x="15614" y="11489"/>
                  </a:lnTo>
                  <a:lnTo>
                    <a:pt x="15584" y="11491"/>
                  </a:lnTo>
                  <a:lnTo>
                    <a:pt x="15555" y="11492"/>
                  </a:lnTo>
                  <a:lnTo>
                    <a:pt x="578" y="11492"/>
                  </a:lnTo>
                  <a:lnTo>
                    <a:pt x="549" y="11491"/>
                  </a:lnTo>
                  <a:lnTo>
                    <a:pt x="519" y="11489"/>
                  </a:lnTo>
                  <a:lnTo>
                    <a:pt x="490" y="11485"/>
                  </a:lnTo>
                  <a:lnTo>
                    <a:pt x="462" y="11480"/>
                  </a:lnTo>
                  <a:lnTo>
                    <a:pt x="434" y="11474"/>
                  </a:lnTo>
                  <a:lnTo>
                    <a:pt x="406" y="11466"/>
                  </a:lnTo>
                  <a:lnTo>
                    <a:pt x="380" y="11457"/>
                  </a:lnTo>
                  <a:lnTo>
                    <a:pt x="354" y="11447"/>
                  </a:lnTo>
                  <a:lnTo>
                    <a:pt x="328" y="11435"/>
                  </a:lnTo>
                  <a:lnTo>
                    <a:pt x="304" y="11423"/>
                  </a:lnTo>
                  <a:lnTo>
                    <a:pt x="279" y="11408"/>
                  </a:lnTo>
                  <a:lnTo>
                    <a:pt x="255" y="11393"/>
                  </a:lnTo>
                  <a:lnTo>
                    <a:pt x="233" y="11377"/>
                  </a:lnTo>
                  <a:lnTo>
                    <a:pt x="211" y="11360"/>
                  </a:lnTo>
                  <a:lnTo>
                    <a:pt x="190" y="11342"/>
                  </a:lnTo>
                  <a:lnTo>
                    <a:pt x="169" y="11323"/>
                  </a:lnTo>
                  <a:lnTo>
                    <a:pt x="150" y="11303"/>
                  </a:lnTo>
                  <a:lnTo>
                    <a:pt x="132" y="11282"/>
                  </a:lnTo>
                  <a:lnTo>
                    <a:pt x="115" y="11259"/>
                  </a:lnTo>
                  <a:lnTo>
                    <a:pt x="99" y="11237"/>
                  </a:lnTo>
                  <a:lnTo>
                    <a:pt x="84" y="11213"/>
                  </a:lnTo>
                  <a:lnTo>
                    <a:pt x="70" y="11189"/>
                  </a:lnTo>
                  <a:lnTo>
                    <a:pt x="57" y="11165"/>
                  </a:lnTo>
                  <a:lnTo>
                    <a:pt x="45" y="11139"/>
                  </a:lnTo>
                  <a:lnTo>
                    <a:pt x="35" y="11112"/>
                  </a:lnTo>
                  <a:lnTo>
                    <a:pt x="26" y="11086"/>
                  </a:lnTo>
                  <a:lnTo>
                    <a:pt x="18" y="11059"/>
                  </a:lnTo>
                  <a:lnTo>
                    <a:pt x="12" y="11031"/>
                  </a:lnTo>
                  <a:lnTo>
                    <a:pt x="7" y="11003"/>
                  </a:lnTo>
                  <a:lnTo>
                    <a:pt x="3" y="10973"/>
                  </a:lnTo>
                  <a:lnTo>
                    <a:pt x="1" y="10944"/>
                  </a:lnTo>
                  <a:lnTo>
                    <a:pt x="0" y="10915"/>
                  </a:lnTo>
                  <a:lnTo>
                    <a:pt x="0" y="9750"/>
                  </a:lnTo>
                  <a:lnTo>
                    <a:pt x="16133" y="9750"/>
                  </a:lnTo>
                  <a:close/>
                  <a:moveTo>
                    <a:pt x="808" y="703"/>
                  </a:moveTo>
                  <a:lnTo>
                    <a:pt x="1791" y="703"/>
                  </a:lnTo>
                  <a:lnTo>
                    <a:pt x="1791" y="1338"/>
                  </a:lnTo>
                  <a:lnTo>
                    <a:pt x="808" y="1338"/>
                  </a:lnTo>
                  <a:lnTo>
                    <a:pt x="808" y="703"/>
                  </a:lnTo>
                  <a:close/>
                  <a:moveTo>
                    <a:pt x="2500" y="703"/>
                  </a:moveTo>
                  <a:lnTo>
                    <a:pt x="3483" y="703"/>
                  </a:lnTo>
                  <a:lnTo>
                    <a:pt x="3483" y="1338"/>
                  </a:lnTo>
                  <a:lnTo>
                    <a:pt x="2500" y="1338"/>
                  </a:lnTo>
                  <a:lnTo>
                    <a:pt x="2500" y="703"/>
                  </a:lnTo>
                  <a:close/>
                  <a:moveTo>
                    <a:pt x="4192" y="703"/>
                  </a:moveTo>
                  <a:lnTo>
                    <a:pt x="5175" y="703"/>
                  </a:lnTo>
                  <a:lnTo>
                    <a:pt x="5175" y="1338"/>
                  </a:lnTo>
                  <a:lnTo>
                    <a:pt x="4192" y="1338"/>
                  </a:lnTo>
                  <a:lnTo>
                    <a:pt x="4192" y="703"/>
                  </a:lnTo>
                  <a:close/>
                  <a:moveTo>
                    <a:pt x="5884" y="703"/>
                  </a:moveTo>
                  <a:lnTo>
                    <a:pt x="6867" y="703"/>
                  </a:lnTo>
                  <a:lnTo>
                    <a:pt x="6867" y="1338"/>
                  </a:lnTo>
                  <a:lnTo>
                    <a:pt x="5884" y="1338"/>
                  </a:lnTo>
                  <a:lnTo>
                    <a:pt x="5884" y="703"/>
                  </a:lnTo>
                  <a:close/>
                  <a:moveTo>
                    <a:pt x="7575" y="703"/>
                  </a:moveTo>
                  <a:lnTo>
                    <a:pt x="8558" y="703"/>
                  </a:lnTo>
                  <a:lnTo>
                    <a:pt x="8558" y="1338"/>
                  </a:lnTo>
                  <a:lnTo>
                    <a:pt x="7575" y="1338"/>
                  </a:lnTo>
                  <a:lnTo>
                    <a:pt x="7575" y="703"/>
                  </a:lnTo>
                  <a:close/>
                  <a:moveTo>
                    <a:pt x="9266" y="703"/>
                  </a:moveTo>
                  <a:lnTo>
                    <a:pt x="10249" y="703"/>
                  </a:lnTo>
                  <a:lnTo>
                    <a:pt x="10249" y="1338"/>
                  </a:lnTo>
                  <a:lnTo>
                    <a:pt x="9266" y="1338"/>
                  </a:lnTo>
                  <a:lnTo>
                    <a:pt x="9266" y="703"/>
                  </a:lnTo>
                  <a:close/>
                  <a:moveTo>
                    <a:pt x="10958" y="703"/>
                  </a:moveTo>
                  <a:lnTo>
                    <a:pt x="11941" y="703"/>
                  </a:lnTo>
                  <a:lnTo>
                    <a:pt x="11941" y="1338"/>
                  </a:lnTo>
                  <a:lnTo>
                    <a:pt x="10958" y="1338"/>
                  </a:lnTo>
                  <a:lnTo>
                    <a:pt x="10958" y="703"/>
                  </a:lnTo>
                  <a:close/>
                  <a:moveTo>
                    <a:pt x="12650" y="703"/>
                  </a:moveTo>
                  <a:lnTo>
                    <a:pt x="13633" y="703"/>
                  </a:lnTo>
                  <a:lnTo>
                    <a:pt x="13633" y="1338"/>
                  </a:lnTo>
                  <a:lnTo>
                    <a:pt x="12650" y="1338"/>
                  </a:lnTo>
                  <a:lnTo>
                    <a:pt x="12650" y="703"/>
                  </a:lnTo>
                  <a:close/>
                  <a:moveTo>
                    <a:pt x="14342" y="703"/>
                  </a:moveTo>
                  <a:lnTo>
                    <a:pt x="15325" y="703"/>
                  </a:lnTo>
                  <a:lnTo>
                    <a:pt x="15325" y="1338"/>
                  </a:lnTo>
                  <a:lnTo>
                    <a:pt x="14342" y="1338"/>
                  </a:lnTo>
                  <a:lnTo>
                    <a:pt x="14342" y="703"/>
                  </a:lnTo>
                  <a:close/>
                  <a:moveTo>
                    <a:pt x="808" y="10232"/>
                  </a:moveTo>
                  <a:lnTo>
                    <a:pt x="1791" y="10232"/>
                  </a:lnTo>
                  <a:lnTo>
                    <a:pt x="1791" y="10868"/>
                  </a:lnTo>
                  <a:lnTo>
                    <a:pt x="808" y="10868"/>
                  </a:lnTo>
                  <a:lnTo>
                    <a:pt x="808" y="10232"/>
                  </a:lnTo>
                  <a:close/>
                  <a:moveTo>
                    <a:pt x="2500" y="10232"/>
                  </a:moveTo>
                  <a:lnTo>
                    <a:pt x="3483" y="10232"/>
                  </a:lnTo>
                  <a:lnTo>
                    <a:pt x="3483" y="10868"/>
                  </a:lnTo>
                  <a:lnTo>
                    <a:pt x="2500" y="10868"/>
                  </a:lnTo>
                  <a:lnTo>
                    <a:pt x="2500" y="10232"/>
                  </a:lnTo>
                  <a:close/>
                  <a:moveTo>
                    <a:pt x="4192" y="10232"/>
                  </a:moveTo>
                  <a:lnTo>
                    <a:pt x="5175" y="10232"/>
                  </a:lnTo>
                  <a:lnTo>
                    <a:pt x="5175" y="10868"/>
                  </a:lnTo>
                  <a:lnTo>
                    <a:pt x="4192" y="10868"/>
                  </a:lnTo>
                  <a:lnTo>
                    <a:pt x="4192" y="10232"/>
                  </a:lnTo>
                  <a:close/>
                  <a:moveTo>
                    <a:pt x="5884" y="10232"/>
                  </a:moveTo>
                  <a:lnTo>
                    <a:pt x="6867" y="10232"/>
                  </a:lnTo>
                  <a:lnTo>
                    <a:pt x="6867" y="10868"/>
                  </a:lnTo>
                  <a:lnTo>
                    <a:pt x="5884" y="10868"/>
                  </a:lnTo>
                  <a:lnTo>
                    <a:pt x="5884" y="10232"/>
                  </a:lnTo>
                  <a:close/>
                  <a:moveTo>
                    <a:pt x="7575" y="10232"/>
                  </a:moveTo>
                  <a:lnTo>
                    <a:pt x="8558" y="10232"/>
                  </a:lnTo>
                  <a:lnTo>
                    <a:pt x="8558" y="10868"/>
                  </a:lnTo>
                  <a:lnTo>
                    <a:pt x="7575" y="10868"/>
                  </a:lnTo>
                  <a:lnTo>
                    <a:pt x="7575" y="10232"/>
                  </a:lnTo>
                  <a:close/>
                  <a:moveTo>
                    <a:pt x="9266" y="10232"/>
                  </a:moveTo>
                  <a:lnTo>
                    <a:pt x="10249" y="10232"/>
                  </a:lnTo>
                  <a:lnTo>
                    <a:pt x="10249" y="10868"/>
                  </a:lnTo>
                  <a:lnTo>
                    <a:pt x="9266" y="10868"/>
                  </a:lnTo>
                  <a:lnTo>
                    <a:pt x="9266" y="10232"/>
                  </a:lnTo>
                  <a:close/>
                  <a:moveTo>
                    <a:pt x="10958" y="10232"/>
                  </a:moveTo>
                  <a:lnTo>
                    <a:pt x="11941" y="10232"/>
                  </a:lnTo>
                  <a:lnTo>
                    <a:pt x="11941" y="10868"/>
                  </a:lnTo>
                  <a:lnTo>
                    <a:pt x="10958" y="10868"/>
                  </a:lnTo>
                  <a:lnTo>
                    <a:pt x="10958" y="10232"/>
                  </a:lnTo>
                  <a:close/>
                  <a:moveTo>
                    <a:pt x="12650" y="10232"/>
                  </a:moveTo>
                  <a:lnTo>
                    <a:pt x="13633" y="10232"/>
                  </a:lnTo>
                  <a:lnTo>
                    <a:pt x="13633" y="10868"/>
                  </a:lnTo>
                  <a:lnTo>
                    <a:pt x="12650" y="10868"/>
                  </a:lnTo>
                  <a:lnTo>
                    <a:pt x="12650" y="10232"/>
                  </a:lnTo>
                  <a:close/>
                  <a:moveTo>
                    <a:pt x="14342" y="10232"/>
                  </a:moveTo>
                  <a:lnTo>
                    <a:pt x="15325" y="10232"/>
                  </a:lnTo>
                  <a:lnTo>
                    <a:pt x="15325" y="10868"/>
                  </a:lnTo>
                  <a:lnTo>
                    <a:pt x="14342" y="10868"/>
                  </a:lnTo>
                  <a:lnTo>
                    <a:pt x="14342" y="10232"/>
                  </a:lnTo>
                  <a:close/>
                </a:path>
              </a:pathLst>
            </a:custGeom>
            <a:solidFill>
              <a:schemeClr val="bg1">
                <a:lumMod val="95000"/>
              </a:schemeClr>
            </a:solid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grpSp>
          <p:nvGrpSpPr>
            <p:cNvPr id="9" name="组合 746"/>
            <p:cNvGrpSpPr/>
            <p:nvPr/>
          </p:nvGrpSpPr>
          <p:grpSpPr>
            <a:xfrm>
              <a:off x="10169096" y="3045813"/>
              <a:ext cx="317866" cy="296216"/>
              <a:chOff x="11897858" y="3411765"/>
              <a:chExt cx="498475" cy="492125"/>
            </a:xfrm>
            <a:solidFill>
              <a:schemeClr val="bg1">
                <a:lumMod val="95000"/>
              </a:schemeClr>
            </a:solidFill>
          </p:grpSpPr>
          <p:sp>
            <p:nvSpPr>
              <p:cNvPr id="127" name="Freeform 7"/>
              <p:cNvSpPr>
                <a:spLocks/>
              </p:cNvSpPr>
              <p:nvPr/>
            </p:nvSpPr>
            <p:spPr bwMode="auto">
              <a:xfrm>
                <a:off x="12113758" y="3411765"/>
                <a:ext cx="282575" cy="282575"/>
              </a:xfrm>
              <a:custGeom>
                <a:avLst/>
                <a:gdLst/>
                <a:ahLst/>
                <a:cxnLst>
                  <a:cxn ang="0">
                    <a:pos x="14" y="0"/>
                  </a:cxn>
                  <a:cxn ang="0">
                    <a:pos x="14" y="0"/>
                  </a:cxn>
                  <a:cxn ang="0">
                    <a:pos x="8" y="2"/>
                  </a:cxn>
                  <a:cxn ang="0">
                    <a:pos x="4" y="4"/>
                  </a:cxn>
                  <a:cxn ang="0">
                    <a:pos x="2" y="8"/>
                  </a:cxn>
                  <a:cxn ang="0">
                    <a:pos x="0" y="14"/>
                  </a:cxn>
                  <a:cxn ang="0">
                    <a:pos x="0" y="14"/>
                  </a:cxn>
                  <a:cxn ang="0">
                    <a:pos x="2" y="20"/>
                  </a:cxn>
                  <a:cxn ang="0">
                    <a:pos x="4" y="24"/>
                  </a:cxn>
                  <a:cxn ang="0">
                    <a:pos x="8" y="28"/>
                  </a:cxn>
                  <a:cxn ang="0">
                    <a:pos x="14" y="28"/>
                  </a:cxn>
                  <a:cxn ang="0">
                    <a:pos x="14" y="28"/>
                  </a:cxn>
                  <a:cxn ang="0">
                    <a:pos x="28" y="30"/>
                  </a:cxn>
                  <a:cxn ang="0">
                    <a:pos x="42" y="32"/>
                  </a:cxn>
                  <a:cxn ang="0">
                    <a:pos x="54" y="34"/>
                  </a:cxn>
                  <a:cxn ang="0">
                    <a:pos x="68" y="40"/>
                  </a:cxn>
                  <a:cxn ang="0">
                    <a:pos x="78" y="44"/>
                  </a:cxn>
                  <a:cxn ang="0">
                    <a:pos x="90" y="52"/>
                  </a:cxn>
                  <a:cxn ang="0">
                    <a:pos x="100" y="60"/>
                  </a:cxn>
                  <a:cxn ang="0">
                    <a:pos x="110" y="68"/>
                  </a:cxn>
                  <a:cxn ang="0">
                    <a:pos x="118" y="78"/>
                  </a:cxn>
                  <a:cxn ang="0">
                    <a:pos x="126" y="88"/>
                  </a:cxn>
                  <a:cxn ang="0">
                    <a:pos x="134" y="100"/>
                  </a:cxn>
                  <a:cxn ang="0">
                    <a:pos x="138" y="110"/>
                  </a:cxn>
                  <a:cxn ang="0">
                    <a:pos x="144" y="124"/>
                  </a:cxn>
                  <a:cxn ang="0">
                    <a:pos x="146" y="136"/>
                  </a:cxn>
                  <a:cxn ang="0">
                    <a:pos x="148" y="150"/>
                  </a:cxn>
                  <a:cxn ang="0">
                    <a:pos x="150" y="164"/>
                  </a:cxn>
                  <a:cxn ang="0">
                    <a:pos x="150" y="164"/>
                  </a:cxn>
                  <a:cxn ang="0">
                    <a:pos x="150" y="168"/>
                  </a:cxn>
                  <a:cxn ang="0">
                    <a:pos x="154" y="174"/>
                  </a:cxn>
                  <a:cxn ang="0">
                    <a:pos x="158" y="176"/>
                  </a:cxn>
                  <a:cxn ang="0">
                    <a:pos x="164" y="178"/>
                  </a:cxn>
                  <a:cxn ang="0">
                    <a:pos x="164" y="178"/>
                  </a:cxn>
                  <a:cxn ang="0">
                    <a:pos x="170" y="176"/>
                  </a:cxn>
                  <a:cxn ang="0">
                    <a:pos x="174" y="174"/>
                  </a:cxn>
                  <a:cxn ang="0">
                    <a:pos x="178" y="168"/>
                  </a:cxn>
                  <a:cxn ang="0">
                    <a:pos x="178" y="164"/>
                  </a:cxn>
                  <a:cxn ang="0">
                    <a:pos x="178" y="164"/>
                  </a:cxn>
                  <a:cxn ang="0">
                    <a:pos x="178" y="146"/>
                  </a:cxn>
                  <a:cxn ang="0">
                    <a:pos x="176" y="130"/>
                  </a:cxn>
                  <a:cxn ang="0">
                    <a:pos x="172" y="114"/>
                  </a:cxn>
                  <a:cxn ang="0">
                    <a:pos x="166" y="100"/>
                  </a:cxn>
                  <a:cxn ang="0">
                    <a:pos x="158" y="86"/>
                  </a:cxn>
                  <a:cxn ang="0">
                    <a:pos x="150" y="72"/>
                  </a:cxn>
                  <a:cxn ang="0">
                    <a:pos x="142" y="60"/>
                  </a:cxn>
                  <a:cxn ang="0">
                    <a:pos x="130" y="48"/>
                  </a:cxn>
                  <a:cxn ang="0">
                    <a:pos x="118" y="38"/>
                  </a:cxn>
                  <a:cxn ang="0">
                    <a:pos x="106" y="28"/>
                  </a:cxn>
                  <a:cxn ang="0">
                    <a:pos x="92" y="20"/>
                  </a:cxn>
                  <a:cxn ang="0">
                    <a:pos x="78" y="12"/>
                  </a:cxn>
                  <a:cxn ang="0">
                    <a:pos x="64" y="8"/>
                  </a:cxn>
                  <a:cxn ang="0">
                    <a:pos x="48" y="4"/>
                  </a:cxn>
                  <a:cxn ang="0">
                    <a:pos x="32" y="0"/>
                  </a:cxn>
                  <a:cxn ang="0">
                    <a:pos x="14" y="0"/>
                  </a:cxn>
                  <a:cxn ang="0">
                    <a:pos x="14" y="0"/>
                  </a:cxn>
                </a:cxnLst>
                <a:rect l="0" t="0" r="r" b="b"/>
                <a:pathLst>
                  <a:path w="178" h="178">
                    <a:moveTo>
                      <a:pt x="14" y="0"/>
                    </a:moveTo>
                    <a:lnTo>
                      <a:pt x="14" y="0"/>
                    </a:lnTo>
                    <a:lnTo>
                      <a:pt x="8" y="2"/>
                    </a:lnTo>
                    <a:lnTo>
                      <a:pt x="4" y="4"/>
                    </a:lnTo>
                    <a:lnTo>
                      <a:pt x="2" y="8"/>
                    </a:lnTo>
                    <a:lnTo>
                      <a:pt x="0" y="14"/>
                    </a:lnTo>
                    <a:lnTo>
                      <a:pt x="0" y="14"/>
                    </a:lnTo>
                    <a:lnTo>
                      <a:pt x="2" y="20"/>
                    </a:lnTo>
                    <a:lnTo>
                      <a:pt x="4" y="24"/>
                    </a:lnTo>
                    <a:lnTo>
                      <a:pt x="8" y="28"/>
                    </a:lnTo>
                    <a:lnTo>
                      <a:pt x="14" y="28"/>
                    </a:lnTo>
                    <a:lnTo>
                      <a:pt x="14" y="28"/>
                    </a:lnTo>
                    <a:lnTo>
                      <a:pt x="28" y="30"/>
                    </a:lnTo>
                    <a:lnTo>
                      <a:pt x="42" y="32"/>
                    </a:lnTo>
                    <a:lnTo>
                      <a:pt x="54" y="34"/>
                    </a:lnTo>
                    <a:lnTo>
                      <a:pt x="68" y="40"/>
                    </a:lnTo>
                    <a:lnTo>
                      <a:pt x="78" y="44"/>
                    </a:lnTo>
                    <a:lnTo>
                      <a:pt x="90" y="52"/>
                    </a:lnTo>
                    <a:lnTo>
                      <a:pt x="100" y="60"/>
                    </a:lnTo>
                    <a:lnTo>
                      <a:pt x="110" y="68"/>
                    </a:lnTo>
                    <a:lnTo>
                      <a:pt x="118" y="78"/>
                    </a:lnTo>
                    <a:lnTo>
                      <a:pt x="126" y="88"/>
                    </a:lnTo>
                    <a:lnTo>
                      <a:pt x="134" y="100"/>
                    </a:lnTo>
                    <a:lnTo>
                      <a:pt x="138" y="110"/>
                    </a:lnTo>
                    <a:lnTo>
                      <a:pt x="144" y="124"/>
                    </a:lnTo>
                    <a:lnTo>
                      <a:pt x="146" y="136"/>
                    </a:lnTo>
                    <a:lnTo>
                      <a:pt x="148" y="150"/>
                    </a:lnTo>
                    <a:lnTo>
                      <a:pt x="150" y="164"/>
                    </a:lnTo>
                    <a:lnTo>
                      <a:pt x="150" y="164"/>
                    </a:lnTo>
                    <a:lnTo>
                      <a:pt x="150" y="168"/>
                    </a:lnTo>
                    <a:lnTo>
                      <a:pt x="154" y="174"/>
                    </a:lnTo>
                    <a:lnTo>
                      <a:pt x="158" y="176"/>
                    </a:lnTo>
                    <a:lnTo>
                      <a:pt x="164" y="178"/>
                    </a:lnTo>
                    <a:lnTo>
                      <a:pt x="164" y="178"/>
                    </a:lnTo>
                    <a:lnTo>
                      <a:pt x="170" y="176"/>
                    </a:lnTo>
                    <a:lnTo>
                      <a:pt x="174" y="174"/>
                    </a:lnTo>
                    <a:lnTo>
                      <a:pt x="178" y="168"/>
                    </a:lnTo>
                    <a:lnTo>
                      <a:pt x="178" y="164"/>
                    </a:lnTo>
                    <a:lnTo>
                      <a:pt x="178" y="164"/>
                    </a:lnTo>
                    <a:lnTo>
                      <a:pt x="178" y="146"/>
                    </a:lnTo>
                    <a:lnTo>
                      <a:pt x="176" y="130"/>
                    </a:lnTo>
                    <a:lnTo>
                      <a:pt x="172" y="114"/>
                    </a:lnTo>
                    <a:lnTo>
                      <a:pt x="166" y="100"/>
                    </a:lnTo>
                    <a:lnTo>
                      <a:pt x="158" y="86"/>
                    </a:lnTo>
                    <a:lnTo>
                      <a:pt x="150" y="72"/>
                    </a:lnTo>
                    <a:lnTo>
                      <a:pt x="142" y="60"/>
                    </a:lnTo>
                    <a:lnTo>
                      <a:pt x="130" y="48"/>
                    </a:lnTo>
                    <a:lnTo>
                      <a:pt x="118" y="38"/>
                    </a:lnTo>
                    <a:lnTo>
                      <a:pt x="106" y="28"/>
                    </a:lnTo>
                    <a:lnTo>
                      <a:pt x="92" y="20"/>
                    </a:lnTo>
                    <a:lnTo>
                      <a:pt x="78" y="12"/>
                    </a:lnTo>
                    <a:lnTo>
                      <a:pt x="64" y="8"/>
                    </a:lnTo>
                    <a:lnTo>
                      <a:pt x="48" y="4"/>
                    </a:lnTo>
                    <a:lnTo>
                      <a:pt x="32" y="0"/>
                    </a:lnTo>
                    <a:lnTo>
                      <a:pt x="14" y="0"/>
                    </a:lnTo>
                    <a:lnTo>
                      <a:pt x="14" y="0"/>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28" name="Freeform 8"/>
              <p:cNvSpPr>
                <a:spLocks/>
              </p:cNvSpPr>
              <p:nvPr/>
            </p:nvSpPr>
            <p:spPr bwMode="auto">
              <a:xfrm>
                <a:off x="12113758" y="3497490"/>
                <a:ext cx="193675" cy="196850"/>
              </a:xfrm>
              <a:custGeom>
                <a:avLst/>
                <a:gdLst/>
                <a:ahLst/>
                <a:cxnLst>
                  <a:cxn ang="0">
                    <a:pos x="92" y="110"/>
                  </a:cxn>
                  <a:cxn ang="0">
                    <a:pos x="92" y="110"/>
                  </a:cxn>
                  <a:cxn ang="0">
                    <a:pos x="94" y="114"/>
                  </a:cxn>
                  <a:cxn ang="0">
                    <a:pos x="96" y="120"/>
                  </a:cxn>
                  <a:cxn ang="0">
                    <a:pos x="100" y="122"/>
                  </a:cxn>
                  <a:cxn ang="0">
                    <a:pos x="106" y="124"/>
                  </a:cxn>
                  <a:cxn ang="0">
                    <a:pos x="106" y="124"/>
                  </a:cxn>
                  <a:cxn ang="0">
                    <a:pos x="112" y="122"/>
                  </a:cxn>
                  <a:cxn ang="0">
                    <a:pos x="116" y="120"/>
                  </a:cxn>
                  <a:cxn ang="0">
                    <a:pos x="120" y="114"/>
                  </a:cxn>
                  <a:cxn ang="0">
                    <a:pos x="122" y="110"/>
                  </a:cxn>
                  <a:cxn ang="0">
                    <a:pos x="122" y="110"/>
                  </a:cxn>
                  <a:cxn ang="0">
                    <a:pos x="120" y="88"/>
                  </a:cxn>
                  <a:cxn ang="0">
                    <a:pos x="112" y="68"/>
                  </a:cxn>
                  <a:cxn ang="0">
                    <a:pos x="102" y="48"/>
                  </a:cxn>
                  <a:cxn ang="0">
                    <a:pos x="90" y="32"/>
                  </a:cxn>
                  <a:cxn ang="0">
                    <a:pos x="74" y="20"/>
                  </a:cxn>
                  <a:cxn ang="0">
                    <a:pos x="56" y="10"/>
                  </a:cxn>
                  <a:cxn ang="0">
                    <a:pos x="36" y="2"/>
                  </a:cxn>
                  <a:cxn ang="0">
                    <a:pos x="14" y="0"/>
                  </a:cxn>
                  <a:cxn ang="0">
                    <a:pos x="14" y="0"/>
                  </a:cxn>
                  <a:cxn ang="0">
                    <a:pos x="8" y="2"/>
                  </a:cxn>
                  <a:cxn ang="0">
                    <a:pos x="4" y="4"/>
                  </a:cxn>
                  <a:cxn ang="0">
                    <a:pos x="2" y="10"/>
                  </a:cxn>
                  <a:cxn ang="0">
                    <a:pos x="0" y="14"/>
                  </a:cxn>
                  <a:cxn ang="0">
                    <a:pos x="0" y="14"/>
                  </a:cxn>
                  <a:cxn ang="0">
                    <a:pos x="2" y="20"/>
                  </a:cxn>
                  <a:cxn ang="0">
                    <a:pos x="4" y="26"/>
                  </a:cxn>
                  <a:cxn ang="0">
                    <a:pos x="8" y="28"/>
                  </a:cxn>
                  <a:cxn ang="0">
                    <a:pos x="14" y="30"/>
                  </a:cxn>
                  <a:cxn ang="0">
                    <a:pos x="14" y="30"/>
                  </a:cxn>
                  <a:cxn ang="0">
                    <a:pos x="30" y="30"/>
                  </a:cxn>
                  <a:cxn ang="0">
                    <a:pos x="44" y="36"/>
                  </a:cxn>
                  <a:cxn ang="0">
                    <a:pos x="58" y="42"/>
                  </a:cxn>
                  <a:cxn ang="0">
                    <a:pos x="70" y="52"/>
                  </a:cxn>
                  <a:cxn ang="0">
                    <a:pos x="78" y="64"/>
                  </a:cxn>
                  <a:cxn ang="0">
                    <a:pos x="86" y="78"/>
                  </a:cxn>
                  <a:cxn ang="0">
                    <a:pos x="90" y="94"/>
                  </a:cxn>
                  <a:cxn ang="0">
                    <a:pos x="92" y="110"/>
                  </a:cxn>
                  <a:cxn ang="0">
                    <a:pos x="92" y="110"/>
                  </a:cxn>
                </a:cxnLst>
                <a:rect l="0" t="0" r="r" b="b"/>
                <a:pathLst>
                  <a:path w="122" h="124">
                    <a:moveTo>
                      <a:pt x="92" y="110"/>
                    </a:moveTo>
                    <a:lnTo>
                      <a:pt x="92" y="110"/>
                    </a:lnTo>
                    <a:lnTo>
                      <a:pt x="94" y="114"/>
                    </a:lnTo>
                    <a:lnTo>
                      <a:pt x="96" y="120"/>
                    </a:lnTo>
                    <a:lnTo>
                      <a:pt x="100" y="122"/>
                    </a:lnTo>
                    <a:lnTo>
                      <a:pt x="106" y="124"/>
                    </a:lnTo>
                    <a:lnTo>
                      <a:pt x="106" y="124"/>
                    </a:lnTo>
                    <a:lnTo>
                      <a:pt x="112" y="122"/>
                    </a:lnTo>
                    <a:lnTo>
                      <a:pt x="116" y="120"/>
                    </a:lnTo>
                    <a:lnTo>
                      <a:pt x="120" y="114"/>
                    </a:lnTo>
                    <a:lnTo>
                      <a:pt x="122" y="110"/>
                    </a:lnTo>
                    <a:lnTo>
                      <a:pt x="122" y="110"/>
                    </a:lnTo>
                    <a:lnTo>
                      <a:pt x="120" y="88"/>
                    </a:lnTo>
                    <a:lnTo>
                      <a:pt x="112" y="68"/>
                    </a:lnTo>
                    <a:lnTo>
                      <a:pt x="102" y="48"/>
                    </a:lnTo>
                    <a:lnTo>
                      <a:pt x="90" y="32"/>
                    </a:lnTo>
                    <a:lnTo>
                      <a:pt x="74" y="20"/>
                    </a:lnTo>
                    <a:lnTo>
                      <a:pt x="56" y="10"/>
                    </a:lnTo>
                    <a:lnTo>
                      <a:pt x="36" y="2"/>
                    </a:lnTo>
                    <a:lnTo>
                      <a:pt x="14" y="0"/>
                    </a:lnTo>
                    <a:lnTo>
                      <a:pt x="14" y="0"/>
                    </a:lnTo>
                    <a:lnTo>
                      <a:pt x="8" y="2"/>
                    </a:lnTo>
                    <a:lnTo>
                      <a:pt x="4" y="4"/>
                    </a:lnTo>
                    <a:lnTo>
                      <a:pt x="2" y="10"/>
                    </a:lnTo>
                    <a:lnTo>
                      <a:pt x="0" y="14"/>
                    </a:lnTo>
                    <a:lnTo>
                      <a:pt x="0" y="14"/>
                    </a:lnTo>
                    <a:lnTo>
                      <a:pt x="2" y="20"/>
                    </a:lnTo>
                    <a:lnTo>
                      <a:pt x="4" y="26"/>
                    </a:lnTo>
                    <a:lnTo>
                      <a:pt x="8" y="28"/>
                    </a:lnTo>
                    <a:lnTo>
                      <a:pt x="14" y="30"/>
                    </a:lnTo>
                    <a:lnTo>
                      <a:pt x="14" y="30"/>
                    </a:lnTo>
                    <a:lnTo>
                      <a:pt x="30" y="30"/>
                    </a:lnTo>
                    <a:lnTo>
                      <a:pt x="44" y="36"/>
                    </a:lnTo>
                    <a:lnTo>
                      <a:pt x="58" y="42"/>
                    </a:lnTo>
                    <a:lnTo>
                      <a:pt x="70" y="52"/>
                    </a:lnTo>
                    <a:lnTo>
                      <a:pt x="78" y="64"/>
                    </a:lnTo>
                    <a:lnTo>
                      <a:pt x="86" y="78"/>
                    </a:lnTo>
                    <a:lnTo>
                      <a:pt x="90" y="94"/>
                    </a:lnTo>
                    <a:lnTo>
                      <a:pt x="92" y="110"/>
                    </a:lnTo>
                    <a:lnTo>
                      <a:pt x="92" y="110"/>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sp>
            <p:nvSpPr>
              <p:cNvPr id="129" name="Freeform 9"/>
              <p:cNvSpPr>
                <a:spLocks/>
              </p:cNvSpPr>
              <p:nvPr/>
            </p:nvSpPr>
            <p:spPr bwMode="auto">
              <a:xfrm>
                <a:off x="11897858" y="3446690"/>
                <a:ext cx="454025" cy="457200"/>
              </a:xfrm>
              <a:custGeom>
                <a:avLst/>
                <a:gdLst/>
                <a:ahLst/>
                <a:cxnLst>
                  <a:cxn ang="0">
                    <a:pos x="244" y="188"/>
                  </a:cxn>
                  <a:cxn ang="0">
                    <a:pos x="244" y="188"/>
                  </a:cxn>
                  <a:cxn ang="0">
                    <a:pos x="238" y="182"/>
                  </a:cxn>
                  <a:cxn ang="0">
                    <a:pos x="230" y="180"/>
                  </a:cxn>
                  <a:cxn ang="0">
                    <a:pos x="224" y="182"/>
                  </a:cxn>
                  <a:cxn ang="0">
                    <a:pos x="218" y="184"/>
                  </a:cxn>
                  <a:cxn ang="0">
                    <a:pos x="198" y="206"/>
                  </a:cxn>
                  <a:cxn ang="0">
                    <a:pos x="82" y="92"/>
                  </a:cxn>
                  <a:cxn ang="0">
                    <a:pos x="106" y="68"/>
                  </a:cxn>
                  <a:cxn ang="0">
                    <a:pos x="106" y="68"/>
                  </a:cxn>
                  <a:cxn ang="0">
                    <a:pos x="108" y="62"/>
                  </a:cxn>
                  <a:cxn ang="0">
                    <a:pos x="110" y="56"/>
                  </a:cxn>
                  <a:cxn ang="0">
                    <a:pos x="108" y="50"/>
                  </a:cxn>
                  <a:cxn ang="0">
                    <a:pos x="102" y="42"/>
                  </a:cxn>
                  <a:cxn ang="0">
                    <a:pos x="66" y="6"/>
                  </a:cxn>
                  <a:cxn ang="0">
                    <a:pos x="66" y="6"/>
                  </a:cxn>
                  <a:cxn ang="0">
                    <a:pos x="60" y="2"/>
                  </a:cxn>
                  <a:cxn ang="0">
                    <a:pos x="54" y="0"/>
                  </a:cxn>
                  <a:cxn ang="0">
                    <a:pos x="48" y="0"/>
                  </a:cxn>
                  <a:cxn ang="0">
                    <a:pos x="42" y="4"/>
                  </a:cxn>
                  <a:cxn ang="0">
                    <a:pos x="14" y="32"/>
                  </a:cxn>
                  <a:cxn ang="0">
                    <a:pos x="14" y="32"/>
                  </a:cxn>
                  <a:cxn ang="0">
                    <a:pos x="8" y="38"/>
                  </a:cxn>
                  <a:cxn ang="0">
                    <a:pos x="4" y="46"/>
                  </a:cxn>
                  <a:cxn ang="0">
                    <a:pos x="2" y="54"/>
                  </a:cxn>
                  <a:cxn ang="0">
                    <a:pos x="0" y="62"/>
                  </a:cxn>
                  <a:cxn ang="0">
                    <a:pos x="0" y="72"/>
                  </a:cxn>
                  <a:cxn ang="0">
                    <a:pos x="2" y="80"/>
                  </a:cxn>
                  <a:cxn ang="0">
                    <a:pos x="6" y="90"/>
                  </a:cxn>
                  <a:cxn ang="0">
                    <a:pos x="12" y="98"/>
                  </a:cxn>
                  <a:cxn ang="0">
                    <a:pos x="12" y="98"/>
                  </a:cxn>
                  <a:cxn ang="0">
                    <a:pos x="32" y="128"/>
                  </a:cxn>
                  <a:cxn ang="0">
                    <a:pos x="50" y="154"/>
                  </a:cxn>
                  <a:cxn ang="0">
                    <a:pos x="70" y="178"/>
                  </a:cxn>
                  <a:cxn ang="0">
                    <a:pos x="90" y="200"/>
                  </a:cxn>
                  <a:cxn ang="0">
                    <a:pos x="112" y="220"/>
                  </a:cxn>
                  <a:cxn ang="0">
                    <a:pos x="136" y="240"/>
                  </a:cxn>
                  <a:cxn ang="0">
                    <a:pos x="162" y="258"/>
                  </a:cxn>
                  <a:cxn ang="0">
                    <a:pos x="190" y="278"/>
                  </a:cxn>
                  <a:cxn ang="0">
                    <a:pos x="190" y="278"/>
                  </a:cxn>
                  <a:cxn ang="0">
                    <a:pos x="198" y="282"/>
                  </a:cxn>
                  <a:cxn ang="0">
                    <a:pos x="208" y="286"/>
                  </a:cxn>
                  <a:cxn ang="0">
                    <a:pos x="216" y="288"/>
                  </a:cxn>
                  <a:cxn ang="0">
                    <a:pos x="226" y="288"/>
                  </a:cxn>
                  <a:cxn ang="0">
                    <a:pos x="234" y="286"/>
                  </a:cxn>
                  <a:cxn ang="0">
                    <a:pos x="242" y="284"/>
                  </a:cxn>
                  <a:cxn ang="0">
                    <a:pos x="250" y="280"/>
                  </a:cxn>
                  <a:cxn ang="0">
                    <a:pos x="258" y="274"/>
                  </a:cxn>
                  <a:cxn ang="0">
                    <a:pos x="282" y="248"/>
                  </a:cxn>
                  <a:cxn ang="0">
                    <a:pos x="282" y="248"/>
                  </a:cxn>
                  <a:cxn ang="0">
                    <a:pos x="286" y="244"/>
                  </a:cxn>
                  <a:cxn ang="0">
                    <a:pos x="286" y="236"/>
                  </a:cxn>
                  <a:cxn ang="0">
                    <a:pos x="284" y="230"/>
                  </a:cxn>
                  <a:cxn ang="0">
                    <a:pos x="280" y="224"/>
                  </a:cxn>
                  <a:cxn ang="0">
                    <a:pos x="244" y="188"/>
                  </a:cxn>
                </a:cxnLst>
                <a:rect l="0" t="0" r="r" b="b"/>
                <a:pathLst>
                  <a:path w="286" h="288">
                    <a:moveTo>
                      <a:pt x="244" y="188"/>
                    </a:moveTo>
                    <a:lnTo>
                      <a:pt x="244" y="188"/>
                    </a:lnTo>
                    <a:lnTo>
                      <a:pt x="238" y="182"/>
                    </a:lnTo>
                    <a:lnTo>
                      <a:pt x="230" y="180"/>
                    </a:lnTo>
                    <a:lnTo>
                      <a:pt x="224" y="182"/>
                    </a:lnTo>
                    <a:lnTo>
                      <a:pt x="218" y="184"/>
                    </a:lnTo>
                    <a:lnTo>
                      <a:pt x="198" y="206"/>
                    </a:lnTo>
                    <a:lnTo>
                      <a:pt x="82" y="92"/>
                    </a:lnTo>
                    <a:lnTo>
                      <a:pt x="106" y="68"/>
                    </a:lnTo>
                    <a:lnTo>
                      <a:pt x="106" y="68"/>
                    </a:lnTo>
                    <a:lnTo>
                      <a:pt x="108" y="62"/>
                    </a:lnTo>
                    <a:lnTo>
                      <a:pt x="110" y="56"/>
                    </a:lnTo>
                    <a:lnTo>
                      <a:pt x="108" y="50"/>
                    </a:lnTo>
                    <a:lnTo>
                      <a:pt x="102" y="42"/>
                    </a:lnTo>
                    <a:lnTo>
                      <a:pt x="66" y="6"/>
                    </a:lnTo>
                    <a:lnTo>
                      <a:pt x="66" y="6"/>
                    </a:lnTo>
                    <a:lnTo>
                      <a:pt x="60" y="2"/>
                    </a:lnTo>
                    <a:lnTo>
                      <a:pt x="54" y="0"/>
                    </a:lnTo>
                    <a:lnTo>
                      <a:pt x="48" y="0"/>
                    </a:lnTo>
                    <a:lnTo>
                      <a:pt x="42" y="4"/>
                    </a:lnTo>
                    <a:lnTo>
                      <a:pt x="14" y="32"/>
                    </a:lnTo>
                    <a:lnTo>
                      <a:pt x="14" y="32"/>
                    </a:lnTo>
                    <a:lnTo>
                      <a:pt x="8" y="38"/>
                    </a:lnTo>
                    <a:lnTo>
                      <a:pt x="4" y="46"/>
                    </a:lnTo>
                    <a:lnTo>
                      <a:pt x="2" y="54"/>
                    </a:lnTo>
                    <a:lnTo>
                      <a:pt x="0" y="62"/>
                    </a:lnTo>
                    <a:lnTo>
                      <a:pt x="0" y="72"/>
                    </a:lnTo>
                    <a:lnTo>
                      <a:pt x="2" y="80"/>
                    </a:lnTo>
                    <a:lnTo>
                      <a:pt x="6" y="90"/>
                    </a:lnTo>
                    <a:lnTo>
                      <a:pt x="12" y="98"/>
                    </a:lnTo>
                    <a:lnTo>
                      <a:pt x="12" y="98"/>
                    </a:lnTo>
                    <a:lnTo>
                      <a:pt x="32" y="128"/>
                    </a:lnTo>
                    <a:lnTo>
                      <a:pt x="50" y="154"/>
                    </a:lnTo>
                    <a:lnTo>
                      <a:pt x="70" y="178"/>
                    </a:lnTo>
                    <a:lnTo>
                      <a:pt x="90" y="200"/>
                    </a:lnTo>
                    <a:lnTo>
                      <a:pt x="112" y="220"/>
                    </a:lnTo>
                    <a:lnTo>
                      <a:pt x="136" y="240"/>
                    </a:lnTo>
                    <a:lnTo>
                      <a:pt x="162" y="258"/>
                    </a:lnTo>
                    <a:lnTo>
                      <a:pt x="190" y="278"/>
                    </a:lnTo>
                    <a:lnTo>
                      <a:pt x="190" y="278"/>
                    </a:lnTo>
                    <a:lnTo>
                      <a:pt x="198" y="282"/>
                    </a:lnTo>
                    <a:lnTo>
                      <a:pt x="208" y="286"/>
                    </a:lnTo>
                    <a:lnTo>
                      <a:pt x="216" y="288"/>
                    </a:lnTo>
                    <a:lnTo>
                      <a:pt x="226" y="288"/>
                    </a:lnTo>
                    <a:lnTo>
                      <a:pt x="234" y="286"/>
                    </a:lnTo>
                    <a:lnTo>
                      <a:pt x="242" y="284"/>
                    </a:lnTo>
                    <a:lnTo>
                      <a:pt x="250" y="280"/>
                    </a:lnTo>
                    <a:lnTo>
                      <a:pt x="258" y="274"/>
                    </a:lnTo>
                    <a:lnTo>
                      <a:pt x="282" y="248"/>
                    </a:lnTo>
                    <a:lnTo>
                      <a:pt x="282" y="248"/>
                    </a:lnTo>
                    <a:lnTo>
                      <a:pt x="286" y="244"/>
                    </a:lnTo>
                    <a:lnTo>
                      <a:pt x="286" y="236"/>
                    </a:lnTo>
                    <a:lnTo>
                      <a:pt x="284" y="230"/>
                    </a:lnTo>
                    <a:lnTo>
                      <a:pt x="280" y="224"/>
                    </a:lnTo>
                    <a:lnTo>
                      <a:pt x="244" y="188"/>
                    </a:lnTo>
                    <a:close/>
                  </a:path>
                </a:pathLst>
              </a:custGeom>
              <a:grpFill/>
              <a:ln w="9525">
                <a:noFill/>
                <a:round/>
                <a:headEnd/>
                <a:tailEnd/>
              </a:ln>
            </p:spPr>
            <p:txBody>
              <a:bodyPr/>
              <a:lstStyle/>
              <a:p>
                <a:pPr fontAlgn="ctr">
                  <a:defRPr/>
                </a:pPr>
                <a:endParaRPr lang="en-US" altLang="zh-CN">
                  <a:latin typeface="Arial"/>
                  <a:ea typeface="微软雅黑" pitchFamily="34" charset="-122"/>
                  <a:cs typeface="Arial" pitchFamily="34" charset="0"/>
                </a:endParaRPr>
              </a:p>
            </p:txBody>
          </p:sp>
        </p:grpSp>
      </p:grpSp>
      <p:sp>
        <p:nvSpPr>
          <p:cNvPr id="175" name="Freeform 30"/>
          <p:cNvSpPr>
            <a:spLocks noEditPoints="1"/>
          </p:cNvSpPr>
          <p:nvPr/>
        </p:nvSpPr>
        <p:spPr bwMode="auto">
          <a:xfrm>
            <a:off x="15064440" y="4665527"/>
            <a:ext cx="921298" cy="1196515"/>
          </a:xfrm>
          <a:custGeom>
            <a:avLst/>
            <a:gdLst/>
            <a:ahLst/>
            <a:cxnLst>
              <a:cxn ang="0">
                <a:pos x="0" y="248"/>
              </a:cxn>
              <a:cxn ang="0">
                <a:pos x="22" y="404"/>
              </a:cxn>
              <a:cxn ang="0">
                <a:pos x="194" y="468"/>
              </a:cxn>
              <a:cxn ang="0">
                <a:pos x="440" y="474"/>
              </a:cxn>
              <a:cxn ang="0">
                <a:pos x="656" y="404"/>
              </a:cxn>
              <a:cxn ang="0">
                <a:pos x="680" y="248"/>
              </a:cxn>
              <a:cxn ang="0">
                <a:pos x="660" y="238"/>
              </a:cxn>
              <a:cxn ang="0">
                <a:pos x="438" y="312"/>
              </a:cxn>
              <a:cxn ang="0">
                <a:pos x="196" y="304"/>
              </a:cxn>
              <a:cxn ang="0">
                <a:pos x="20" y="238"/>
              </a:cxn>
              <a:cxn ang="0">
                <a:pos x="56" y="364"/>
              </a:cxn>
              <a:cxn ang="0">
                <a:pos x="70" y="316"/>
              </a:cxn>
              <a:cxn ang="0">
                <a:pos x="94" y="336"/>
              </a:cxn>
              <a:cxn ang="0">
                <a:pos x="80" y="384"/>
              </a:cxn>
              <a:cxn ang="0">
                <a:pos x="412" y="270"/>
              </a:cxn>
              <a:cxn ang="0">
                <a:pos x="584" y="230"/>
              </a:cxn>
              <a:cxn ang="0">
                <a:pos x="674" y="162"/>
              </a:cxn>
              <a:cxn ang="0">
                <a:pos x="666" y="100"/>
              </a:cxn>
              <a:cxn ang="0">
                <a:pos x="562" y="34"/>
              </a:cxn>
              <a:cxn ang="0">
                <a:pos x="376" y="0"/>
              </a:cxn>
              <a:cxn ang="0">
                <a:pos x="202" y="12"/>
              </a:cxn>
              <a:cxn ang="0">
                <a:pos x="54" y="64"/>
              </a:cxn>
              <a:cxn ang="0">
                <a:pos x="0" y="138"/>
              </a:cxn>
              <a:cxn ang="0">
                <a:pos x="38" y="198"/>
              </a:cxn>
              <a:cxn ang="0">
                <a:pos x="172" y="256"/>
              </a:cxn>
              <a:cxn ang="0">
                <a:pos x="340" y="274"/>
              </a:cxn>
              <a:cxn ang="0">
                <a:pos x="2" y="470"/>
              </a:cxn>
              <a:cxn ang="0">
                <a:pos x="24" y="608"/>
              </a:cxn>
              <a:cxn ang="0">
                <a:pos x="196" y="670"/>
              </a:cxn>
              <a:cxn ang="0">
                <a:pos x="440" y="678"/>
              </a:cxn>
              <a:cxn ang="0">
                <a:pos x="654" y="608"/>
              </a:cxn>
              <a:cxn ang="0">
                <a:pos x="676" y="470"/>
              </a:cxn>
              <a:cxn ang="0">
                <a:pos x="654" y="456"/>
              </a:cxn>
              <a:cxn ang="0">
                <a:pos x="432" y="518"/>
              </a:cxn>
              <a:cxn ang="0">
                <a:pos x="204" y="512"/>
              </a:cxn>
              <a:cxn ang="0">
                <a:pos x="24" y="456"/>
              </a:cxn>
              <a:cxn ang="0">
                <a:pos x="58" y="566"/>
              </a:cxn>
              <a:cxn ang="0">
                <a:pos x="72" y="518"/>
              </a:cxn>
              <a:cxn ang="0">
                <a:pos x="96" y="538"/>
              </a:cxn>
              <a:cxn ang="0">
                <a:pos x="82" y="586"/>
              </a:cxn>
              <a:cxn ang="0">
                <a:pos x="12" y="660"/>
              </a:cxn>
              <a:cxn ang="0">
                <a:pos x="12" y="792"/>
              </a:cxn>
              <a:cxn ang="0">
                <a:pos x="116" y="852"/>
              </a:cxn>
              <a:cxn ang="0">
                <a:pos x="340" y="884"/>
              </a:cxn>
              <a:cxn ang="0">
                <a:pos x="598" y="840"/>
              </a:cxn>
              <a:cxn ang="0">
                <a:pos x="672" y="780"/>
              </a:cxn>
              <a:cxn ang="0">
                <a:pos x="660" y="658"/>
              </a:cxn>
              <a:cxn ang="0">
                <a:pos x="516" y="708"/>
              </a:cxn>
              <a:cxn ang="0">
                <a:pos x="292" y="724"/>
              </a:cxn>
              <a:cxn ang="0">
                <a:pos x="56" y="674"/>
              </a:cxn>
              <a:cxn ang="0">
                <a:pos x="70" y="784"/>
              </a:cxn>
              <a:cxn ang="0">
                <a:pos x="64" y="728"/>
              </a:cxn>
              <a:cxn ang="0">
                <a:pos x="86" y="720"/>
              </a:cxn>
              <a:cxn ang="0">
                <a:pos x="94" y="776"/>
              </a:cxn>
            </a:cxnLst>
            <a:rect l="0" t="0" r="r" b="b"/>
            <a:pathLst>
              <a:path w="680" h="884">
                <a:moveTo>
                  <a:pt x="20" y="238"/>
                </a:moveTo>
                <a:lnTo>
                  <a:pt x="20" y="238"/>
                </a:lnTo>
                <a:lnTo>
                  <a:pt x="14" y="234"/>
                </a:lnTo>
                <a:lnTo>
                  <a:pt x="6" y="236"/>
                </a:lnTo>
                <a:lnTo>
                  <a:pt x="2" y="242"/>
                </a:lnTo>
                <a:lnTo>
                  <a:pt x="0" y="248"/>
                </a:lnTo>
                <a:lnTo>
                  <a:pt x="2" y="362"/>
                </a:lnTo>
                <a:lnTo>
                  <a:pt x="2" y="362"/>
                </a:lnTo>
                <a:lnTo>
                  <a:pt x="2" y="374"/>
                </a:lnTo>
                <a:lnTo>
                  <a:pt x="6" y="386"/>
                </a:lnTo>
                <a:lnTo>
                  <a:pt x="14" y="396"/>
                </a:lnTo>
                <a:lnTo>
                  <a:pt x="22" y="404"/>
                </a:lnTo>
                <a:lnTo>
                  <a:pt x="22" y="404"/>
                </a:lnTo>
                <a:lnTo>
                  <a:pt x="48" y="420"/>
                </a:lnTo>
                <a:lnTo>
                  <a:pt x="80" y="434"/>
                </a:lnTo>
                <a:lnTo>
                  <a:pt x="114" y="448"/>
                </a:lnTo>
                <a:lnTo>
                  <a:pt x="152" y="458"/>
                </a:lnTo>
                <a:lnTo>
                  <a:pt x="194" y="468"/>
                </a:lnTo>
                <a:lnTo>
                  <a:pt x="240" y="474"/>
                </a:lnTo>
                <a:lnTo>
                  <a:pt x="288" y="478"/>
                </a:lnTo>
                <a:lnTo>
                  <a:pt x="340" y="480"/>
                </a:lnTo>
                <a:lnTo>
                  <a:pt x="340" y="480"/>
                </a:lnTo>
                <a:lnTo>
                  <a:pt x="392" y="478"/>
                </a:lnTo>
                <a:lnTo>
                  <a:pt x="440" y="474"/>
                </a:lnTo>
                <a:lnTo>
                  <a:pt x="486" y="468"/>
                </a:lnTo>
                <a:lnTo>
                  <a:pt x="528" y="458"/>
                </a:lnTo>
                <a:lnTo>
                  <a:pt x="566" y="448"/>
                </a:lnTo>
                <a:lnTo>
                  <a:pt x="600" y="434"/>
                </a:lnTo>
                <a:lnTo>
                  <a:pt x="630" y="420"/>
                </a:lnTo>
                <a:lnTo>
                  <a:pt x="656" y="404"/>
                </a:lnTo>
                <a:lnTo>
                  <a:pt x="656" y="404"/>
                </a:lnTo>
                <a:lnTo>
                  <a:pt x="666" y="396"/>
                </a:lnTo>
                <a:lnTo>
                  <a:pt x="672" y="386"/>
                </a:lnTo>
                <a:lnTo>
                  <a:pt x="676" y="374"/>
                </a:lnTo>
                <a:lnTo>
                  <a:pt x="678" y="362"/>
                </a:lnTo>
                <a:lnTo>
                  <a:pt x="680" y="248"/>
                </a:lnTo>
                <a:lnTo>
                  <a:pt x="680" y="248"/>
                </a:lnTo>
                <a:lnTo>
                  <a:pt x="678" y="242"/>
                </a:lnTo>
                <a:lnTo>
                  <a:pt x="672" y="236"/>
                </a:lnTo>
                <a:lnTo>
                  <a:pt x="666" y="234"/>
                </a:lnTo>
                <a:lnTo>
                  <a:pt x="660" y="238"/>
                </a:lnTo>
                <a:lnTo>
                  <a:pt x="660" y="238"/>
                </a:lnTo>
                <a:lnTo>
                  <a:pt x="632" y="254"/>
                </a:lnTo>
                <a:lnTo>
                  <a:pt x="600" y="270"/>
                </a:lnTo>
                <a:lnTo>
                  <a:pt x="564" y="284"/>
                </a:lnTo>
                <a:lnTo>
                  <a:pt x="526" y="296"/>
                </a:lnTo>
                <a:lnTo>
                  <a:pt x="482" y="304"/>
                </a:lnTo>
                <a:lnTo>
                  <a:pt x="438" y="312"/>
                </a:lnTo>
                <a:lnTo>
                  <a:pt x="390" y="316"/>
                </a:lnTo>
                <a:lnTo>
                  <a:pt x="340" y="318"/>
                </a:lnTo>
                <a:lnTo>
                  <a:pt x="340" y="318"/>
                </a:lnTo>
                <a:lnTo>
                  <a:pt x="290" y="316"/>
                </a:lnTo>
                <a:lnTo>
                  <a:pt x="242" y="312"/>
                </a:lnTo>
                <a:lnTo>
                  <a:pt x="196" y="304"/>
                </a:lnTo>
                <a:lnTo>
                  <a:pt x="154" y="296"/>
                </a:lnTo>
                <a:lnTo>
                  <a:pt x="116" y="284"/>
                </a:lnTo>
                <a:lnTo>
                  <a:pt x="80" y="270"/>
                </a:lnTo>
                <a:lnTo>
                  <a:pt x="48" y="254"/>
                </a:lnTo>
                <a:lnTo>
                  <a:pt x="20" y="238"/>
                </a:lnTo>
                <a:lnTo>
                  <a:pt x="20" y="238"/>
                </a:lnTo>
                <a:close/>
                <a:moveTo>
                  <a:pt x="76" y="386"/>
                </a:moveTo>
                <a:lnTo>
                  <a:pt x="76" y="386"/>
                </a:lnTo>
                <a:lnTo>
                  <a:pt x="72" y="384"/>
                </a:lnTo>
                <a:lnTo>
                  <a:pt x="68" y="382"/>
                </a:lnTo>
                <a:lnTo>
                  <a:pt x="60" y="374"/>
                </a:lnTo>
                <a:lnTo>
                  <a:pt x="56" y="364"/>
                </a:lnTo>
                <a:lnTo>
                  <a:pt x="54" y="350"/>
                </a:lnTo>
                <a:lnTo>
                  <a:pt x="54" y="350"/>
                </a:lnTo>
                <a:lnTo>
                  <a:pt x="56" y="336"/>
                </a:lnTo>
                <a:lnTo>
                  <a:pt x="60" y="326"/>
                </a:lnTo>
                <a:lnTo>
                  <a:pt x="66" y="318"/>
                </a:lnTo>
                <a:lnTo>
                  <a:pt x="70" y="316"/>
                </a:lnTo>
                <a:lnTo>
                  <a:pt x="74" y="316"/>
                </a:lnTo>
                <a:lnTo>
                  <a:pt x="74" y="316"/>
                </a:lnTo>
                <a:lnTo>
                  <a:pt x="80" y="316"/>
                </a:lnTo>
                <a:lnTo>
                  <a:pt x="84" y="318"/>
                </a:lnTo>
                <a:lnTo>
                  <a:pt x="90" y="326"/>
                </a:lnTo>
                <a:lnTo>
                  <a:pt x="94" y="336"/>
                </a:lnTo>
                <a:lnTo>
                  <a:pt x="96" y="350"/>
                </a:lnTo>
                <a:lnTo>
                  <a:pt x="96" y="350"/>
                </a:lnTo>
                <a:lnTo>
                  <a:pt x="94" y="364"/>
                </a:lnTo>
                <a:lnTo>
                  <a:pt x="90" y="374"/>
                </a:lnTo>
                <a:lnTo>
                  <a:pt x="84" y="382"/>
                </a:lnTo>
                <a:lnTo>
                  <a:pt x="80" y="384"/>
                </a:lnTo>
                <a:lnTo>
                  <a:pt x="76" y="386"/>
                </a:lnTo>
                <a:lnTo>
                  <a:pt x="76" y="386"/>
                </a:lnTo>
                <a:close/>
                <a:moveTo>
                  <a:pt x="340" y="274"/>
                </a:moveTo>
                <a:lnTo>
                  <a:pt x="340" y="274"/>
                </a:lnTo>
                <a:lnTo>
                  <a:pt x="376" y="274"/>
                </a:lnTo>
                <a:lnTo>
                  <a:pt x="412" y="270"/>
                </a:lnTo>
                <a:lnTo>
                  <a:pt x="446" y="266"/>
                </a:lnTo>
                <a:lnTo>
                  <a:pt x="478" y="262"/>
                </a:lnTo>
                <a:lnTo>
                  <a:pt x="508" y="256"/>
                </a:lnTo>
                <a:lnTo>
                  <a:pt x="536" y="248"/>
                </a:lnTo>
                <a:lnTo>
                  <a:pt x="562" y="240"/>
                </a:lnTo>
                <a:lnTo>
                  <a:pt x="584" y="230"/>
                </a:lnTo>
                <a:lnTo>
                  <a:pt x="606" y="220"/>
                </a:lnTo>
                <a:lnTo>
                  <a:pt x="624" y="208"/>
                </a:lnTo>
                <a:lnTo>
                  <a:pt x="642" y="198"/>
                </a:lnTo>
                <a:lnTo>
                  <a:pt x="654" y="186"/>
                </a:lnTo>
                <a:lnTo>
                  <a:pt x="666" y="174"/>
                </a:lnTo>
                <a:lnTo>
                  <a:pt x="674" y="162"/>
                </a:lnTo>
                <a:lnTo>
                  <a:pt x="678" y="150"/>
                </a:lnTo>
                <a:lnTo>
                  <a:pt x="680" y="138"/>
                </a:lnTo>
                <a:lnTo>
                  <a:pt x="680" y="138"/>
                </a:lnTo>
                <a:lnTo>
                  <a:pt x="678" y="124"/>
                </a:lnTo>
                <a:lnTo>
                  <a:pt x="674" y="112"/>
                </a:lnTo>
                <a:lnTo>
                  <a:pt x="666" y="100"/>
                </a:lnTo>
                <a:lnTo>
                  <a:pt x="656" y="88"/>
                </a:lnTo>
                <a:lnTo>
                  <a:pt x="642" y="76"/>
                </a:lnTo>
                <a:lnTo>
                  <a:pt x="626" y="64"/>
                </a:lnTo>
                <a:lnTo>
                  <a:pt x="608" y="54"/>
                </a:lnTo>
                <a:lnTo>
                  <a:pt x="586" y="44"/>
                </a:lnTo>
                <a:lnTo>
                  <a:pt x="562" y="34"/>
                </a:lnTo>
                <a:lnTo>
                  <a:pt x="536" y="26"/>
                </a:lnTo>
                <a:lnTo>
                  <a:pt x="508" y="18"/>
                </a:lnTo>
                <a:lnTo>
                  <a:pt x="478" y="12"/>
                </a:lnTo>
                <a:lnTo>
                  <a:pt x="446" y="6"/>
                </a:lnTo>
                <a:lnTo>
                  <a:pt x="412" y="2"/>
                </a:lnTo>
                <a:lnTo>
                  <a:pt x="376" y="0"/>
                </a:lnTo>
                <a:lnTo>
                  <a:pt x="340" y="0"/>
                </a:lnTo>
                <a:lnTo>
                  <a:pt x="340" y="0"/>
                </a:lnTo>
                <a:lnTo>
                  <a:pt x="302" y="0"/>
                </a:lnTo>
                <a:lnTo>
                  <a:pt x="268" y="2"/>
                </a:lnTo>
                <a:lnTo>
                  <a:pt x="234" y="6"/>
                </a:lnTo>
                <a:lnTo>
                  <a:pt x="202" y="12"/>
                </a:lnTo>
                <a:lnTo>
                  <a:pt x="172" y="18"/>
                </a:lnTo>
                <a:lnTo>
                  <a:pt x="144" y="26"/>
                </a:lnTo>
                <a:lnTo>
                  <a:pt x="118" y="34"/>
                </a:lnTo>
                <a:lnTo>
                  <a:pt x="94" y="44"/>
                </a:lnTo>
                <a:lnTo>
                  <a:pt x="72" y="54"/>
                </a:lnTo>
                <a:lnTo>
                  <a:pt x="54" y="64"/>
                </a:lnTo>
                <a:lnTo>
                  <a:pt x="38" y="76"/>
                </a:lnTo>
                <a:lnTo>
                  <a:pt x="24" y="88"/>
                </a:lnTo>
                <a:lnTo>
                  <a:pt x="14" y="100"/>
                </a:lnTo>
                <a:lnTo>
                  <a:pt x="6" y="112"/>
                </a:lnTo>
                <a:lnTo>
                  <a:pt x="0" y="124"/>
                </a:lnTo>
                <a:lnTo>
                  <a:pt x="0" y="138"/>
                </a:lnTo>
                <a:lnTo>
                  <a:pt x="0" y="138"/>
                </a:lnTo>
                <a:lnTo>
                  <a:pt x="0" y="150"/>
                </a:lnTo>
                <a:lnTo>
                  <a:pt x="6" y="162"/>
                </a:lnTo>
                <a:lnTo>
                  <a:pt x="14" y="174"/>
                </a:lnTo>
                <a:lnTo>
                  <a:pt x="24" y="186"/>
                </a:lnTo>
                <a:lnTo>
                  <a:pt x="38" y="198"/>
                </a:lnTo>
                <a:lnTo>
                  <a:pt x="54" y="208"/>
                </a:lnTo>
                <a:lnTo>
                  <a:pt x="74" y="220"/>
                </a:lnTo>
                <a:lnTo>
                  <a:pt x="94" y="230"/>
                </a:lnTo>
                <a:lnTo>
                  <a:pt x="118" y="240"/>
                </a:lnTo>
                <a:lnTo>
                  <a:pt x="144" y="248"/>
                </a:lnTo>
                <a:lnTo>
                  <a:pt x="172" y="256"/>
                </a:lnTo>
                <a:lnTo>
                  <a:pt x="202" y="262"/>
                </a:lnTo>
                <a:lnTo>
                  <a:pt x="234" y="266"/>
                </a:lnTo>
                <a:lnTo>
                  <a:pt x="268" y="270"/>
                </a:lnTo>
                <a:lnTo>
                  <a:pt x="302" y="274"/>
                </a:lnTo>
                <a:lnTo>
                  <a:pt x="340" y="274"/>
                </a:lnTo>
                <a:lnTo>
                  <a:pt x="340" y="274"/>
                </a:lnTo>
                <a:close/>
                <a:moveTo>
                  <a:pt x="24" y="456"/>
                </a:moveTo>
                <a:lnTo>
                  <a:pt x="24" y="456"/>
                </a:lnTo>
                <a:lnTo>
                  <a:pt x="16" y="454"/>
                </a:lnTo>
                <a:lnTo>
                  <a:pt x="10" y="456"/>
                </a:lnTo>
                <a:lnTo>
                  <a:pt x="4" y="462"/>
                </a:lnTo>
                <a:lnTo>
                  <a:pt x="2" y="470"/>
                </a:lnTo>
                <a:lnTo>
                  <a:pt x="4" y="566"/>
                </a:lnTo>
                <a:lnTo>
                  <a:pt x="4" y="566"/>
                </a:lnTo>
                <a:lnTo>
                  <a:pt x="6" y="578"/>
                </a:lnTo>
                <a:lnTo>
                  <a:pt x="10" y="590"/>
                </a:lnTo>
                <a:lnTo>
                  <a:pt x="16" y="600"/>
                </a:lnTo>
                <a:lnTo>
                  <a:pt x="24" y="608"/>
                </a:lnTo>
                <a:lnTo>
                  <a:pt x="24" y="608"/>
                </a:lnTo>
                <a:lnTo>
                  <a:pt x="50" y="624"/>
                </a:lnTo>
                <a:lnTo>
                  <a:pt x="80" y="638"/>
                </a:lnTo>
                <a:lnTo>
                  <a:pt x="116" y="650"/>
                </a:lnTo>
                <a:lnTo>
                  <a:pt x="154" y="662"/>
                </a:lnTo>
                <a:lnTo>
                  <a:pt x="196" y="670"/>
                </a:lnTo>
                <a:lnTo>
                  <a:pt x="240" y="678"/>
                </a:lnTo>
                <a:lnTo>
                  <a:pt x="288" y="682"/>
                </a:lnTo>
                <a:lnTo>
                  <a:pt x="340" y="682"/>
                </a:lnTo>
                <a:lnTo>
                  <a:pt x="340" y="682"/>
                </a:lnTo>
                <a:lnTo>
                  <a:pt x="390" y="682"/>
                </a:lnTo>
                <a:lnTo>
                  <a:pt x="440" y="678"/>
                </a:lnTo>
                <a:lnTo>
                  <a:pt x="484" y="670"/>
                </a:lnTo>
                <a:lnTo>
                  <a:pt x="526" y="662"/>
                </a:lnTo>
                <a:lnTo>
                  <a:pt x="564" y="650"/>
                </a:lnTo>
                <a:lnTo>
                  <a:pt x="598" y="638"/>
                </a:lnTo>
                <a:lnTo>
                  <a:pt x="628" y="624"/>
                </a:lnTo>
                <a:lnTo>
                  <a:pt x="654" y="608"/>
                </a:lnTo>
                <a:lnTo>
                  <a:pt x="654" y="608"/>
                </a:lnTo>
                <a:lnTo>
                  <a:pt x="664" y="600"/>
                </a:lnTo>
                <a:lnTo>
                  <a:pt x="670" y="590"/>
                </a:lnTo>
                <a:lnTo>
                  <a:pt x="674" y="578"/>
                </a:lnTo>
                <a:lnTo>
                  <a:pt x="676" y="566"/>
                </a:lnTo>
                <a:lnTo>
                  <a:pt x="676" y="470"/>
                </a:lnTo>
                <a:lnTo>
                  <a:pt x="676" y="470"/>
                </a:lnTo>
                <a:lnTo>
                  <a:pt x="674" y="462"/>
                </a:lnTo>
                <a:lnTo>
                  <a:pt x="670" y="456"/>
                </a:lnTo>
                <a:lnTo>
                  <a:pt x="662" y="454"/>
                </a:lnTo>
                <a:lnTo>
                  <a:pt x="654" y="456"/>
                </a:lnTo>
                <a:lnTo>
                  <a:pt x="654" y="456"/>
                </a:lnTo>
                <a:lnTo>
                  <a:pt x="624" y="470"/>
                </a:lnTo>
                <a:lnTo>
                  <a:pt x="592" y="484"/>
                </a:lnTo>
                <a:lnTo>
                  <a:pt x="556" y="496"/>
                </a:lnTo>
                <a:lnTo>
                  <a:pt x="516" y="504"/>
                </a:lnTo>
                <a:lnTo>
                  <a:pt x="476" y="512"/>
                </a:lnTo>
                <a:lnTo>
                  <a:pt x="432" y="518"/>
                </a:lnTo>
                <a:lnTo>
                  <a:pt x="386" y="522"/>
                </a:lnTo>
                <a:lnTo>
                  <a:pt x="340" y="522"/>
                </a:lnTo>
                <a:lnTo>
                  <a:pt x="340" y="522"/>
                </a:lnTo>
                <a:lnTo>
                  <a:pt x="292" y="522"/>
                </a:lnTo>
                <a:lnTo>
                  <a:pt x="248" y="518"/>
                </a:lnTo>
                <a:lnTo>
                  <a:pt x="204" y="512"/>
                </a:lnTo>
                <a:lnTo>
                  <a:pt x="162" y="504"/>
                </a:lnTo>
                <a:lnTo>
                  <a:pt x="124" y="496"/>
                </a:lnTo>
                <a:lnTo>
                  <a:pt x="88" y="484"/>
                </a:lnTo>
                <a:lnTo>
                  <a:pt x="54" y="470"/>
                </a:lnTo>
                <a:lnTo>
                  <a:pt x="24" y="456"/>
                </a:lnTo>
                <a:lnTo>
                  <a:pt x="24" y="456"/>
                </a:lnTo>
                <a:close/>
                <a:moveTo>
                  <a:pt x="78" y="586"/>
                </a:moveTo>
                <a:lnTo>
                  <a:pt x="78" y="586"/>
                </a:lnTo>
                <a:lnTo>
                  <a:pt x="72" y="586"/>
                </a:lnTo>
                <a:lnTo>
                  <a:pt x="68" y="584"/>
                </a:lnTo>
                <a:lnTo>
                  <a:pt x="62" y="576"/>
                </a:lnTo>
                <a:lnTo>
                  <a:pt x="58" y="566"/>
                </a:lnTo>
                <a:lnTo>
                  <a:pt x="56" y="552"/>
                </a:lnTo>
                <a:lnTo>
                  <a:pt x="56" y="552"/>
                </a:lnTo>
                <a:lnTo>
                  <a:pt x="58" y="538"/>
                </a:lnTo>
                <a:lnTo>
                  <a:pt x="62" y="528"/>
                </a:lnTo>
                <a:lnTo>
                  <a:pt x="68" y="520"/>
                </a:lnTo>
                <a:lnTo>
                  <a:pt x="72" y="518"/>
                </a:lnTo>
                <a:lnTo>
                  <a:pt x="76" y="518"/>
                </a:lnTo>
                <a:lnTo>
                  <a:pt x="76" y="518"/>
                </a:lnTo>
                <a:lnTo>
                  <a:pt x="80" y="518"/>
                </a:lnTo>
                <a:lnTo>
                  <a:pt x="84" y="520"/>
                </a:lnTo>
                <a:lnTo>
                  <a:pt x="92" y="528"/>
                </a:lnTo>
                <a:lnTo>
                  <a:pt x="96" y="538"/>
                </a:lnTo>
                <a:lnTo>
                  <a:pt x="98" y="552"/>
                </a:lnTo>
                <a:lnTo>
                  <a:pt x="98" y="552"/>
                </a:lnTo>
                <a:lnTo>
                  <a:pt x="96" y="566"/>
                </a:lnTo>
                <a:lnTo>
                  <a:pt x="92" y="576"/>
                </a:lnTo>
                <a:lnTo>
                  <a:pt x="86" y="584"/>
                </a:lnTo>
                <a:lnTo>
                  <a:pt x="82" y="586"/>
                </a:lnTo>
                <a:lnTo>
                  <a:pt x="78" y="586"/>
                </a:lnTo>
                <a:lnTo>
                  <a:pt x="78" y="586"/>
                </a:lnTo>
                <a:close/>
                <a:moveTo>
                  <a:pt x="26" y="660"/>
                </a:moveTo>
                <a:lnTo>
                  <a:pt x="26" y="660"/>
                </a:lnTo>
                <a:lnTo>
                  <a:pt x="18" y="658"/>
                </a:lnTo>
                <a:lnTo>
                  <a:pt x="12" y="660"/>
                </a:lnTo>
                <a:lnTo>
                  <a:pt x="6" y="666"/>
                </a:lnTo>
                <a:lnTo>
                  <a:pt x="4" y="672"/>
                </a:lnTo>
                <a:lnTo>
                  <a:pt x="6" y="768"/>
                </a:lnTo>
                <a:lnTo>
                  <a:pt x="6" y="768"/>
                </a:lnTo>
                <a:lnTo>
                  <a:pt x="8" y="780"/>
                </a:lnTo>
                <a:lnTo>
                  <a:pt x="12" y="792"/>
                </a:lnTo>
                <a:lnTo>
                  <a:pt x="18" y="802"/>
                </a:lnTo>
                <a:lnTo>
                  <a:pt x="26" y="810"/>
                </a:lnTo>
                <a:lnTo>
                  <a:pt x="26" y="810"/>
                </a:lnTo>
                <a:lnTo>
                  <a:pt x="52" y="826"/>
                </a:lnTo>
                <a:lnTo>
                  <a:pt x="82" y="840"/>
                </a:lnTo>
                <a:lnTo>
                  <a:pt x="116" y="852"/>
                </a:lnTo>
                <a:lnTo>
                  <a:pt x="154" y="862"/>
                </a:lnTo>
                <a:lnTo>
                  <a:pt x="196" y="872"/>
                </a:lnTo>
                <a:lnTo>
                  <a:pt x="242" y="878"/>
                </a:lnTo>
                <a:lnTo>
                  <a:pt x="288" y="882"/>
                </a:lnTo>
                <a:lnTo>
                  <a:pt x="340" y="884"/>
                </a:lnTo>
                <a:lnTo>
                  <a:pt x="340" y="884"/>
                </a:lnTo>
                <a:lnTo>
                  <a:pt x="390" y="882"/>
                </a:lnTo>
                <a:lnTo>
                  <a:pt x="438" y="878"/>
                </a:lnTo>
                <a:lnTo>
                  <a:pt x="484" y="872"/>
                </a:lnTo>
                <a:lnTo>
                  <a:pt x="524" y="862"/>
                </a:lnTo>
                <a:lnTo>
                  <a:pt x="562" y="852"/>
                </a:lnTo>
                <a:lnTo>
                  <a:pt x="598" y="840"/>
                </a:lnTo>
                <a:lnTo>
                  <a:pt x="628" y="826"/>
                </a:lnTo>
                <a:lnTo>
                  <a:pt x="652" y="810"/>
                </a:lnTo>
                <a:lnTo>
                  <a:pt x="652" y="810"/>
                </a:lnTo>
                <a:lnTo>
                  <a:pt x="662" y="802"/>
                </a:lnTo>
                <a:lnTo>
                  <a:pt x="668" y="792"/>
                </a:lnTo>
                <a:lnTo>
                  <a:pt x="672" y="780"/>
                </a:lnTo>
                <a:lnTo>
                  <a:pt x="674" y="768"/>
                </a:lnTo>
                <a:lnTo>
                  <a:pt x="674" y="672"/>
                </a:lnTo>
                <a:lnTo>
                  <a:pt x="674" y="672"/>
                </a:lnTo>
                <a:lnTo>
                  <a:pt x="672" y="666"/>
                </a:lnTo>
                <a:lnTo>
                  <a:pt x="668" y="660"/>
                </a:lnTo>
                <a:lnTo>
                  <a:pt x="660" y="658"/>
                </a:lnTo>
                <a:lnTo>
                  <a:pt x="652" y="660"/>
                </a:lnTo>
                <a:lnTo>
                  <a:pt x="652" y="660"/>
                </a:lnTo>
                <a:lnTo>
                  <a:pt x="624" y="674"/>
                </a:lnTo>
                <a:lnTo>
                  <a:pt x="590" y="686"/>
                </a:lnTo>
                <a:lnTo>
                  <a:pt x="554" y="698"/>
                </a:lnTo>
                <a:lnTo>
                  <a:pt x="516" y="708"/>
                </a:lnTo>
                <a:lnTo>
                  <a:pt x="474" y="716"/>
                </a:lnTo>
                <a:lnTo>
                  <a:pt x="432" y="720"/>
                </a:lnTo>
                <a:lnTo>
                  <a:pt x="386" y="724"/>
                </a:lnTo>
                <a:lnTo>
                  <a:pt x="340" y="726"/>
                </a:lnTo>
                <a:lnTo>
                  <a:pt x="340" y="726"/>
                </a:lnTo>
                <a:lnTo>
                  <a:pt x="292" y="724"/>
                </a:lnTo>
                <a:lnTo>
                  <a:pt x="248" y="720"/>
                </a:lnTo>
                <a:lnTo>
                  <a:pt x="204" y="716"/>
                </a:lnTo>
                <a:lnTo>
                  <a:pt x="164" y="708"/>
                </a:lnTo>
                <a:lnTo>
                  <a:pt x="126" y="698"/>
                </a:lnTo>
                <a:lnTo>
                  <a:pt x="90" y="686"/>
                </a:lnTo>
                <a:lnTo>
                  <a:pt x="56" y="674"/>
                </a:lnTo>
                <a:lnTo>
                  <a:pt x="26" y="660"/>
                </a:lnTo>
                <a:lnTo>
                  <a:pt x="26" y="660"/>
                </a:lnTo>
                <a:close/>
                <a:moveTo>
                  <a:pt x="78" y="786"/>
                </a:moveTo>
                <a:lnTo>
                  <a:pt x="78" y="786"/>
                </a:lnTo>
                <a:lnTo>
                  <a:pt x="74" y="786"/>
                </a:lnTo>
                <a:lnTo>
                  <a:pt x="70" y="784"/>
                </a:lnTo>
                <a:lnTo>
                  <a:pt x="64" y="776"/>
                </a:lnTo>
                <a:lnTo>
                  <a:pt x="60" y="766"/>
                </a:lnTo>
                <a:lnTo>
                  <a:pt x="58" y="752"/>
                </a:lnTo>
                <a:lnTo>
                  <a:pt x="58" y="752"/>
                </a:lnTo>
                <a:lnTo>
                  <a:pt x="58" y="738"/>
                </a:lnTo>
                <a:lnTo>
                  <a:pt x="64" y="728"/>
                </a:lnTo>
                <a:lnTo>
                  <a:pt x="70" y="720"/>
                </a:lnTo>
                <a:lnTo>
                  <a:pt x="74" y="718"/>
                </a:lnTo>
                <a:lnTo>
                  <a:pt x="78" y="718"/>
                </a:lnTo>
                <a:lnTo>
                  <a:pt x="78" y="718"/>
                </a:lnTo>
                <a:lnTo>
                  <a:pt x="82" y="718"/>
                </a:lnTo>
                <a:lnTo>
                  <a:pt x="86" y="720"/>
                </a:lnTo>
                <a:lnTo>
                  <a:pt x="94" y="728"/>
                </a:lnTo>
                <a:lnTo>
                  <a:pt x="98" y="738"/>
                </a:lnTo>
                <a:lnTo>
                  <a:pt x="100" y="752"/>
                </a:lnTo>
                <a:lnTo>
                  <a:pt x="100" y="752"/>
                </a:lnTo>
                <a:lnTo>
                  <a:pt x="98" y="766"/>
                </a:lnTo>
                <a:lnTo>
                  <a:pt x="94" y="776"/>
                </a:lnTo>
                <a:lnTo>
                  <a:pt x="86" y="784"/>
                </a:lnTo>
                <a:lnTo>
                  <a:pt x="82" y="786"/>
                </a:lnTo>
                <a:lnTo>
                  <a:pt x="78" y="786"/>
                </a:lnTo>
                <a:lnTo>
                  <a:pt x="78" y="786"/>
                </a:lnTo>
                <a:close/>
              </a:path>
            </a:pathLst>
          </a:custGeom>
          <a:solidFill>
            <a:schemeClr val="bg1">
              <a:lumMod val="75000"/>
            </a:schemeClr>
          </a:solidFill>
          <a:ln w="9525">
            <a:noFill/>
            <a:round/>
            <a:headEnd/>
            <a:tailEnd/>
          </a:ln>
        </p:spPr>
        <p:txBody>
          <a:bodyPr lIns="182917" tIns="91458" rIns="182917" bIns="91458"/>
          <a:lstStyle/>
          <a:p>
            <a:pPr fontAlgn="ctr">
              <a:defRPr/>
            </a:pPr>
            <a:endParaRPr lang="en-US" altLang="zh-CN">
              <a:latin typeface="Arial"/>
              <a:ea typeface="微软雅黑" pitchFamily="34" charset="-122"/>
            </a:endParaRPr>
          </a:p>
        </p:txBody>
      </p:sp>
      <p:grpSp>
        <p:nvGrpSpPr>
          <p:cNvPr id="10" name="组合 252"/>
          <p:cNvGrpSpPr/>
          <p:nvPr/>
        </p:nvGrpSpPr>
        <p:grpSpPr>
          <a:xfrm>
            <a:off x="16318193" y="4608899"/>
            <a:ext cx="1562675" cy="1231366"/>
            <a:chOff x="13598525" y="4749800"/>
            <a:chExt cx="523875" cy="412750"/>
          </a:xfrm>
          <a:solidFill>
            <a:schemeClr val="tx1">
              <a:lumMod val="50000"/>
              <a:lumOff val="50000"/>
            </a:schemeClr>
          </a:solidFill>
        </p:grpSpPr>
        <p:sp>
          <p:nvSpPr>
            <p:cNvPr id="178" name="Freeform 399"/>
            <p:cNvSpPr>
              <a:spLocks/>
            </p:cNvSpPr>
            <p:nvPr/>
          </p:nvSpPr>
          <p:spPr bwMode="auto">
            <a:xfrm>
              <a:off x="13912850" y="4822825"/>
              <a:ext cx="209550" cy="311150"/>
            </a:xfrm>
            <a:custGeom>
              <a:avLst/>
              <a:gdLst/>
              <a:ahLst/>
              <a:cxnLst>
                <a:cxn ang="0">
                  <a:pos x="132" y="36"/>
                </a:cxn>
                <a:cxn ang="0">
                  <a:pos x="64" y="156"/>
                </a:cxn>
                <a:cxn ang="0">
                  <a:pos x="0" y="196"/>
                </a:cxn>
                <a:cxn ang="0">
                  <a:pos x="0" y="120"/>
                </a:cxn>
                <a:cxn ang="0">
                  <a:pos x="68" y="0"/>
                </a:cxn>
                <a:cxn ang="0">
                  <a:pos x="132" y="36"/>
                </a:cxn>
              </a:cxnLst>
              <a:rect l="0" t="0" r="r" b="b"/>
              <a:pathLst>
                <a:path w="132" h="196">
                  <a:moveTo>
                    <a:pt x="132" y="36"/>
                  </a:moveTo>
                  <a:lnTo>
                    <a:pt x="64" y="156"/>
                  </a:lnTo>
                  <a:lnTo>
                    <a:pt x="0" y="196"/>
                  </a:lnTo>
                  <a:lnTo>
                    <a:pt x="0" y="120"/>
                  </a:lnTo>
                  <a:lnTo>
                    <a:pt x="68" y="0"/>
                  </a:lnTo>
                  <a:lnTo>
                    <a:pt x="132" y="36"/>
                  </a:lnTo>
                  <a:close/>
                </a:path>
              </a:pathLst>
            </a:custGeom>
            <a:solidFill>
              <a:schemeClr val="bg1">
                <a:lumMod val="85000"/>
              </a:schemeClr>
            </a:solidFill>
            <a:ln w="9525">
              <a:noFill/>
              <a:round/>
              <a:headEnd/>
              <a:tailEnd/>
            </a:ln>
          </p:spPr>
          <p:txBody>
            <a:bodyPr/>
            <a:lstStyle/>
            <a:p>
              <a:pPr fontAlgn="ctr">
                <a:defRPr/>
              </a:pPr>
              <a:endParaRPr lang="en-US" altLang="zh-CN">
                <a:latin typeface="Arial"/>
                <a:ea typeface="微软雅黑" pitchFamily="34" charset="-122"/>
              </a:endParaRPr>
            </a:p>
          </p:txBody>
        </p:sp>
        <p:sp>
          <p:nvSpPr>
            <p:cNvPr id="179" name="Freeform 400"/>
            <p:cNvSpPr>
              <a:spLocks/>
            </p:cNvSpPr>
            <p:nvPr/>
          </p:nvSpPr>
          <p:spPr bwMode="auto">
            <a:xfrm>
              <a:off x="13916025" y="5016500"/>
              <a:ext cx="92075" cy="88900"/>
            </a:xfrm>
            <a:custGeom>
              <a:avLst/>
              <a:gdLst/>
              <a:ahLst/>
              <a:cxnLst>
                <a:cxn ang="0">
                  <a:pos x="58" y="34"/>
                </a:cxn>
                <a:cxn ang="0">
                  <a:pos x="24" y="56"/>
                </a:cxn>
                <a:cxn ang="0">
                  <a:pos x="0" y="42"/>
                </a:cxn>
                <a:cxn ang="0">
                  <a:pos x="0" y="0"/>
                </a:cxn>
                <a:cxn ang="0">
                  <a:pos x="58" y="34"/>
                </a:cxn>
                <a:cxn ang="0">
                  <a:pos x="58" y="34"/>
                </a:cxn>
              </a:cxnLst>
              <a:rect l="0" t="0" r="r" b="b"/>
              <a:pathLst>
                <a:path w="58" h="56">
                  <a:moveTo>
                    <a:pt x="58" y="34"/>
                  </a:moveTo>
                  <a:lnTo>
                    <a:pt x="24" y="56"/>
                  </a:lnTo>
                  <a:lnTo>
                    <a:pt x="0" y="42"/>
                  </a:lnTo>
                  <a:lnTo>
                    <a:pt x="0" y="0"/>
                  </a:lnTo>
                  <a:lnTo>
                    <a:pt x="58" y="34"/>
                  </a:lnTo>
                  <a:lnTo>
                    <a:pt x="58" y="34"/>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180" name="Rectangle 401"/>
            <p:cNvSpPr>
              <a:spLocks noChangeArrowheads="1"/>
            </p:cNvSpPr>
            <p:nvPr/>
          </p:nvSpPr>
          <p:spPr bwMode="auto">
            <a:xfrm>
              <a:off x="13754100" y="4803775"/>
              <a:ext cx="25400" cy="25400"/>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81" name="Rectangle 402"/>
            <p:cNvSpPr>
              <a:spLocks noChangeArrowheads="1"/>
            </p:cNvSpPr>
            <p:nvPr/>
          </p:nvSpPr>
          <p:spPr bwMode="auto">
            <a:xfrm>
              <a:off x="13801725" y="4803775"/>
              <a:ext cx="25400" cy="25400"/>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82" name="Rectangle 403"/>
            <p:cNvSpPr>
              <a:spLocks noChangeArrowheads="1"/>
            </p:cNvSpPr>
            <p:nvPr/>
          </p:nvSpPr>
          <p:spPr bwMode="auto">
            <a:xfrm>
              <a:off x="13852525" y="4803775"/>
              <a:ext cx="25400" cy="25400"/>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83" name="Rectangle 404"/>
            <p:cNvSpPr>
              <a:spLocks noChangeArrowheads="1"/>
            </p:cNvSpPr>
            <p:nvPr/>
          </p:nvSpPr>
          <p:spPr bwMode="auto">
            <a:xfrm>
              <a:off x="13903325" y="4803775"/>
              <a:ext cx="25400" cy="25400"/>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84" name="Rectangle 405"/>
            <p:cNvSpPr>
              <a:spLocks noChangeArrowheads="1"/>
            </p:cNvSpPr>
            <p:nvPr/>
          </p:nvSpPr>
          <p:spPr bwMode="auto">
            <a:xfrm>
              <a:off x="13754100" y="4908550"/>
              <a:ext cx="25400" cy="22225"/>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87" name="Rectangle 407"/>
            <p:cNvSpPr>
              <a:spLocks noChangeArrowheads="1"/>
            </p:cNvSpPr>
            <p:nvPr/>
          </p:nvSpPr>
          <p:spPr bwMode="auto">
            <a:xfrm>
              <a:off x="13801725" y="4908550"/>
              <a:ext cx="25400" cy="22225"/>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92" name="Rectangle 408"/>
            <p:cNvSpPr>
              <a:spLocks noChangeArrowheads="1"/>
            </p:cNvSpPr>
            <p:nvPr/>
          </p:nvSpPr>
          <p:spPr bwMode="auto">
            <a:xfrm>
              <a:off x="13852525" y="4908550"/>
              <a:ext cx="25400" cy="22225"/>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96" name="Rectangle 409"/>
            <p:cNvSpPr>
              <a:spLocks noChangeArrowheads="1"/>
            </p:cNvSpPr>
            <p:nvPr/>
          </p:nvSpPr>
          <p:spPr bwMode="auto">
            <a:xfrm>
              <a:off x="13903325" y="4908550"/>
              <a:ext cx="25400" cy="22225"/>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97" name="Rectangle 410"/>
            <p:cNvSpPr>
              <a:spLocks noChangeArrowheads="1"/>
            </p:cNvSpPr>
            <p:nvPr/>
          </p:nvSpPr>
          <p:spPr bwMode="auto">
            <a:xfrm>
              <a:off x="13754100" y="5010150"/>
              <a:ext cx="25400" cy="25400"/>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98" name="Rectangle 411"/>
            <p:cNvSpPr>
              <a:spLocks noChangeArrowheads="1"/>
            </p:cNvSpPr>
            <p:nvPr/>
          </p:nvSpPr>
          <p:spPr bwMode="auto">
            <a:xfrm>
              <a:off x="13801725" y="5010150"/>
              <a:ext cx="25400" cy="25400"/>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199" name="Rectangle 412"/>
            <p:cNvSpPr>
              <a:spLocks noChangeArrowheads="1"/>
            </p:cNvSpPr>
            <p:nvPr/>
          </p:nvSpPr>
          <p:spPr bwMode="auto">
            <a:xfrm>
              <a:off x="13852525" y="5010150"/>
              <a:ext cx="25400" cy="25400"/>
            </a:xfrm>
            <a:prstGeom prst="rect">
              <a:avLst/>
            </a:prstGeom>
            <a:grpFill/>
            <a:ln w="9525">
              <a:noFill/>
              <a:miter lim="800000"/>
              <a:headEnd/>
              <a:tailEnd/>
            </a:ln>
          </p:spPr>
          <p:txBody>
            <a:bodyPr/>
            <a:lstStyle/>
            <a:p>
              <a:pPr fontAlgn="ctr">
                <a:defRPr/>
              </a:pPr>
              <a:endParaRPr lang="en-US" altLang="zh-CN">
                <a:latin typeface="Arial"/>
                <a:ea typeface="微软雅黑" pitchFamily="34" charset="-122"/>
              </a:endParaRPr>
            </a:p>
          </p:txBody>
        </p:sp>
        <p:sp>
          <p:nvSpPr>
            <p:cNvPr id="200" name="Freeform 413"/>
            <p:cNvSpPr>
              <a:spLocks noEditPoints="1"/>
            </p:cNvSpPr>
            <p:nvPr/>
          </p:nvSpPr>
          <p:spPr bwMode="auto">
            <a:xfrm>
              <a:off x="13598525" y="4749800"/>
              <a:ext cx="390525" cy="412750"/>
            </a:xfrm>
            <a:custGeom>
              <a:avLst/>
              <a:gdLst/>
              <a:ahLst/>
              <a:cxnLst>
                <a:cxn ang="0">
                  <a:pos x="196" y="146"/>
                </a:cxn>
                <a:cxn ang="0">
                  <a:pos x="26" y="132"/>
                </a:cxn>
                <a:cxn ang="0">
                  <a:pos x="22" y="130"/>
                </a:cxn>
                <a:cxn ang="0">
                  <a:pos x="18" y="126"/>
                </a:cxn>
                <a:cxn ang="0">
                  <a:pos x="18" y="92"/>
                </a:cxn>
                <a:cxn ang="0">
                  <a:pos x="18" y="88"/>
                </a:cxn>
                <a:cxn ang="0">
                  <a:pos x="22" y="84"/>
                </a:cxn>
                <a:cxn ang="0">
                  <a:pos x="218" y="82"/>
                </a:cxn>
                <a:cxn ang="0">
                  <a:pos x="222" y="82"/>
                </a:cxn>
                <a:cxn ang="0">
                  <a:pos x="226" y="88"/>
                </a:cxn>
                <a:cxn ang="0">
                  <a:pos x="246" y="58"/>
                </a:cxn>
                <a:cxn ang="0">
                  <a:pos x="246" y="10"/>
                </a:cxn>
                <a:cxn ang="0">
                  <a:pos x="242" y="2"/>
                </a:cxn>
                <a:cxn ang="0">
                  <a:pos x="236" y="0"/>
                </a:cxn>
                <a:cxn ang="0">
                  <a:pos x="10" y="0"/>
                </a:cxn>
                <a:cxn ang="0">
                  <a:pos x="2" y="2"/>
                </a:cxn>
                <a:cxn ang="0">
                  <a:pos x="0" y="10"/>
                </a:cxn>
                <a:cxn ang="0">
                  <a:pos x="0" y="250"/>
                </a:cxn>
                <a:cxn ang="0">
                  <a:pos x="2" y="258"/>
                </a:cxn>
                <a:cxn ang="0">
                  <a:pos x="10" y="260"/>
                </a:cxn>
                <a:cxn ang="0">
                  <a:pos x="188" y="240"/>
                </a:cxn>
                <a:cxn ang="0">
                  <a:pos x="26" y="196"/>
                </a:cxn>
                <a:cxn ang="0">
                  <a:pos x="22" y="196"/>
                </a:cxn>
                <a:cxn ang="0">
                  <a:pos x="18" y="190"/>
                </a:cxn>
                <a:cxn ang="0">
                  <a:pos x="18" y="156"/>
                </a:cxn>
                <a:cxn ang="0">
                  <a:pos x="18" y="152"/>
                </a:cxn>
                <a:cxn ang="0">
                  <a:pos x="22" y="148"/>
                </a:cxn>
                <a:cxn ang="0">
                  <a:pos x="26" y="146"/>
                </a:cxn>
                <a:cxn ang="0">
                  <a:pos x="18" y="26"/>
                </a:cxn>
                <a:cxn ang="0">
                  <a:pos x="20" y="20"/>
                </a:cxn>
                <a:cxn ang="0">
                  <a:pos x="26" y="18"/>
                </a:cxn>
                <a:cxn ang="0">
                  <a:pos x="218" y="18"/>
                </a:cxn>
                <a:cxn ang="0">
                  <a:pos x="224" y="20"/>
                </a:cxn>
                <a:cxn ang="0">
                  <a:pos x="226" y="26"/>
                </a:cxn>
                <a:cxn ang="0">
                  <a:pos x="226" y="58"/>
                </a:cxn>
                <a:cxn ang="0">
                  <a:pos x="224" y="64"/>
                </a:cxn>
                <a:cxn ang="0">
                  <a:pos x="218" y="66"/>
                </a:cxn>
                <a:cxn ang="0">
                  <a:pos x="26" y="66"/>
                </a:cxn>
                <a:cxn ang="0">
                  <a:pos x="20" y="64"/>
                </a:cxn>
                <a:cxn ang="0">
                  <a:pos x="18" y="58"/>
                </a:cxn>
              </a:cxnLst>
              <a:rect l="0" t="0" r="r" b="b"/>
              <a:pathLst>
                <a:path w="246" h="260">
                  <a:moveTo>
                    <a:pt x="26" y="146"/>
                  </a:moveTo>
                  <a:lnTo>
                    <a:pt x="196" y="146"/>
                  </a:lnTo>
                  <a:lnTo>
                    <a:pt x="204" y="132"/>
                  </a:lnTo>
                  <a:lnTo>
                    <a:pt x="26" y="132"/>
                  </a:lnTo>
                  <a:lnTo>
                    <a:pt x="26" y="132"/>
                  </a:lnTo>
                  <a:lnTo>
                    <a:pt x="22" y="130"/>
                  </a:lnTo>
                  <a:lnTo>
                    <a:pt x="20" y="128"/>
                  </a:lnTo>
                  <a:lnTo>
                    <a:pt x="18" y="126"/>
                  </a:lnTo>
                  <a:lnTo>
                    <a:pt x="18" y="122"/>
                  </a:lnTo>
                  <a:lnTo>
                    <a:pt x="18" y="92"/>
                  </a:lnTo>
                  <a:lnTo>
                    <a:pt x="18" y="92"/>
                  </a:lnTo>
                  <a:lnTo>
                    <a:pt x="18" y="88"/>
                  </a:lnTo>
                  <a:lnTo>
                    <a:pt x="20" y="84"/>
                  </a:lnTo>
                  <a:lnTo>
                    <a:pt x="22" y="84"/>
                  </a:lnTo>
                  <a:lnTo>
                    <a:pt x="26" y="82"/>
                  </a:lnTo>
                  <a:lnTo>
                    <a:pt x="218" y="82"/>
                  </a:lnTo>
                  <a:lnTo>
                    <a:pt x="218" y="82"/>
                  </a:lnTo>
                  <a:lnTo>
                    <a:pt x="222" y="82"/>
                  </a:lnTo>
                  <a:lnTo>
                    <a:pt x="224" y="84"/>
                  </a:lnTo>
                  <a:lnTo>
                    <a:pt x="226" y="88"/>
                  </a:lnTo>
                  <a:lnTo>
                    <a:pt x="226" y="90"/>
                  </a:lnTo>
                  <a:lnTo>
                    <a:pt x="246" y="58"/>
                  </a:lnTo>
                  <a:lnTo>
                    <a:pt x="246" y="10"/>
                  </a:lnTo>
                  <a:lnTo>
                    <a:pt x="246" y="10"/>
                  </a:lnTo>
                  <a:lnTo>
                    <a:pt x="244" y="6"/>
                  </a:lnTo>
                  <a:lnTo>
                    <a:pt x="242" y="2"/>
                  </a:lnTo>
                  <a:lnTo>
                    <a:pt x="240" y="0"/>
                  </a:lnTo>
                  <a:lnTo>
                    <a:pt x="236" y="0"/>
                  </a:lnTo>
                  <a:lnTo>
                    <a:pt x="10" y="0"/>
                  </a:lnTo>
                  <a:lnTo>
                    <a:pt x="10" y="0"/>
                  </a:lnTo>
                  <a:lnTo>
                    <a:pt x="6" y="0"/>
                  </a:lnTo>
                  <a:lnTo>
                    <a:pt x="2" y="2"/>
                  </a:lnTo>
                  <a:lnTo>
                    <a:pt x="0" y="6"/>
                  </a:lnTo>
                  <a:lnTo>
                    <a:pt x="0" y="10"/>
                  </a:lnTo>
                  <a:lnTo>
                    <a:pt x="0" y="250"/>
                  </a:lnTo>
                  <a:lnTo>
                    <a:pt x="0" y="250"/>
                  </a:lnTo>
                  <a:lnTo>
                    <a:pt x="0" y="254"/>
                  </a:lnTo>
                  <a:lnTo>
                    <a:pt x="2" y="258"/>
                  </a:lnTo>
                  <a:lnTo>
                    <a:pt x="6" y="260"/>
                  </a:lnTo>
                  <a:lnTo>
                    <a:pt x="10" y="260"/>
                  </a:lnTo>
                  <a:lnTo>
                    <a:pt x="188" y="260"/>
                  </a:lnTo>
                  <a:lnTo>
                    <a:pt x="188" y="240"/>
                  </a:lnTo>
                  <a:lnTo>
                    <a:pt x="188" y="196"/>
                  </a:lnTo>
                  <a:lnTo>
                    <a:pt x="26" y="196"/>
                  </a:lnTo>
                  <a:lnTo>
                    <a:pt x="26" y="196"/>
                  </a:lnTo>
                  <a:lnTo>
                    <a:pt x="22" y="196"/>
                  </a:lnTo>
                  <a:lnTo>
                    <a:pt x="20" y="194"/>
                  </a:lnTo>
                  <a:lnTo>
                    <a:pt x="18" y="190"/>
                  </a:lnTo>
                  <a:lnTo>
                    <a:pt x="18" y="186"/>
                  </a:lnTo>
                  <a:lnTo>
                    <a:pt x="18" y="156"/>
                  </a:lnTo>
                  <a:lnTo>
                    <a:pt x="18" y="156"/>
                  </a:lnTo>
                  <a:lnTo>
                    <a:pt x="18" y="152"/>
                  </a:lnTo>
                  <a:lnTo>
                    <a:pt x="20" y="150"/>
                  </a:lnTo>
                  <a:lnTo>
                    <a:pt x="22" y="148"/>
                  </a:lnTo>
                  <a:lnTo>
                    <a:pt x="26" y="146"/>
                  </a:lnTo>
                  <a:lnTo>
                    <a:pt x="26" y="146"/>
                  </a:lnTo>
                  <a:close/>
                  <a:moveTo>
                    <a:pt x="18" y="26"/>
                  </a:moveTo>
                  <a:lnTo>
                    <a:pt x="18" y="26"/>
                  </a:lnTo>
                  <a:lnTo>
                    <a:pt x="18" y="24"/>
                  </a:lnTo>
                  <a:lnTo>
                    <a:pt x="20" y="20"/>
                  </a:lnTo>
                  <a:lnTo>
                    <a:pt x="22" y="18"/>
                  </a:lnTo>
                  <a:lnTo>
                    <a:pt x="26" y="18"/>
                  </a:lnTo>
                  <a:lnTo>
                    <a:pt x="218" y="18"/>
                  </a:lnTo>
                  <a:lnTo>
                    <a:pt x="218" y="18"/>
                  </a:lnTo>
                  <a:lnTo>
                    <a:pt x="222" y="18"/>
                  </a:lnTo>
                  <a:lnTo>
                    <a:pt x="224" y="20"/>
                  </a:lnTo>
                  <a:lnTo>
                    <a:pt x="226" y="24"/>
                  </a:lnTo>
                  <a:lnTo>
                    <a:pt x="226" y="26"/>
                  </a:lnTo>
                  <a:lnTo>
                    <a:pt x="226" y="58"/>
                  </a:lnTo>
                  <a:lnTo>
                    <a:pt x="226" y="58"/>
                  </a:lnTo>
                  <a:lnTo>
                    <a:pt x="226" y="62"/>
                  </a:lnTo>
                  <a:lnTo>
                    <a:pt x="224" y="64"/>
                  </a:lnTo>
                  <a:lnTo>
                    <a:pt x="222" y="66"/>
                  </a:lnTo>
                  <a:lnTo>
                    <a:pt x="218" y="66"/>
                  </a:lnTo>
                  <a:lnTo>
                    <a:pt x="26" y="66"/>
                  </a:lnTo>
                  <a:lnTo>
                    <a:pt x="26" y="66"/>
                  </a:lnTo>
                  <a:lnTo>
                    <a:pt x="22" y="66"/>
                  </a:lnTo>
                  <a:lnTo>
                    <a:pt x="20" y="64"/>
                  </a:lnTo>
                  <a:lnTo>
                    <a:pt x="18" y="62"/>
                  </a:lnTo>
                  <a:lnTo>
                    <a:pt x="18" y="58"/>
                  </a:lnTo>
                  <a:lnTo>
                    <a:pt x="18" y="26"/>
                  </a:lnTo>
                  <a:close/>
                </a:path>
              </a:pathLst>
            </a:custGeom>
            <a:solidFill>
              <a:schemeClr val="bg1">
                <a:lumMod val="75000"/>
              </a:schemeClr>
            </a:solidFill>
            <a:ln w="9525">
              <a:noFill/>
              <a:round/>
              <a:headEnd/>
              <a:tailEnd/>
            </a:ln>
          </p:spPr>
          <p:txBody>
            <a:bodyPr/>
            <a:lstStyle/>
            <a:p>
              <a:pPr fontAlgn="ctr">
                <a:defRPr/>
              </a:pPr>
              <a:endParaRPr lang="en-US" altLang="zh-CN">
                <a:latin typeface="Arial"/>
                <a:ea typeface="微软雅黑" pitchFamily="34" charset="-122"/>
              </a:endParaRPr>
            </a:p>
          </p:txBody>
        </p:sp>
      </p:grpSp>
      <p:grpSp>
        <p:nvGrpSpPr>
          <p:cNvPr id="11" name="组合 296"/>
          <p:cNvGrpSpPr>
            <a:grpSpLocks noChangeAspect="1"/>
          </p:cNvGrpSpPr>
          <p:nvPr/>
        </p:nvGrpSpPr>
        <p:grpSpPr>
          <a:xfrm>
            <a:off x="6287688" y="3569546"/>
            <a:ext cx="456211" cy="459884"/>
            <a:chOff x="12379325" y="6088063"/>
            <a:chExt cx="601663" cy="606425"/>
          </a:xfrm>
          <a:solidFill>
            <a:srgbClr val="C00000"/>
          </a:solidFill>
        </p:grpSpPr>
        <p:sp>
          <p:nvSpPr>
            <p:cNvPr id="232" name="Freeform 721"/>
            <p:cNvSpPr>
              <a:spLocks/>
            </p:cNvSpPr>
            <p:nvPr/>
          </p:nvSpPr>
          <p:spPr bwMode="auto">
            <a:xfrm>
              <a:off x="12379325" y="6088063"/>
              <a:ext cx="601663" cy="606425"/>
            </a:xfrm>
            <a:custGeom>
              <a:avLst/>
              <a:gdLst/>
              <a:ahLst/>
              <a:cxnLst>
                <a:cxn ang="0">
                  <a:pos x="346" y="190"/>
                </a:cxn>
                <a:cxn ang="0">
                  <a:pos x="338" y="237"/>
                </a:cxn>
                <a:cxn ang="0">
                  <a:pos x="320" y="278"/>
                </a:cxn>
                <a:cxn ang="0">
                  <a:pos x="299" y="302"/>
                </a:cxn>
                <a:cxn ang="0">
                  <a:pos x="265" y="329"/>
                </a:cxn>
                <a:cxn ang="0">
                  <a:pos x="220" y="345"/>
                </a:cxn>
                <a:cxn ang="0">
                  <a:pos x="189" y="347"/>
                </a:cxn>
                <a:cxn ang="0">
                  <a:pos x="142" y="341"/>
                </a:cxn>
                <a:cxn ang="0">
                  <a:pos x="102" y="320"/>
                </a:cxn>
                <a:cxn ang="0">
                  <a:pos x="79" y="302"/>
                </a:cxn>
                <a:cxn ang="0">
                  <a:pos x="51" y="265"/>
                </a:cxn>
                <a:cxn ang="0">
                  <a:pos x="36" y="223"/>
                </a:cxn>
                <a:cxn ang="0">
                  <a:pos x="32" y="190"/>
                </a:cxn>
                <a:cxn ang="0">
                  <a:pos x="38" y="143"/>
                </a:cxn>
                <a:cxn ang="0">
                  <a:pos x="59" y="102"/>
                </a:cxn>
                <a:cxn ang="0">
                  <a:pos x="79" y="80"/>
                </a:cxn>
                <a:cxn ang="0">
                  <a:pos x="114" y="53"/>
                </a:cxn>
                <a:cxn ang="0">
                  <a:pos x="157" y="37"/>
                </a:cxn>
                <a:cxn ang="0">
                  <a:pos x="189" y="33"/>
                </a:cxn>
                <a:cxn ang="0">
                  <a:pos x="236" y="41"/>
                </a:cxn>
                <a:cxn ang="0">
                  <a:pos x="277" y="62"/>
                </a:cxn>
                <a:cxn ang="0">
                  <a:pos x="299" y="80"/>
                </a:cxn>
                <a:cxn ang="0">
                  <a:pos x="328" y="117"/>
                </a:cxn>
                <a:cxn ang="0">
                  <a:pos x="342" y="159"/>
                </a:cxn>
                <a:cxn ang="0">
                  <a:pos x="363" y="190"/>
                </a:cxn>
                <a:cxn ang="0">
                  <a:pos x="379" y="172"/>
                </a:cxn>
                <a:cxn ang="0">
                  <a:pos x="365" y="117"/>
                </a:cxn>
                <a:cxn ang="0">
                  <a:pos x="336" y="70"/>
                </a:cxn>
                <a:cxn ang="0">
                  <a:pos x="295" y="33"/>
                </a:cxn>
                <a:cxn ang="0">
                  <a:pos x="246" y="8"/>
                </a:cxn>
                <a:cxn ang="0">
                  <a:pos x="189" y="0"/>
                </a:cxn>
                <a:cxn ang="0">
                  <a:pos x="151" y="4"/>
                </a:cxn>
                <a:cxn ang="0">
                  <a:pos x="98" y="23"/>
                </a:cxn>
                <a:cxn ang="0">
                  <a:pos x="55" y="55"/>
                </a:cxn>
                <a:cxn ang="0">
                  <a:pos x="22" y="100"/>
                </a:cxn>
                <a:cxn ang="0">
                  <a:pos x="4" y="151"/>
                </a:cxn>
                <a:cxn ang="0">
                  <a:pos x="0" y="190"/>
                </a:cxn>
                <a:cxn ang="0">
                  <a:pos x="8" y="247"/>
                </a:cxn>
                <a:cxn ang="0">
                  <a:pos x="32" y="296"/>
                </a:cxn>
                <a:cxn ang="0">
                  <a:pos x="69" y="337"/>
                </a:cxn>
                <a:cxn ang="0">
                  <a:pos x="116" y="365"/>
                </a:cxn>
                <a:cxn ang="0">
                  <a:pos x="169" y="380"/>
                </a:cxn>
                <a:cxn ang="0">
                  <a:pos x="208" y="380"/>
                </a:cxn>
                <a:cxn ang="0">
                  <a:pos x="263" y="365"/>
                </a:cxn>
                <a:cxn ang="0">
                  <a:pos x="310" y="337"/>
                </a:cxn>
                <a:cxn ang="0">
                  <a:pos x="346" y="296"/>
                </a:cxn>
                <a:cxn ang="0">
                  <a:pos x="371" y="247"/>
                </a:cxn>
                <a:cxn ang="0">
                  <a:pos x="379" y="190"/>
                </a:cxn>
              </a:cxnLst>
              <a:rect l="0" t="0" r="r" b="b"/>
              <a:pathLst>
                <a:path w="379" h="382">
                  <a:moveTo>
                    <a:pt x="363" y="190"/>
                  </a:moveTo>
                  <a:lnTo>
                    <a:pt x="346" y="190"/>
                  </a:lnTo>
                  <a:lnTo>
                    <a:pt x="346" y="190"/>
                  </a:lnTo>
                  <a:lnTo>
                    <a:pt x="344" y="206"/>
                  </a:lnTo>
                  <a:lnTo>
                    <a:pt x="342" y="223"/>
                  </a:lnTo>
                  <a:lnTo>
                    <a:pt x="338" y="237"/>
                  </a:lnTo>
                  <a:lnTo>
                    <a:pt x="334" y="251"/>
                  </a:lnTo>
                  <a:lnTo>
                    <a:pt x="328" y="265"/>
                  </a:lnTo>
                  <a:lnTo>
                    <a:pt x="320" y="278"/>
                  </a:lnTo>
                  <a:lnTo>
                    <a:pt x="310" y="290"/>
                  </a:lnTo>
                  <a:lnTo>
                    <a:pt x="299" y="302"/>
                  </a:lnTo>
                  <a:lnTo>
                    <a:pt x="299" y="302"/>
                  </a:lnTo>
                  <a:lnTo>
                    <a:pt x="289" y="312"/>
                  </a:lnTo>
                  <a:lnTo>
                    <a:pt x="277" y="320"/>
                  </a:lnTo>
                  <a:lnTo>
                    <a:pt x="265" y="329"/>
                  </a:lnTo>
                  <a:lnTo>
                    <a:pt x="250" y="335"/>
                  </a:lnTo>
                  <a:lnTo>
                    <a:pt x="236" y="341"/>
                  </a:lnTo>
                  <a:lnTo>
                    <a:pt x="220" y="345"/>
                  </a:lnTo>
                  <a:lnTo>
                    <a:pt x="206" y="347"/>
                  </a:lnTo>
                  <a:lnTo>
                    <a:pt x="189" y="347"/>
                  </a:lnTo>
                  <a:lnTo>
                    <a:pt x="189" y="347"/>
                  </a:lnTo>
                  <a:lnTo>
                    <a:pt x="173" y="347"/>
                  </a:lnTo>
                  <a:lnTo>
                    <a:pt x="157" y="345"/>
                  </a:lnTo>
                  <a:lnTo>
                    <a:pt x="142" y="341"/>
                  </a:lnTo>
                  <a:lnTo>
                    <a:pt x="128" y="335"/>
                  </a:lnTo>
                  <a:lnTo>
                    <a:pt x="114" y="329"/>
                  </a:lnTo>
                  <a:lnTo>
                    <a:pt x="102" y="320"/>
                  </a:lnTo>
                  <a:lnTo>
                    <a:pt x="89" y="312"/>
                  </a:lnTo>
                  <a:lnTo>
                    <a:pt x="79" y="302"/>
                  </a:lnTo>
                  <a:lnTo>
                    <a:pt x="79" y="302"/>
                  </a:lnTo>
                  <a:lnTo>
                    <a:pt x="69" y="290"/>
                  </a:lnTo>
                  <a:lnTo>
                    <a:pt x="59" y="278"/>
                  </a:lnTo>
                  <a:lnTo>
                    <a:pt x="51" y="265"/>
                  </a:lnTo>
                  <a:lnTo>
                    <a:pt x="45" y="251"/>
                  </a:lnTo>
                  <a:lnTo>
                    <a:pt x="38" y="237"/>
                  </a:lnTo>
                  <a:lnTo>
                    <a:pt x="36" y="223"/>
                  </a:lnTo>
                  <a:lnTo>
                    <a:pt x="32" y="206"/>
                  </a:lnTo>
                  <a:lnTo>
                    <a:pt x="32" y="190"/>
                  </a:lnTo>
                  <a:lnTo>
                    <a:pt x="32" y="190"/>
                  </a:lnTo>
                  <a:lnTo>
                    <a:pt x="32" y="174"/>
                  </a:lnTo>
                  <a:lnTo>
                    <a:pt x="36" y="159"/>
                  </a:lnTo>
                  <a:lnTo>
                    <a:pt x="38" y="143"/>
                  </a:lnTo>
                  <a:lnTo>
                    <a:pt x="45" y="129"/>
                  </a:lnTo>
                  <a:lnTo>
                    <a:pt x="51" y="117"/>
                  </a:lnTo>
                  <a:lnTo>
                    <a:pt x="59" y="102"/>
                  </a:lnTo>
                  <a:lnTo>
                    <a:pt x="69" y="90"/>
                  </a:lnTo>
                  <a:lnTo>
                    <a:pt x="79" y="80"/>
                  </a:lnTo>
                  <a:lnTo>
                    <a:pt x="79" y="80"/>
                  </a:lnTo>
                  <a:lnTo>
                    <a:pt x="89" y="70"/>
                  </a:lnTo>
                  <a:lnTo>
                    <a:pt x="102" y="62"/>
                  </a:lnTo>
                  <a:lnTo>
                    <a:pt x="114" y="53"/>
                  </a:lnTo>
                  <a:lnTo>
                    <a:pt x="128" y="45"/>
                  </a:lnTo>
                  <a:lnTo>
                    <a:pt x="142" y="41"/>
                  </a:lnTo>
                  <a:lnTo>
                    <a:pt x="157" y="37"/>
                  </a:lnTo>
                  <a:lnTo>
                    <a:pt x="173" y="35"/>
                  </a:lnTo>
                  <a:lnTo>
                    <a:pt x="189" y="33"/>
                  </a:lnTo>
                  <a:lnTo>
                    <a:pt x="189" y="33"/>
                  </a:lnTo>
                  <a:lnTo>
                    <a:pt x="206" y="35"/>
                  </a:lnTo>
                  <a:lnTo>
                    <a:pt x="220" y="37"/>
                  </a:lnTo>
                  <a:lnTo>
                    <a:pt x="236" y="41"/>
                  </a:lnTo>
                  <a:lnTo>
                    <a:pt x="250" y="45"/>
                  </a:lnTo>
                  <a:lnTo>
                    <a:pt x="265" y="53"/>
                  </a:lnTo>
                  <a:lnTo>
                    <a:pt x="277" y="62"/>
                  </a:lnTo>
                  <a:lnTo>
                    <a:pt x="289" y="70"/>
                  </a:lnTo>
                  <a:lnTo>
                    <a:pt x="299" y="80"/>
                  </a:lnTo>
                  <a:lnTo>
                    <a:pt x="299" y="80"/>
                  </a:lnTo>
                  <a:lnTo>
                    <a:pt x="310" y="90"/>
                  </a:lnTo>
                  <a:lnTo>
                    <a:pt x="320" y="102"/>
                  </a:lnTo>
                  <a:lnTo>
                    <a:pt x="328" y="117"/>
                  </a:lnTo>
                  <a:lnTo>
                    <a:pt x="334" y="129"/>
                  </a:lnTo>
                  <a:lnTo>
                    <a:pt x="338" y="143"/>
                  </a:lnTo>
                  <a:lnTo>
                    <a:pt x="342" y="159"/>
                  </a:lnTo>
                  <a:lnTo>
                    <a:pt x="344" y="174"/>
                  </a:lnTo>
                  <a:lnTo>
                    <a:pt x="346" y="190"/>
                  </a:lnTo>
                  <a:lnTo>
                    <a:pt x="363" y="190"/>
                  </a:lnTo>
                  <a:lnTo>
                    <a:pt x="379" y="190"/>
                  </a:lnTo>
                  <a:lnTo>
                    <a:pt x="379" y="190"/>
                  </a:lnTo>
                  <a:lnTo>
                    <a:pt x="379" y="172"/>
                  </a:lnTo>
                  <a:lnTo>
                    <a:pt x="375" y="151"/>
                  </a:lnTo>
                  <a:lnTo>
                    <a:pt x="371" y="135"/>
                  </a:lnTo>
                  <a:lnTo>
                    <a:pt x="365" y="117"/>
                  </a:lnTo>
                  <a:lnTo>
                    <a:pt x="356" y="100"/>
                  </a:lnTo>
                  <a:lnTo>
                    <a:pt x="346" y="84"/>
                  </a:lnTo>
                  <a:lnTo>
                    <a:pt x="336" y="70"/>
                  </a:lnTo>
                  <a:lnTo>
                    <a:pt x="324" y="55"/>
                  </a:lnTo>
                  <a:lnTo>
                    <a:pt x="310" y="43"/>
                  </a:lnTo>
                  <a:lnTo>
                    <a:pt x="295" y="33"/>
                  </a:lnTo>
                  <a:lnTo>
                    <a:pt x="279" y="23"/>
                  </a:lnTo>
                  <a:lnTo>
                    <a:pt x="263" y="15"/>
                  </a:lnTo>
                  <a:lnTo>
                    <a:pt x="246" y="8"/>
                  </a:lnTo>
                  <a:lnTo>
                    <a:pt x="228" y="4"/>
                  </a:lnTo>
                  <a:lnTo>
                    <a:pt x="208" y="2"/>
                  </a:lnTo>
                  <a:lnTo>
                    <a:pt x="189" y="0"/>
                  </a:lnTo>
                  <a:lnTo>
                    <a:pt x="189" y="0"/>
                  </a:lnTo>
                  <a:lnTo>
                    <a:pt x="169" y="2"/>
                  </a:lnTo>
                  <a:lnTo>
                    <a:pt x="151" y="4"/>
                  </a:lnTo>
                  <a:lnTo>
                    <a:pt x="132" y="8"/>
                  </a:lnTo>
                  <a:lnTo>
                    <a:pt x="116" y="15"/>
                  </a:lnTo>
                  <a:lnTo>
                    <a:pt x="98" y="23"/>
                  </a:lnTo>
                  <a:lnTo>
                    <a:pt x="83" y="33"/>
                  </a:lnTo>
                  <a:lnTo>
                    <a:pt x="69" y="43"/>
                  </a:lnTo>
                  <a:lnTo>
                    <a:pt x="55" y="55"/>
                  </a:lnTo>
                  <a:lnTo>
                    <a:pt x="42" y="70"/>
                  </a:lnTo>
                  <a:lnTo>
                    <a:pt x="32" y="84"/>
                  </a:lnTo>
                  <a:lnTo>
                    <a:pt x="22" y="100"/>
                  </a:lnTo>
                  <a:lnTo>
                    <a:pt x="14" y="117"/>
                  </a:lnTo>
                  <a:lnTo>
                    <a:pt x="8" y="135"/>
                  </a:lnTo>
                  <a:lnTo>
                    <a:pt x="4" y="151"/>
                  </a:lnTo>
                  <a:lnTo>
                    <a:pt x="0" y="172"/>
                  </a:lnTo>
                  <a:lnTo>
                    <a:pt x="0" y="190"/>
                  </a:lnTo>
                  <a:lnTo>
                    <a:pt x="0" y="190"/>
                  </a:lnTo>
                  <a:lnTo>
                    <a:pt x="0" y="210"/>
                  </a:lnTo>
                  <a:lnTo>
                    <a:pt x="4" y="229"/>
                  </a:lnTo>
                  <a:lnTo>
                    <a:pt x="8" y="247"/>
                  </a:lnTo>
                  <a:lnTo>
                    <a:pt x="14" y="265"/>
                  </a:lnTo>
                  <a:lnTo>
                    <a:pt x="22" y="282"/>
                  </a:lnTo>
                  <a:lnTo>
                    <a:pt x="32" y="296"/>
                  </a:lnTo>
                  <a:lnTo>
                    <a:pt x="42" y="312"/>
                  </a:lnTo>
                  <a:lnTo>
                    <a:pt x="55" y="325"/>
                  </a:lnTo>
                  <a:lnTo>
                    <a:pt x="69" y="337"/>
                  </a:lnTo>
                  <a:lnTo>
                    <a:pt x="83" y="349"/>
                  </a:lnTo>
                  <a:lnTo>
                    <a:pt x="98" y="357"/>
                  </a:lnTo>
                  <a:lnTo>
                    <a:pt x="116" y="365"/>
                  </a:lnTo>
                  <a:lnTo>
                    <a:pt x="132" y="371"/>
                  </a:lnTo>
                  <a:lnTo>
                    <a:pt x="151" y="378"/>
                  </a:lnTo>
                  <a:lnTo>
                    <a:pt x="169" y="380"/>
                  </a:lnTo>
                  <a:lnTo>
                    <a:pt x="189" y="382"/>
                  </a:lnTo>
                  <a:lnTo>
                    <a:pt x="189" y="382"/>
                  </a:lnTo>
                  <a:lnTo>
                    <a:pt x="208" y="380"/>
                  </a:lnTo>
                  <a:lnTo>
                    <a:pt x="228" y="378"/>
                  </a:lnTo>
                  <a:lnTo>
                    <a:pt x="246" y="371"/>
                  </a:lnTo>
                  <a:lnTo>
                    <a:pt x="263" y="365"/>
                  </a:lnTo>
                  <a:lnTo>
                    <a:pt x="279" y="357"/>
                  </a:lnTo>
                  <a:lnTo>
                    <a:pt x="295" y="349"/>
                  </a:lnTo>
                  <a:lnTo>
                    <a:pt x="310" y="337"/>
                  </a:lnTo>
                  <a:lnTo>
                    <a:pt x="324" y="325"/>
                  </a:lnTo>
                  <a:lnTo>
                    <a:pt x="336" y="312"/>
                  </a:lnTo>
                  <a:lnTo>
                    <a:pt x="346" y="296"/>
                  </a:lnTo>
                  <a:lnTo>
                    <a:pt x="356" y="282"/>
                  </a:lnTo>
                  <a:lnTo>
                    <a:pt x="365" y="265"/>
                  </a:lnTo>
                  <a:lnTo>
                    <a:pt x="371" y="247"/>
                  </a:lnTo>
                  <a:lnTo>
                    <a:pt x="375" y="229"/>
                  </a:lnTo>
                  <a:lnTo>
                    <a:pt x="379" y="210"/>
                  </a:lnTo>
                  <a:lnTo>
                    <a:pt x="379" y="190"/>
                  </a:lnTo>
                  <a:lnTo>
                    <a:pt x="363" y="190"/>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33" name="Freeform 722"/>
            <p:cNvSpPr>
              <a:spLocks noEditPoints="1"/>
            </p:cNvSpPr>
            <p:nvPr/>
          </p:nvSpPr>
          <p:spPr bwMode="auto">
            <a:xfrm>
              <a:off x="12634913" y="6240463"/>
              <a:ext cx="284163" cy="336550"/>
            </a:xfrm>
            <a:custGeom>
              <a:avLst/>
              <a:gdLst/>
              <a:ahLst/>
              <a:cxnLst>
                <a:cxn ang="0">
                  <a:pos x="163" y="39"/>
                </a:cxn>
                <a:cxn ang="0">
                  <a:pos x="144" y="21"/>
                </a:cxn>
                <a:cxn ang="0">
                  <a:pos x="122" y="8"/>
                </a:cxn>
                <a:cxn ang="0">
                  <a:pos x="83" y="10"/>
                </a:cxn>
                <a:cxn ang="0">
                  <a:pos x="73" y="10"/>
                </a:cxn>
                <a:cxn ang="0">
                  <a:pos x="53" y="0"/>
                </a:cxn>
                <a:cxn ang="0">
                  <a:pos x="41" y="2"/>
                </a:cxn>
                <a:cxn ang="0">
                  <a:pos x="36" y="16"/>
                </a:cxn>
                <a:cxn ang="0">
                  <a:pos x="32" y="37"/>
                </a:cxn>
                <a:cxn ang="0">
                  <a:pos x="16" y="39"/>
                </a:cxn>
                <a:cxn ang="0">
                  <a:pos x="20" y="49"/>
                </a:cxn>
                <a:cxn ang="0">
                  <a:pos x="28" y="55"/>
                </a:cxn>
                <a:cxn ang="0">
                  <a:pos x="16" y="59"/>
                </a:cxn>
                <a:cxn ang="0">
                  <a:pos x="10" y="63"/>
                </a:cxn>
                <a:cxn ang="0">
                  <a:pos x="18" y="67"/>
                </a:cxn>
                <a:cxn ang="0">
                  <a:pos x="14" y="76"/>
                </a:cxn>
                <a:cxn ang="0">
                  <a:pos x="2" y="96"/>
                </a:cxn>
                <a:cxn ang="0">
                  <a:pos x="2" y="125"/>
                </a:cxn>
                <a:cxn ang="0">
                  <a:pos x="14" y="133"/>
                </a:cxn>
                <a:cxn ang="0">
                  <a:pos x="34" y="139"/>
                </a:cxn>
                <a:cxn ang="0">
                  <a:pos x="38" y="147"/>
                </a:cxn>
                <a:cxn ang="0">
                  <a:pos x="38" y="190"/>
                </a:cxn>
                <a:cxn ang="0">
                  <a:pos x="43" y="206"/>
                </a:cxn>
                <a:cxn ang="0">
                  <a:pos x="57" y="210"/>
                </a:cxn>
                <a:cxn ang="0">
                  <a:pos x="63" y="206"/>
                </a:cxn>
                <a:cxn ang="0">
                  <a:pos x="71" y="182"/>
                </a:cxn>
                <a:cxn ang="0">
                  <a:pos x="83" y="186"/>
                </a:cxn>
                <a:cxn ang="0">
                  <a:pos x="91" y="184"/>
                </a:cxn>
                <a:cxn ang="0">
                  <a:pos x="94" y="169"/>
                </a:cxn>
                <a:cxn ang="0">
                  <a:pos x="83" y="165"/>
                </a:cxn>
                <a:cxn ang="0">
                  <a:pos x="81" y="159"/>
                </a:cxn>
                <a:cxn ang="0">
                  <a:pos x="94" y="143"/>
                </a:cxn>
                <a:cxn ang="0">
                  <a:pos x="98" y="125"/>
                </a:cxn>
                <a:cxn ang="0">
                  <a:pos x="110" y="100"/>
                </a:cxn>
                <a:cxn ang="0">
                  <a:pos x="122" y="100"/>
                </a:cxn>
                <a:cxn ang="0">
                  <a:pos x="134" y="127"/>
                </a:cxn>
                <a:cxn ang="0">
                  <a:pos x="140" y="118"/>
                </a:cxn>
                <a:cxn ang="0">
                  <a:pos x="147" y="106"/>
                </a:cxn>
                <a:cxn ang="0">
                  <a:pos x="157" y="116"/>
                </a:cxn>
                <a:cxn ang="0">
                  <a:pos x="167" y="151"/>
                </a:cxn>
                <a:cxn ang="0">
                  <a:pos x="177" y="118"/>
                </a:cxn>
                <a:cxn ang="0">
                  <a:pos x="175" y="72"/>
                </a:cxn>
                <a:cxn ang="0">
                  <a:pos x="163" y="39"/>
                </a:cxn>
                <a:cxn ang="0">
                  <a:pos x="75" y="82"/>
                </a:cxn>
                <a:cxn ang="0">
                  <a:pos x="61" y="84"/>
                </a:cxn>
                <a:cxn ang="0">
                  <a:pos x="51" y="78"/>
                </a:cxn>
                <a:cxn ang="0">
                  <a:pos x="45" y="74"/>
                </a:cxn>
                <a:cxn ang="0">
                  <a:pos x="41" y="63"/>
                </a:cxn>
                <a:cxn ang="0">
                  <a:pos x="47" y="57"/>
                </a:cxn>
                <a:cxn ang="0">
                  <a:pos x="51" y="59"/>
                </a:cxn>
                <a:cxn ang="0">
                  <a:pos x="53" y="67"/>
                </a:cxn>
                <a:cxn ang="0">
                  <a:pos x="57" y="67"/>
                </a:cxn>
                <a:cxn ang="0">
                  <a:pos x="65" y="61"/>
                </a:cxn>
                <a:cxn ang="0">
                  <a:pos x="75" y="72"/>
                </a:cxn>
              </a:cxnLst>
              <a:rect l="0" t="0" r="r" b="b"/>
              <a:pathLst>
                <a:path w="179" h="212">
                  <a:moveTo>
                    <a:pt x="6" y="82"/>
                  </a:moveTo>
                  <a:lnTo>
                    <a:pt x="6" y="82"/>
                  </a:lnTo>
                  <a:close/>
                  <a:moveTo>
                    <a:pt x="163" y="39"/>
                  </a:moveTo>
                  <a:lnTo>
                    <a:pt x="163" y="39"/>
                  </a:lnTo>
                  <a:lnTo>
                    <a:pt x="155" y="29"/>
                  </a:lnTo>
                  <a:lnTo>
                    <a:pt x="144" y="21"/>
                  </a:lnTo>
                  <a:lnTo>
                    <a:pt x="134" y="14"/>
                  </a:lnTo>
                  <a:lnTo>
                    <a:pt x="122" y="8"/>
                  </a:lnTo>
                  <a:lnTo>
                    <a:pt x="122" y="8"/>
                  </a:lnTo>
                  <a:lnTo>
                    <a:pt x="110" y="4"/>
                  </a:lnTo>
                  <a:lnTo>
                    <a:pt x="104" y="4"/>
                  </a:lnTo>
                  <a:lnTo>
                    <a:pt x="83" y="10"/>
                  </a:lnTo>
                  <a:lnTo>
                    <a:pt x="83" y="10"/>
                  </a:lnTo>
                  <a:lnTo>
                    <a:pt x="79" y="12"/>
                  </a:lnTo>
                  <a:lnTo>
                    <a:pt x="73" y="10"/>
                  </a:lnTo>
                  <a:lnTo>
                    <a:pt x="65" y="6"/>
                  </a:lnTo>
                  <a:lnTo>
                    <a:pt x="57" y="0"/>
                  </a:lnTo>
                  <a:lnTo>
                    <a:pt x="53" y="0"/>
                  </a:lnTo>
                  <a:lnTo>
                    <a:pt x="47" y="0"/>
                  </a:lnTo>
                  <a:lnTo>
                    <a:pt x="47" y="0"/>
                  </a:lnTo>
                  <a:lnTo>
                    <a:pt x="41" y="2"/>
                  </a:lnTo>
                  <a:lnTo>
                    <a:pt x="38" y="6"/>
                  </a:lnTo>
                  <a:lnTo>
                    <a:pt x="36" y="10"/>
                  </a:lnTo>
                  <a:lnTo>
                    <a:pt x="36" y="16"/>
                  </a:lnTo>
                  <a:lnTo>
                    <a:pt x="36" y="29"/>
                  </a:lnTo>
                  <a:lnTo>
                    <a:pt x="36" y="35"/>
                  </a:lnTo>
                  <a:lnTo>
                    <a:pt x="32" y="37"/>
                  </a:lnTo>
                  <a:lnTo>
                    <a:pt x="32" y="37"/>
                  </a:lnTo>
                  <a:lnTo>
                    <a:pt x="18" y="39"/>
                  </a:lnTo>
                  <a:lnTo>
                    <a:pt x="16" y="39"/>
                  </a:lnTo>
                  <a:lnTo>
                    <a:pt x="14" y="41"/>
                  </a:lnTo>
                  <a:lnTo>
                    <a:pt x="16" y="43"/>
                  </a:lnTo>
                  <a:lnTo>
                    <a:pt x="20" y="49"/>
                  </a:lnTo>
                  <a:lnTo>
                    <a:pt x="20" y="49"/>
                  </a:lnTo>
                  <a:lnTo>
                    <a:pt x="26" y="53"/>
                  </a:lnTo>
                  <a:lnTo>
                    <a:pt x="28" y="55"/>
                  </a:lnTo>
                  <a:lnTo>
                    <a:pt x="26" y="57"/>
                  </a:lnTo>
                  <a:lnTo>
                    <a:pt x="24" y="57"/>
                  </a:lnTo>
                  <a:lnTo>
                    <a:pt x="16" y="59"/>
                  </a:lnTo>
                  <a:lnTo>
                    <a:pt x="12" y="61"/>
                  </a:lnTo>
                  <a:lnTo>
                    <a:pt x="10" y="63"/>
                  </a:lnTo>
                  <a:lnTo>
                    <a:pt x="10" y="63"/>
                  </a:lnTo>
                  <a:lnTo>
                    <a:pt x="14" y="67"/>
                  </a:lnTo>
                  <a:lnTo>
                    <a:pt x="18" y="67"/>
                  </a:lnTo>
                  <a:lnTo>
                    <a:pt x="18" y="67"/>
                  </a:lnTo>
                  <a:lnTo>
                    <a:pt x="18" y="69"/>
                  </a:lnTo>
                  <a:lnTo>
                    <a:pt x="18" y="72"/>
                  </a:lnTo>
                  <a:lnTo>
                    <a:pt x="14" y="76"/>
                  </a:lnTo>
                  <a:lnTo>
                    <a:pt x="6" y="82"/>
                  </a:lnTo>
                  <a:lnTo>
                    <a:pt x="6" y="82"/>
                  </a:lnTo>
                  <a:lnTo>
                    <a:pt x="2" y="96"/>
                  </a:lnTo>
                  <a:lnTo>
                    <a:pt x="0" y="110"/>
                  </a:lnTo>
                  <a:lnTo>
                    <a:pt x="0" y="118"/>
                  </a:lnTo>
                  <a:lnTo>
                    <a:pt x="2" y="125"/>
                  </a:lnTo>
                  <a:lnTo>
                    <a:pt x="6" y="129"/>
                  </a:lnTo>
                  <a:lnTo>
                    <a:pt x="14" y="133"/>
                  </a:lnTo>
                  <a:lnTo>
                    <a:pt x="14" y="133"/>
                  </a:lnTo>
                  <a:lnTo>
                    <a:pt x="22" y="135"/>
                  </a:lnTo>
                  <a:lnTo>
                    <a:pt x="28" y="137"/>
                  </a:lnTo>
                  <a:lnTo>
                    <a:pt x="34" y="139"/>
                  </a:lnTo>
                  <a:lnTo>
                    <a:pt x="36" y="143"/>
                  </a:lnTo>
                  <a:lnTo>
                    <a:pt x="38" y="147"/>
                  </a:lnTo>
                  <a:lnTo>
                    <a:pt x="38" y="147"/>
                  </a:lnTo>
                  <a:lnTo>
                    <a:pt x="38" y="159"/>
                  </a:lnTo>
                  <a:lnTo>
                    <a:pt x="38" y="169"/>
                  </a:lnTo>
                  <a:lnTo>
                    <a:pt x="38" y="190"/>
                  </a:lnTo>
                  <a:lnTo>
                    <a:pt x="38" y="190"/>
                  </a:lnTo>
                  <a:lnTo>
                    <a:pt x="38" y="198"/>
                  </a:lnTo>
                  <a:lnTo>
                    <a:pt x="43" y="206"/>
                  </a:lnTo>
                  <a:lnTo>
                    <a:pt x="49" y="210"/>
                  </a:lnTo>
                  <a:lnTo>
                    <a:pt x="53" y="212"/>
                  </a:lnTo>
                  <a:lnTo>
                    <a:pt x="57" y="210"/>
                  </a:lnTo>
                  <a:lnTo>
                    <a:pt x="57" y="210"/>
                  </a:lnTo>
                  <a:lnTo>
                    <a:pt x="59" y="208"/>
                  </a:lnTo>
                  <a:lnTo>
                    <a:pt x="63" y="206"/>
                  </a:lnTo>
                  <a:lnTo>
                    <a:pt x="67" y="198"/>
                  </a:lnTo>
                  <a:lnTo>
                    <a:pt x="71" y="182"/>
                  </a:lnTo>
                  <a:lnTo>
                    <a:pt x="71" y="182"/>
                  </a:lnTo>
                  <a:lnTo>
                    <a:pt x="75" y="180"/>
                  </a:lnTo>
                  <a:lnTo>
                    <a:pt x="77" y="180"/>
                  </a:lnTo>
                  <a:lnTo>
                    <a:pt x="83" y="186"/>
                  </a:lnTo>
                  <a:lnTo>
                    <a:pt x="87" y="188"/>
                  </a:lnTo>
                  <a:lnTo>
                    <a:pt x="89" y="188"/>
                  </a:lnTo>
                  <a:lnTo>
                    <a:pt x="91" y="184"/>
                  </a:lnTo>
                  <a:lnTo>
                    <a:pt x="94" y="175"/>
                  </a:lnTo>
                  <a:lnTo>
                    <a:pt x="94" y="175"/>
                  </a:lnTo>
                  <a:lnTo>
                    <a:pt x="94" y="169"/>
                  </a:lnTo>
                  <a:lnTo>
                    <a:pt x="91" y="167"/>
                  </a:lnTo>
                  <a:lnTo>
                    <a:pt x="87" y="165"/>
                  </a:lnTo>
                  <a:lnTo>
                    <a:pt x="83" y="165"/>
                  </a:lnTo>
                  <a:lnTo>
                    <a:pt x="83" y="163"/>
                  </a:lnTo>
                  <a:lnTo>
                    <a:pt x="81" y="159"/>
                  </a:lnTo>
                  <a:lnTo>
                    <a:pt x="81" y="159"/>
                  </a:lnTo>
                  <a:lnTo>
                    <a:pt x="83" y="153"/>
                  </a:lnTo>
                  <a:lnTo>
                    <a:pt x="89" y="147"/>
                  </a:lnTo>
                  <a:lnTo>
                    <a:pt x="94" y="143"/>
                  </a:lnTo>
                  <a:lnTo>
                    <a:pt x="96" y="137"/>
                  </a:lnTo>
                  <a:lnTo>
                    <a:pt x="96" y="137"/>
                  </a:lnTo>
                  <a:lnTo>
                    <a:pt x="98" y="125"/>
                  </a:lnTo>
                  <a:lnTo>
                    <a:pt x="102" y="110"/>
                  </a:lnTo>
                  <a:lnTo>
                    <a:pt x="106" y="104"/>
                  </a:lnTo>
                  <a:lnTo>
                    <a:pt x="110" y="100"/>
                  </a:lnTo>
                  <a:lnTo>
                    <a:pt x="116" y="98"/>
                  </a:lnTo>
                  <a:lnTo>
                    <a:pt x="122" y="100"/>
                  </a:lnTo>
                  <a:lnTo>
                    <a:pt x="122" y="100"/>
                  </a:lnTo>
                  <a:lnTo>
                    <a:pt x="126" y="108"/>
                  </a:lnTo>
                  <a:lnTo>
                    <a:pt x="130" y="120"/>
                  </a:lnTo>
                  <a:lnTo>
                    <a:pt x="134" y="127"/>
                  </a:lnTo>
                  <a:lnTo>
                    <a:pt x="136" y="129"/>
                  </a:lnTo>
                  <a:lnTo>
                    <a:pt x="138" y="127"/>
                  </a:lnTo>
                  <a:lnTo>
                    <a:pt x="140" y="118"/>
                  </a:lnTo>
                  <a:lnTo>
                    <a:pt x="140" y="118"/>
                  </a:lnTo>
                  <a:lnTo>
                    <a:pt x="144" y="108"/>
                  </a:lnTo>
                  <a:lnTo>
                    <a:pt x="147" y="106"/>
                  </a:lnTo>
                  <a:lnTo>
                    <a:pt x="149" y="106"/>
                  </a:lnTo>
                  <a:lnTo>
                    <a:pt x="153" y="110"/>
                  </a:lnTo>
                  <a:lnTo>
                    <a:pt x="157" y="116"/>
                  </a:lnTo>
                  <a:lnTo>
                    <a:pt x="163" y="135"/>
                  </a:lnTo>
                  <a:lnTo>
                    <a:pt x="167" y="151"/>
                  </a:lnTo>
                  <a:lnTo>
                    <a:pt x="167" y="151"/>
                  </a:lnTo>
                  <a:lnTo>
                    <a:pt x="171" y="143"/>
                  </a:lnTo>
                  <a:lnTo>
                    <a:pt x="175" y="133"/>
                  </a:lnTo>
                  <a:lnTo>
                    <a:pt x="177" y="118"/>
                  </a:lnTo>
                  <a:lnTo>
                    <a:pt x="179" y="104"/>
                  </a:lnTo>
                  <a:lnTo>
                    <a:pt x="179" y="88"/>
                  </a:lnTo>
                  <a:lnTo>
                    <a:pt x="175" y="72"/>
                  </a:lnTo>
                  <a:lnTo>
                    <a:pt x="171" y="55"/>
                  </a:lnTo>
                  <a:lnTo>
                    <a:pt x="163" y="39"/>
                  </a:lnTo>
                  <a:lnTo>
                    <a:pt x="163" y="39"/>
                  </a:lnTo>
                  <a:close/>
                  <a:moveTo>
                    <a:pt x="77" y="80"/>
                  </a:moveTo>
                  <a:lnTo>
                    <a:pt x="77" y="80"/>
                  </a:lnTo>
                  <a:lnTo>
                    <a:pt x="75" y="82"/>
                  </a:lnTo>
                  <a:lnTo>
                    <a:pt x="73" y="84"/>
                  </a:lnTo>
                  <a:lnTo>
                    <a:pt x="67" y="86"/>
                  </a:lnTo>
                  <a:lnTo>
                    <a:pt x="61" y="84"/>
                  </a:lnTo>
                  <a:lnTo>
                    <a:pt x="55" y="82"/>
                  </a:lnTo>
                  <a:lnTo>
                    <a:pt x="55" y="82"/>
                  </a:lnTo>
                  <a:lnTo>
                    <a:pt x="51" y="78"/>
                  </a:lnTo>
                  <a:lnTo>
                    <a:pt x="51" y="78"/>
                  </a:lnTo>
                  <a:lnTo>
                    <a:pt x="45" y="74"/>
                  </a:lnTo>
                  <a:lnTo>
                    <a:pt x="45" y="74"/>
                  </a:lnTo>
                  <a:lnTo>
                    <a:pt x="41" y="69"/>
                  </a:lnTo>
                  <a:lnTo>
                    <a:pt x="41" y="65"/>
                  </a:lnTo>
                  <a:lnTo>
                    <a:pt x="41" y="63"/>
                  </a:lnTo>
                  <a:lnTo>
                    <a:pt x="41" y="63"/>
                  </a:lnTo>
                  <a:lnTo>
                    <a:pt x="43" y="59"/>
                  </a:lnTo>
                  <a:lnTo>
                    <a:pt x="47" y="57"/>
                  </a:lnTo>
                  <a:lnTo>
                    <a:pt x="49" y="57"/>
                  </a:lnTo>
                  <a:lnTo>
                    <a:pt x="49" y="57"/>
                  </a:lnTo>
                  <a:lnTo>
                    <a:pt x="51" y="59"/>
                  </a:lnTo>
                  <a:lnTo>
                    <a:pt x="51" y="61"/>
                  </a:lnTo>
                  <a:lnTo>
                    <a:pt x="51" y="65"/>
                  </a:lnTo>
                  <a:lnTo>
                    <a:pt x="53" y="67"/>
                  </a:lnTo>
                  <a:lnTo>
                    <a:pt x="53" y="67"/>
                  </a:lnTo>
                  <a:lnTo>
                    <a:pt x="55" y="69"/>
                  </a:lnTo>
                  <a:lnTo>
                    <a:pt x="57" y="67"/>
                  </a:lnTo>
                  <a:lnTo>
                    <a:pt x="61" y="61"/>
                  </a:lnTo>
                  <a:lnTo>
                    <a:pt x="61" y="61"/>
                  </a:lnTo>
                  <a:lnTo>
                    <a:pt x="65" y="61"/>
                  </a:lnTo>
                  <a:lnTo>
                    <a:pt x="67" y="61"/>
                  </a:lnTo>
                  <a:lnTo>
                    <a:pt x="73" y="65"/>
                  </a:lnTo>
                  <a:lnTo>
                    <a:pt x="75" y="72"/>
                  </a:lnTo>
                  <a:lnTo>
                    <a:pt x="77" y="80"/>
                  </a:lnTo>
                  <a:lnTo>
                    <a:pt x="77" y="80"/>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34" name="Line 723"/>
            <p:cNvSpPr>
              <a:spLocks noChangeShapeType="1"/>
            </p:cNvSpPr>
            <p:nvPr/>
          </p:nvSpPr>
          <p:spPr bwMode="auto">
            <a:xfrm>
              <a:off x="12644438" y="6370638"/>
              <a:ext cx="1588" cy="1588"/>
            </a:xfrm>
            <a:prstGeom prst="line">
              <a:avLst/>
            </a:pr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35" name="Freeform 724"/>
            <p:cNvSpPr>
              <a:spLocks/>
            </p:cNvSpPr>
            <p:nvPr/>
          </p:nvSpPr>
          <p:spPr bwMode="auto">
            <a:xfrm>
              <a:off x="12634913" y="6240463"/>
              <a:ext cx="284163" cy="336550"/>
            </a:xfrm>
            <a:custGeom>
              <a:avLst/>
              <a:gdLst/>
              <a:ahLst/>
              <a:cxnLst>
                <a:cxn ang="0">
                  <a:pos x="163" y="39"/>
                </a:cxn>
                <a:cxn ang="0">
                  <a:pos x="144" y="21"/>
                </a:cxn>
                <a:cxn ang="0">
                  <a:pos x="122" y="8"/>
                </a:cxn>
                <a:cxn ang="0">
                  <a:pos x="110" y="4"/>
                </a:cxn>
                <a:cxn ang="0">
                  <a:pos x="83" y="10"/>
                </a:cxn>
                <a:cxn ang="0">
                  <a:pos x="79" y="12"/>
                </a:cxn>
                <a:cxn ang="0">
                  <a:pos x="65" y="6"/>
                </a:cxn>
                <a:cxn ang="0">
                  <a:pos x="53" y="0"/>
                </a:cxn>
                <a:cxn ang="0">
                  <a:pos x="47" y="0"/>
                </a:cxn>
                <a:cxn ang="0">
                  <a:pos x="38" y="6"/>
                </a:cxn>
                <a:cxn ang="0">
                  <a:pos x="36" y="16"/>
                </a:cxn>
                <a:cxn ang="0">
                  <a:pos x="36" y="35"/>
                </a:cxn>
                <a:cxn ang="0">
                  <a:pos x="32" y="37"/>
                </a:cxn>
                <a:cxn ang="0">
                  <a:pos x="16" y="39"/>
                </a:cxn>
                <a:cxn ang="0">
                  <a:pos x="16" y="43"/>
                </a:cxn>
                <a:cxn ang="0">
                  <a:pos x="20" y="49"/>
                </a:cxn>
                <a:cxn ang="0">
                  <a:pos x="28" y="55"/>
                </a:cxn>
                <a:cxn ang="0">
                  <a:pos x="24" y="57"/>
                </a:cxn>
                <a:cxn ang="0">
                  <a:pos x="12" y="61"/>
                </a:cxn>
                <a:cxn ang="0">
                  <a:pos x="10" y="63"/>
                </a:cxn>
                <a:cxn ang="0">
                  <a:pos x="18" y="67"/>
                </a:cxn>
                <a:cxn ang="0">
                  <a:pos x="18" y="69"/>
                </a:cxn>
                <a:cxn ang="0">
                  <a:pos x="14" y="76"/>
                </a:cxn>
                <a:cxn ang="0">
                  <a:pos x="6" y="82"/>
                </a:cxn>
                <a:cxn ang="0">
                  <a:pos x="0" y="110"/>
                </a:cxn>
                <a:cxn ang="0">
                  <a:pos x="2" y="125"/>
                </a:cxn>
                <a:cxn ang="0">
                  <a:pos x="14" y="133"/>
                </a:cxn>
                <a:cxn ang="0">
                  <a:pos x="22" y="135"/>
                </a:cxn>
                <a:cxn ang="0">
                  <a:pos x="34" y="139"/>
                </a:cxn>
                <a:cxn ang="0">
                  <a:pos x="38" y="147"/>
                </a:cxn>
                <a:cxn ang="0">
                  <a:pos x="38" y="159"/>
                </a:cxn>
                <a:cxn ang="0">
                  <a:pos x="38" y="190"/>
                </a:cxn>
                <a:cxn ang="0">
                  <a:pos x="38" y="198"/>
                </a:cxn>
                <a:cxn ang="0">
                  <a:pos x="49" y="210"/>
                </a:cxn>
                <a:cxn ang="0">
                  <a:pos x="57" y="210"/>
                </a:cxn>
                <a:cxn ang="0">
                  <a:pos x="59" y="208"/>
                </a:cxn>
                <a:cxn ang="0">
                  <a:pos x="67" y="198"/>
                </a:cxn>
                <a:cxn ang="0">
                  <a:pos x="71" y="182"/>
                </a:cxn>
                <a:cxn ang="0">
                  <a:pos x="77" y="180"/>
                </a:cxn>
                <a:cxn ang="0">
                  <a:pos x="87" y="188"/>
                </a:cxn>
                <a:cxn ang="0">
                  <a:pos x="91" y="184"/>
                </a:cxn>
                <a:cxn ang="0">
                  <a:pos x="94" y="175"/>
                </a:cxn>
                <a:cxn ang="0">
                  <a:pos x="91" y="167"/>
                </a:cxn>
                <a:cxn ang="0">
                  <a:pos x="83" y="165"/>
                </a:cxn>
                <a:cxn ang="0">
                  <a:pos x="81" y="159"/>
                </a:cxn>
                <a:cxn ang="0">
                  <a:pos x="83" y="153"/>
                </a:cxn>
                <a:cxn ang="0">
                  <a:pos x="94" y="143"/>
                </a:cxn>
                <a:cxn ang="0">
                  <a:pos x="96" y="137"/>
                </a:cxn>
                <a:cxn ang="0">
                  <a:pos x="102" y="110"/>
                </a:cxn>
                <a:cxn ang="0">
                  <a:pos x="110" y="100"/>
                </a:cxn>
                <a:cxn ang="0">
                  <a:pos x="122" y="100"/>
                </a:cxn>
                <a:cxn ang="0">
                  <a:pos x="126" y="108"/>
                </a:cxn>
                <a:cxn ang="0">
                  <a:pos x="134" y="127"/>
                </a:cxn>
                <a:cxn ang="0">
                  <a:pos x="138" y="127"/>
                </a:cxn>
                <a:cxn ang="0">
                  <a:pos x="140" y="118"/>
                </a:cxn>
                <a:cxn ang="0">
                  <a:pos x="147" y="106"/>
                </a:cxn>
                <a:cxn ang="0">
                  <a:pos x="153" y="110"/>
                </a:cxn>
                <a:cxn ang="0">
                  <a:pos x="163" y="135"/>
                </a:cxn>
                <a:cxn ang="0">
                  <a:pos x="167" y="151"/>
                </a:cxn>
                <a:cxn ang="0">
                  <a:pos x="175" y="133"/>
                </a:cxn>
                <a:cxn ang="0">
                  <a:pos x="179" y="104"/>
                </a:cxn>
                <a:cxn ang="0">
                  <a:pos x="175" y="72"/>
                </a:cxn>
                <a:cxn ang="0">
                  <a:pos x="163" y="39"/>
                </a:cxn>
              </a:cxnLst>
              <a:rect l="0" t="0" r="r" b="b"/>
              <a:pathLst>
                <a:path w="179" h="212">
                  <a:moveTo>
                    <a:pt x="163" y="39"/>
                  </a:moveTo>
                  <a:lnTo>
                    <a:pt x="163" y="39"/>
                  </a:lnTo>
                  <a:lnTo>
                    <a:pt x="155" y="29"/>
                  </a:lnTo>
                  <a:lnTo>
                    <a:pt x="144" y="21"/>
                  </a:lnTo>
                  <a:lnTo>
                    <a:pt x="134" y="14"/>
                  </a:lnTo>
                  <a:lnTo>
                    <a:pt x="122" y="8"/>
                  </a:lnTo>
                  <a:lnTo>
                    <a:pt x="122" y="8"/>
                  </a:lnTo>
                  <a:lnTo>
                    <a:pt x="110" y="4"/>
                  </a:lnTo>
                  <a:lnTo>
                    <a:pt x="104" y="4"/>
                  </a:lnTo>
                  <a:lnTo>
                    <a:pt x="83" y="10"/>
                  </a:lnTo>
                  <a:lnTo>
                    <a:pt x="83" y="10"/>
                  </a:lnTo>
                  <a:lnTo>
                    <a:pt x="79" y="12"/>
                  </a:lnTo>
                  <a:lnTo>
                    <a:pt x="73" y="10"/>
                  </a:lnTo>
                  <a:lnTo>
                    <a:pt x="65" y="6"/>
                  </a:lnTo>
                  <a:lnTo>
                    <a:pt x="57" y="0"/>
                  </a:lnTo>
                  <a:lnTo>
                    <a:pt x="53" y="0"/>
                  </a:lnTo>
                  <a:lnTo>
                    <a:pt x="47" y="0"/>
                  </a:lnTo>
                  <a:lnTo>
                    <a:pt x="47" y="0"/>
                  </a:lnTo>
                  <a:lnTo>
                    <a:pt x="41" y="2"/>
                  </a:lnTo>
                  <a:lnTo>
                    <a:pt x="38" y="6"/>
                  </a:lnTo>
                  <a:lnTo>
                    <a:pt x="36" y="10"/>
                  </a:lnTo>
                  <a:lnTo>
                    <a:pt x="36" y="16"/>
                  </a:lnTo>
                  <a:lnTo>
                    <a:pt x="36" y="29"/>
                  </a:lnTo>
                  <a:lnTo>
                    <a:pt x="36" y="35"/>
                  </a:lnTo>
                  <a:lnTo>
                    <a:pt x="32" y="37"/>
                  </a:lnTo>
                  <a:lnTo>
                    <a:pt x="32" y="37"/>
                  </a:lnTo>
                  <a:lnTo>
                    <a:pt x="18" y="39"/>
                  </a:lnTo>
                  <a:lnTo>
                    <a:pt x="16" y="39"/>
                  </a:lnTo>
                  <a:lnTo>
                    <a:pt x="14" y="41"/>
                  </a:lnTo>
                  <a:lnTo>
                    <a:pt x="16" y="43"/>
                  </a:lnTo>
                  <a:lnTo>
                    <a:pt x="20" y="49"/>
                  </a:lnTo>
                  <a:lnTo>
                    <a:pt x="20" y="49"/>
                  </a:lnTo>
                  <a:lnTo>
                    <a:pt x="26" y="53"/>
                  </a:lnTo>
                  <a:lnTo>
                    <a:pt x="28" y="55"/>
                  </a:lnTo>
                  <a:lnTo>
                    <a:pt x="26" y="57"/>
                  </a:lnTo>
                  <a:lnTo>
                    <a:pt x="24" y="57"/>
                  </a:lnTo>
                  <a:lnTo>
                    <a:pt x="16" y="59"/>
                  </a:lnTo>
                  <a:lnTo>
                    <a:pt x="12" y="61"/>
                  </a:lnTo>
                  <a:lnTo>
                    <a:pt x="10" y="63"/>
                  </a:lnTo>
                  <a:lnTo>
                    <a:pt x="10" y="63"/>
                  </a:lnTo>
                  <a:lnTo>
                    <a:pt x="14" y="67"/>
                  </a:lnTo>
                  <a:lnTo>
                    <a:pt x="18" y="67"/>
                  </a:lnTo>
                  <a:lnTo>
                    <a:pt x="18" y="67"/>
                  </a:lnTo>
                  <a:lnTo>
                    <a:pt x="18" y="69"/>
                  </a:lnTo>
                  <a:lnTo>
                    <a:pt x="18" y="72"/>
                  </a:lnTo>
                  <a:lnTo>
                    <a:pt x="14" y="76"/>
                  </a:lnTo>
                  <a:lnTo>
                    <a:pt x="6" y="82"/>
                  </a:lnTo>
                  <a:lnTo>
                    <a:pt x="6" y="82"/>
                  </a:lnTo>
                  <a:lnTo>
                    <a:pt x="2" y="96"/>
                  </a:lnTo>
                  <a:lnTo>
                    <a:pt x="0" y="110"/>
                  </a:lnTo>
                  <a:lnTo>
                    <a:pt x="0" y="118"/>
                  </a:lnTo>
                  <a:lnTo>
                    <a:pt x="2" y="125"/>
                  </a:lnTo>
                  <a:lnTo>
                    <a:pt x="6" y="129"/>
                  </a:lnTo>
                  <a:lnTo>
                    <a:pt x="14" y="133"/>
                  </a:lnTo>
                  <a:lnTo>
                    <a:pt x="14" y="133"/>
                  </a:lnTo>
                  <a:lnTo>
                    <a:pt x="22" y="135"/>
                  </a:lnTo>
                  <a:lnTo>
                    <a:pt x="28" y="137"/>
                  </a:lnTo>
                  <a:lnTo>
                    <a:pt x="34" y="139"/>
                  </a:lnTo>
                  <a:lnTo>
                    <a:pt x="36" y="143"/>
                  </a:lnTo>
                  <a:lnTo>
                    <a:pt x="38" y="147"/>
                  </a:lnTo>
                  <a:lnTo>
                    <a:pt x="38" y="147"/>
                  </a:lnTo>
                  <a:lnTo>
                    <a:pt x="38" y="159"/>
                  </a:lnTo>
                  <a:lnTo>
                    <a:pt x="38" y="169"/>
                  </a:lnTo>
                  <a:lnTo>
                    <a:pt x="38" y="190"/>
                  </a:lnTo>
                  <a:lnTo>
                    <a:pt x="38" y="190"/>
                  </a:lnTo>
                  <a:lnTo>
                    <a:pt x="38" y="198"/>
                  </a:lnTo>
                  <a:lnTo>
                    <a:pt x="43" y="206"/>
                  </a:lnTo>
                  <a:lnTo>
                    <a:pt x="49" y="210"/>
                  </a:lnTo>
                  <a:lnTo>
                    <a:pt x="53" y="212"/>
                  </a:lnTo>
                  <a:lnTo>
                    <a:pt x="57" y="210"/>
                  </a:lnTo>
                  <a:lnTo>
                    <a:pt x="57" y="210"/>
                  </a:lnTo>
                  <a:lnTo>
                    <a:pt x="59" y="208"/>
                  </a:lnTo>
                  <a:lnTo>
                    <a:pt x="63" y="206"/>
                  </a:lnTo>
                  <a:lnTo>
                    <a:pt x="67" y="198"/>
                  </a:lnTo>
                  <a:lnTo>
                    <a:pt x="71" y="182"/>
                  </a:lnTo>
                  <a:lnTo>
                    <a:pt x="71" y="182"/>
                  </a:lnTo>
                  <a:lnTo>
                    <a:pt x="75" y="180"/>
                  </a:lnTo>
                  <a:lnTo>
                    <a:pt x="77" y="180"/>
                  </a:lnTo>
                  <a:lnTo>
                    <a:pt x="83" y="186"/>
                  </a:lnTo>
                  <a:lnTo>
                    <a:pt x="87" y="188"/>
                  </a:lnTo>
                  <a:lnTo>
                    <a:pt x="89" y="188"/>
                  </a:lnTo>
                  <a:lnTo>
                    <a:pt x="91" y="184"/>
                  </a:lnTo>
                  <a:lnTo>
                    <a:pt x="94" y="175"/>
                  </a:lnTo>
                  <a:lnTo>
                    <a:pt x="94" y="175"/>
                  </a:lnTo>
                  <a:lnTo>
                    <a:pt x="94" y="169"/>
                  </a:lnTo>
                  <a:lnTo>
                    <a:pt x="91" y="167"/>
                  </a:lnTo>
                  <a:lnTo>
                    <a:pt x="87" y="165"/>
                  </a:lnTo>
                  <a:lnTo>
                    <a:pt x="83" y="165"/>
                  </a:lnTo>
                  <a:lnTo>
                    <a:pt x="83" y="163"/>
                  </a:lnTo>
                  <a:lnTo>
                    <a:pt x="81" y="159"/>
                  </a:lnTo>
                  <a:lnTo>
                    <a:pt x="81" y="159"/>
                  </a:lnTo>
                  <a:lnTo>
                    <a:pt x="83" y="153"/>
                  </a:lnTo>
                  <a:lnTo>
                    <a:pt x="89" y="147"/>
                  </a:lnTo>
                  <a:lnTo>
                    <a:pt x="94" y="143"/>
                  </a:lnTo>
                  <a:lnTo>
                    <a:pt x="96" y="137"/>
                  </a:lnTo>
                  <a:lnTo>
                    <a:pt x="96" y="137"/>
                  </a:lnTo>
                  <a:lnTo>
                    <a:pt x="98" y="125"/>
                  </a:lnTo>
                  <a:lnTo>
                    <a:pt x="102" y="110"/>
                  </a:lnTo>
                  <a:lnTo>
                    <a:pt x="106" y="104"/>
                  </a:lnTo>
                  <a:lnTo>
                    <a:pt x="110" y="100"/>
                  </a:lnTo>
                  <a:lnTo>
                    <a:pt x="116" y="98"/>
                  </a:lnTo>
                  <a:lnTo>
                    <a:pt x="122" y="100"/>
                  </a:lnTo>
                  <a:lnTo>
                    <a:pt x="122" y="100"/>
                  </a:lnTo>
                  <a:lnTo>
                    <a:pt x="126" y="108"/>
                  </a:lnTo>
                  <a:lnTo>
                    <a:pt x="130" y="120"/>
                  </a:lnTo>
                  <a:lnTo>
                    <a:pt x="134" y="127"/>
                  </a:lnTo>
                  <a:lnTo>
                    <a:pt x="136" y="129"/>
                  </a:lnTo>
                  <a:lnTo>
                    <a:pt x="138" y="127"/>
                  </a:lnTo>
                  <a:lnTo>
                    <a:pt x="140" y="118"/>
                  </a:lnTo>
                  <a:lnTo>
                    <a:pt x="140" y="118"/>
                  </a:lnTo>
                  <a:lnTo>
                    <a:pt x="144" y="108"/>
                  </a:lnTo>
                  <a:lnTo>
                    <a:pt x="147" y="106"/>
                  </a:lnTo>
                  <a:lnTo>
                    <a:pt x="149" y="106"/>
                  </a:lnTo>
                  <a:lnTo>
                    <a:pt x="153" y="110"/>
                  </a:lnTo>
                  <a:lnTo>
                    <a:pt x="157" y="116"/>
                  </a:lnTo>
                  <a:lnTo>
                    <a:pt x="163" y="135"/>
                  </a:lnTo>
                  <a:lnTo>
                    <a:pt x="167" y="151"/>
                  </a:lnTo>
                  <a:lnTo>
                    <a:pt x="167" y="151"/>
                  </a:lnTo>
                  <a:lnTo>
                    <a:pt x="171" y="143"/>
                  </a:lnTo>
                  <a:lnTo>
                    <a:pt x="175" y="133"/>
                  </a:lnTo>
                  <a:lnTo>
                    <a:pt x="177" y="118"/>
                  </a:lnTo>
                  <a:lnTo>
                    <a:pt x="179" y="104"/>
                  </a:lnTo>
                  <a:lnTo>
                    <a:pt x="179" y="88"/>
                  </a:lnTo>
                  <a:lnTo>
                    <a:pt x="175" y="72"/>
                  </a:lnTo>
                  <a:lnTo>
                    <a:pt x="171" y="55"/>
                  </a:lnTo>
                  <a:lnTo>
                    <a:pt x="163" y="39"/>
                  </a:lnTo>
                  <a:lnTo>
                    <a:pt x="163" y="39"/>
                  </a:lnTo>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36" name="Freeform 725"/>
            <p:cNvSpPr>
              <a:spLocks/>
            </p:cNvSpPr>
            <p:nvPr/>
          </p:nvSpPr>
          <p:spPr bwMode="auto">
            <a:xfrm>
              <a:off x="12700000" y="6330950"/>
              <a:ext cx="57150" cy="46038"/>
            </a:xfrm>
            <a:custGeom>
              <a:avLst/>
              <a:gdLst/>
              <a:ahLst/>
              <a:cxnLst>
                <a:cxn ang="0">
                  <a:pos x="36" y="23"/>
                </a:cxn>
                <a:cxn ang="0">
                  <a:pos x="36" y="23"/>
                </a:cxn>
                <a:cxn ang="0">
                  <a:pos x="34" y="25"/>
                </a:cxn>
                <a:cxn ang="0">
                  <a:pos x="32" y="27"/>
                </a:cxn>
                <a:cxn ang="0">
                  <a:pos x="26" y="29"/>
                </a:cxn>
                <a:cxn ang="0">
                  <a:pos x="20" y="27"/>
                </a:cxn>
                <a:cxn ang="0">
                  <a:pos x="14" y="25"/>
                </a:cxn>
                <a:cxn ang="0">
                  <a:pos x="14" y="25"/>
                </a:cxn>
                <a:cxn ang="0">
                  <a:pos x="10" y="21"/>
                </a:cxn>
                <a:cxn ang="0">
                  <a:pos x="10" y="21"/>
                </a:cxn>
                <a:cxn ang="0">
                  <a:pos x="4" y="17"/>
                </a:cxn>
                <a:cxn ang="0">
                  <a:pos x="4" y="17"/>
                </a:cxn>
                <a:cxn ang="0">
                  <a:pos x="0" y="12"/>
                </a:cxn>
                <a:cxn ang="0">
                  <a:pos x="0" y="8"/>
                </a:cxn>
                <a:cxn ang="0">
                  <a:pos x="0" y="6"/>
                </a:cxn>
                <a:cxn ang="0">
                  <a:pos x="0" y="6"/>
                </a:cxn>
                <a:cxn ang="0">
                  <a:pos x="2" y="2"/>
                </a:cxn>
                <a:cxn ang="0">
                  <a:pos x="6" y="0"/>
                </a:cxn>
                <a:cxn ang="0">
                  <a:pos x="8" y="0"/>
                </a:cxn>
                <a:cxn ang="0">
                  <a:pos x="8" y="0"/>
                </a:cxn>
                <a:cxn ang="0">
                  <a:pos x="10" y="2"/>
                </a:cxn>
                <a:cxn ang="0">
                  <a:pos x="10" y="4"/>
                </a:cxn>
                <a:cxn ang="0">
                  <a:pos x="10" y="8"/>
                </a:cxn>
                <a:cxn ang="0">
                  <a:pos x="12" y="10"/>
                </a:cxn>
                <a:cxn ang="0">
                  <a:pos x="12" y="10"/>
                </a:cxn>
                <a:cxn ang="0">
                  <a:pos x="14" y="12"/>
                </a:cxn>
                <a:cxn ang="0">
                  <a:pos x="16" y="10"/>
                </a:cxn>
                <a:cxn ang="0">
                  <a:pos x="20" y="4"/>
                </a:cxn>
                <a:cxn ang="0">
                  <a:pos x="20" y="4"/>
                </a:cxn>
                <a:cxn ang="0">
                  <a:pos x="24" y="4"/>
                </a:cxn>
                <a:cxn ang="0">
                  <a:pos x="26" y="4"/>
                </a:cxn>
                <a:cxn ang="0">
                  <a:pos x="32" y="8"/>
                </a:cxn>
                <a:cxn ang="0">
                  <a:pos x="34" y="15"/>
                </a:cxn>
                <a:cxn ang="0">
                  <a:pos x="36" y="23"/>
                </a:cxn>
                <a:cxn ang="0">
                  <a:pos x="36" y="23"/>
                </a:cxn>
              </a:cxnLst>
              <a:rect l="0" t="0" r="r" b="b"/>
              <a:pathLst>
                <a:path w="36" h="29">
                  <a:moveTo>
                    <a:pt x="36" y="23"/>
                  </a:moveTo>
                  <a:lnTo>
                    <a:pt x="36" y="23"/>
                  </a:lnTo>
                  <a:lnTo>
                    <a:pt x="34" y="25"/>
                  </a:lnTo>
                  <a:lnTo>
                    <a:pt x="32" y="27"/>
                  </a:lnTo>
                  <a:lnTo>
                    <a:pt x="26" y="29"/>
                  </a:lnTo>
                  <a:lnTo>
                    <a:pt x="20" y="27"/>
                  </a:lnTo>
                  <a:lnTo>
                    <a:pt x="14" y="25"/>
                  </a:lnTo>
                  <a:lnTo>
                    <a:pt x="14" y="25"/>
                  </a:lnTo>
                  <a:lnTo>
                    <a:pt x="10" y="21"/>
                  </a:lnTo>
                  <a:lnTo>
                    <a:pt x="10" y="21"/>
                  </a:lnTo>
                  <a:lnTo>
                    <a:pt x="4" y="17"/>
                  </a:lnTo>
                  <a:lnTo>
                    <a:pt x="4" y="17"/>
                  </a:lnTo>
                  <a:lnTo>
                    <a:pt x="0" y="12"/>
                  </a:lnTo>
                  <a:lnTo>
                    <a:pt x="0" y="8"/>
                  </a:lnTo>
                  <a:lnTo>
                    <a:pt x="0" y="6"/>
                  </a:lnTo>
                  <a:lnTo>
                    <a:pt x="0" y="6"/>
                  </a:lnTo>
                  <a:lnTo>
                    <a:pt x="2" y="2"/>
                  </a:lnTo>
                  <a:lnTo>
                    <a:pt x="6" y="0"/>
                  </a:lnTo>
                  <a:lnTo>
                    <a:pt x="8" y="0"/>
                  </a:lnTo>
                  <a:lnTo>
                    <a:pt x="8" y="0"/>
                  </a:lnTo>
                  <a:lnTo>
                    <a:pt x="10" y="2"/>
                  </a:lnTo>
                  <a:lnTo>
                    <a:pt x="10" y="4"/>
                  </a:lnTo>
                  <a:lnTo>
                    <a:pt x="10" y="8"/>
                  </a:lnTo>
                  <a:lnTo>
                    <a:pt x="12" y="10"/>
                  </a:lnTo>
                  <a:lnTo>
                    <a:pt x="12" y="10"/>
                  </a:lnTo>
                  <a:lnTo>
                    <a:pt x="14" y="12"/>
                  </a:lnTo>
                  <a:lnTo>
                    <a:pt x="16" y="10"/>
                  </a:lnTo>
                  <a:lnTo>
                    <a:pt x="20" y="4"/>
                  </a:lnTo>
                  <a:lnTo>
                    <a:pt x="20" y="4"/>
                  </a:lnTo>
                  <a:lnTo>
                    <a:pt x="24" y="4"/>
                  </a:lnTo>
                  <a:lnTo>
                    <a:pt x="26" y="4"/>
                  </a:lnTo>
                  <a:lnTo>
                    <a:pt x="32" y="8"/>
                  </a:lnTo>
                  <a:lnTo>
                    <a:pt x="34" y="15"/>
                  </a:lnTo>
                  <a:lnTo>
                    <a:pt x="36" y="23"/>
                  </a:lnTo>
                  <a:lnTo>
                    <a:pt x="36" y="23"/>
                  </a:lnTo>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37" name="Freeform 726"/>
            <p:cNvSpPr>
              <a:spLocks/>
            </p:cNvSpPr>
            <p:nvPr/>
          </p:nvSpPr>
          <p:spPr bwMode="auto">
            <a:xfrm>
              <a:off x="12442825" y="6215063"/>
              <a:ext cx="185738" cy="187325"/>
            </a:xfrm>
            <a:custGeom>
              <a:avLst/>
              <a:gdLst/>
              <a:ahLst/>
              <a:cxnLst>
                <a:cxn ang="0">
                  <a:pos x="15" y="102"/>
                </a:cxn>
                <a:cxn ang="0">
                  <a:pos x="7" y="98"/>
                </a:cxn>
                <a:cxn ang="0">
                  <a:pos x="2" y="90"/>
                </a:cxn>
                <a:cxn ang="0">
                  <a:pos x="0" y="81"/>
                </a:cxn>
                <a:cxn ang="0">
                  <a:pos x="5" y="63"/>
                </a:cxn>
                <a:cxn ang="0">
                  <a:pos x="11" y="55"/>
                </a:cxn>
                <a:cxn ang="0">
                  <a:pos x="51" y="20"/>
                </a:cxn>
                <a:cxn ang="0">
                  <a:pos x="58" y="18"/>
                </a:cxn>
                <a:cxn ang="0">
                  <a:pos x="62" y="22"/>
                </a:cxn>
                <a:cxn ang="0">
                  <a:pos x="68" y="22"/>
                </a:cxn>
                <a:cxn ang="0">
                  <a:pos x="82" y="8"/>
                </a:cxn>
                <a:cxn ang="0">
                  <a:pos x="92" y="2"/>
                </a:cxn>
                <a:cxn ang="0">
                  <a:pos x="102" y="0"/>
                </a:cxn>
                <a:cxn ang="0">
                  <a:pos x="115" y="4"/>
                </a:cxn>
                <a:cxn ang="0">
                  <a:pos x="117" y="12"/>
                </a:cxn>
                <a:cxn ang="0">
                  <a:pos x="111" y="24"/>
                </a:cxn>
                <a:cxn ang="0">
                  <a:pos x="102" y="30"/>
                </a:cxn>
                <a:cxn ang="0">
                  <a:pos x="86" y="45"/>
                </a:cxn>
                <a:cxn ang="0">
                  <a:pos x="80" y="43"/>
                </a:cxn>
                <a:cxn ang="0">
                  <a:pos x="80" y="39"/>
                </a:cxn>
                <a:cxn ang="0">
                  <a:pos x="82" y="32"/>
                </a:cxn>
                <a:cxn ang="0">
                  <a:pos x="84" y="22"/>
                </a:cxn>
                <a:cxn ang="0">
                  <a:pos x="84" y="20"/>
                </a:cxn>
                <a:cxn ang="0">
                  <a:pos x="76" y="20"/>
                </a:cxn>
                <a:cxn ang="0">
                  <a:pos x="72" y="28"/>
                </a:cxn>
                <a:cxn ang="0">
                  <a:pos x="72" y="32"/>
                </a:cxn>
                <a:cxn ang="0">
                  <a:pos x="72" y="41"/>
                </a:cxn>
                <a:cxn ang="0">
                  <a:pos x="66" y="47"/>
                </a:cxn>
                <a:cxn ang="0">
                  <a:pos x="64" y="51"/>
                </a:cxn>
                <a:cxn ang="0">
                  <a:pos x="68" y="61"/>
                </a:cxn>
                <a:cxn ang="0">
                  <a:pos x="66" y="67"/>
                </a:cxn>
                <a:cxn ang="0">
                  <a:pos x="60" y="73"/>
                </a:cxn>
                <a:cxn ang="0">
                  <a:pos x="39" y="83"/>
                </a:cxn>
                <a:cxn ang="0">
                  <a:pos x="35" y="85"/>
                </a:cxn>
                <a:cxn ang="0">
                  <a:pos x="25" y="98"/>
                </a:cxn>
                <a:cxn ang="0">
                  <a:pos x="23" y="100"/>
                </a:cxn>
                <a:cxn ang="0">
                  <a:pos x="25" y="106"/>
                </a:cxn>
                <a:cxn ang="0">
                  <a:pos x="31" y="114"/>
                </a:cxn>
                <a:cxn ang="0">
                  <a:pos x="31" y="118"/>
                </a:cxn>
                <a:cxn ang="0">
                  <a:pos x="23" y="112"/>
                </a:cxn>
                <a:cxn ang="0">
                  <a:pos x="15" y="102"/>
                </a:cxn>
                <a:cxn ang="0">
                  <a:pos x="15" y="102"/>
                </a:cxn>
              </a:cxnLst>
              <a:rect l="0" t="0" r="r" b="b"/>
              <a:pathLst>
                <a:path w="117" h="118">
                  <a:moveTo>
                    <a:pt x="15" y="102"/>
                  </a:moveTo>
                  <a:lnTo>
                    <a:pt x="15" y="102"/>
                  </a:lnTo>
                  <a:lnTo>
                    <a:pt x="11" y="100"/>
                  </a:lnTo>
                  <a:lnTo>
                    <a:pt x="7" y="98"/>
                  </a:lnTo>
                  <a:lnTo>
                    <a:pt x="5" y="98"/>
                  </a:lnTo>
                  <a:lnTo>
                    <a:pt x="2" y="90"/>
                  </a:lnTo>
                  <a:lnTo>
                    <a:pt x="2" y="90"/>
                  </a:lnTo>
                  <a:lnTo>
                    <a:pt x="0" y="81"/>
                  </a:lnTo>
                  <a:lnTo>
                    <a:pt x="2" y="71"/>
                  </a:lnTo>
                  <a:lnTo>
                    <a:pt x="5" y="63"/>
                  </a:lnTo>
                  <a:lnTo>
                    <a:pt x="11" y="55"/>
                  </a:lnTo>
                  <a:lnTo>
                    <a:pt x="11" y="55"/>
                  </a:lnTo>
                  <a:lnTo>
                    <a:pt x="35" y="32"/>
                  </a:lnTo>
                  <a:lnTo>
                    <a:pt x="51" y="20"/>
                  </a:lnTo>
                  <a:lnTo>
                    <a:pt x="55" y="16"/>
                  </a:lnTo>
                  <a:lnTo>
                    <a:pt x="58" y="18"/>
                  </a:lnTo>
                  <a:lnTo>
                    <a:pt x="58" y="18"/>
                  </a:lnTo>
                  <a:lnTo>
                    <a:pt x="62" y="22"/>
                  </a:lnTo>
                  <a:lnTo>
                    <a:pt x="64" y="22"/>
                  </a:lnTo>
                  <a:lnTo>
                    <a:pt x="68" y="22"/>
                  </a:lnTo>
                  <a:lnTo>
                    <a:pt x="74" y="18"/>
                  </a:lnTo>
                  <a:lnTo>
                    <a:pt x="82" y="8"/>
                  </a:lnTo>
                  <a:lnTo>
                    <a:pt x="88" y="4"/>
                  </a:lnTo>
                  <a:lnTo>
                    <a:pt x="92" y="2"/>
                  </a:lnTo>
                  <a:lnTo>
                    <a:pt x="92" y="2"/>
                  </a:lnTo>
                  <a:lnTo>
                    <a:pt x="102" y="0"/>
                  </a:lnTo>
                  <a:lnTo>
                    <a:pt x="111" y="2"/>
                  </a:lnTo>
                  <a:lnTo>
                    <a:pt x="115" y="4"/>
                  </a:lnTo>
                  <a:lnTo>
                    <a:pt x="117" y="8"/>
                  </a:lnTo>
                  <a:lnTo>
                    <a:pt x="117" y="12"/>
                  </a:lnTo>
                  <a:lnTo>
                    <a:pt x="115" y="18"/>
                  </a:lnTo>
                  <a:lnTo>
                    <a:pt x="111" y="24"/>
                  </a:lnTo>
                  <a:lnTo>
                    <a:pt x="102" y="30"/>
                  </a:lnTo>
                  <a:lnTo>
                    <a:pt x="102" y="30"/>
                  </a:lnTo>
                  <a:lnTo>
                    <a:pt x="92" y="41"/>
                  </a:lnTo>
                  <a:lnTo>
                    <a:pt x="86" y="45"/>
                  </a:lnTo>
                  <a:lnTo>
                    <a:pt x="84" y="45"/>
                  </a:lnTo>
                  <a:lnTo>
                    <a:pt x="80" y="43"/>
                  </a:lnTo>
                  <a:lnTo>
                    <a:pt x="80" y="43"/>
                  </a:lnTo>
                  <a:lnTo>
                    <a:pt x="80" y="39"/>
                  </a:lnTo>
                  <a:lnTo>
                    <a:pt x="80" y="37"/>
                  </a:lnTo>
                  <a:lnTo>
                    <a:pt x="82" y="32"/>
                  </a:lnTo>
                  <a:lnTo>
                    <a:pt x="84" y="28"/>
                  </a:lnTo>
                  <a:lnTo>
                    <a:pt x="84" y="22"/>
                  </a:lnTo>
                  <a:lnTo>
                    <a:pt x="84" y="22"/>
                  </a:lnTo>
                  <a:lnTo>
                    <a:pt x="84" y="20"/>
                  </a:lnTo>
                  <a:lnTo>
                    <a:pt x="82" y="20"/>
                  </a:lnTo>
                  <a:lnTo>
                    <a:pt x="76" y="20"/>
                  </a:lnTo>
                  <a:lnTo>
                    <a:pt x="72" y="26"/>
                  </a:lnTo>
                  <a:lnTo>
                    <a:pt x="72" y="28"/>
                  </a:lnTo>
                  <a:lnTo>
                    <a:pt x="72" y="32"/>
                  </a:lnTo>
                  <a:lnTo>
                    <a:pt x="72" y="32"/>
                  </a:lnTo>
                  <a:lnTo>
                    <a:pt x="74" y="39"/>
                  </a:lnTo>
                  <a:lnTo>
                    <a:pt x="72" y="41"/>
                  </a:lnTo>
                  <a:lnTo>
                    <a:pt x="70" y="43"/>
                  </a:lnTo>
                  <a:lnTo>
                    <a:pt x="66" y="47"/>
                  </a:lnTo>
                  <a:lnTo>
                    <a:pt x="66" y="47"/>
                  </a:lnTo>
                  <a:lnTo>
                    <a:pt x="64" y="51"/>
                  </a:lnTo>
                  <a:lnTo>
                    <a:pt x="66" y="57"/>
                  </a:lnTo>
                  <a:lnTo>
                    <a:pt x="68" y="61"/>
                  </a:lnTo>
                  <a:lnTo>
                    <a:pt x="68" y="65"/>
                  </a:lnTo>
                  <a:lnTo>
                    <a:pt x="66" y="67"/>
                  </a:lnTo>
                  <a:lnTo>
                    <a:pt x="66" y="67"/>
                  </a:lnTo>
                  <a:lnTo>
                    <a:pt x="60" y="73"/>
                  </a:lnTo>
                  <a:lnTo>
                    <a:pt x="53" y="77"/>
                  </a:lnTo>
                  <a:lnTo>
                    <a:pt x="39" y="83"/>
                  </a:lnTo>
                  <a:lnTo>
                    <a:pt x="39" y="83"/>
                  </a:lnTo>
                  <a:lnTo>
                    <a:pt x="35" y="85"/>
                  </a:lnTo>
                  <a:lnTo>
                    <a:pt x="31" y="90"/>
                  </a:lnTo>
                  <a:lnTo>
                    <a:pt x="25" y="98"/>
                  </a:lnTo>
                  <a:lnTo>
                    <a:pt x="25" y="98"/>
                  </a:lnTo>
                  <a:lnTo>
                    <a:pt x="23" y="100"/>
                  </a:lnTo>
                  <a:lnTo>
                    <a:pt x="23" y="104"/>
                  </a:lnTo>
                  <a:lnTo>
                    <a:pt x="25" y="106"/>
                  </a:lnTo>
                  <a:lnTo>
                    <a:pt x="29" y="110"/>
                  </a:lnTo>
                  <a:lnTo>
                    <a:pt x="31" y="114"/>
                  </a:lnTo>
                  <a:lnTo>
                    <a:pt x="31" y="114"/>
                  </a:lnTo>
                  <a:lnTo>
                    <a:pt x="31" y="118"/>
                  </a:lnTo>
                  <a:lnTo>
                    <a:pt x="29" y="118"/>
                  </a:lnTo>
                  <a:lnTo>
                    <a:pt x="23" y="112"/>
                  </a:lnTo>
                  <a:lnTo>
                    <a:pt x="15" y="102"/>
                  </a:lnTo>
                  <a:lnTo>
                    <a:pt x="15" y="102"/>
                  </a:lnTo>
                  <a:lnTo>
                    <a:pt x="15" y="102"/>
                  </a:lnTo>
                  <a:lnTo>
                    <a:pt x="15" y="102"/>
                  </a:lnTo>
                  <a:lnTo>
                    <a:pt x="15" y="102"/>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38" name="Freeform 727"/>
            <p:cNvSpPr>
              <a:spLocks/>
            </p:cNvSpPr>
            <p:nvPr/>
          </p:nvSpPr>
          <p:spPr bwMode="auto">
            <a:xfrm>
              <a:off x="12439650" y="6396038"/>
              <a:ext cx="130175" cy="187325"/>
            </a:xfrm>
            <a:custGeom>
              <a:avLst/>
              <a:gdLst/>
              <a:ahLst/>
              <a:cxnLst>
                <a:cxn ang="0">
                  <a:pos x="9" y="0"/>
                </a:cxn>
                <a:cxn ang="0">
                  <a:pos x="9" y="0"/>
                </a:cxn>
                <a:cxn ang="0">
                  <a:pos x="2" y="0"/>
                </a:cxn>
                <a:cxn ang="0">
                  <a:pos x="0" y="2"/>
                </a:cxn>
                <a:cxn ang="0">
                  <a:pos x="2" y="6"/>
                </a:cxn>
                <a:cxn ang="0">
                  <a:pos x="4" y="12"/>
                </a:cxn>
                <a:cxn ang="0">
                  <a:pos x="17" y="24"/>
                </a:cxn>
                <a:cxn ang="0">
                  <a:pos x="17" y="24"/>
                </a:cxn>
                <a:cxn ang="0">
                  <a:pos x="19" y="39"/>
                </a:cxn>
                <a:cxn ang="0">
                  <a:pos x="23" y="47"/>
                </a:cxn>
                <a:cxn ang="0">
                  <a:pos x="37" y="63"/>
                </a:cxn>
                <a:cxn ang="0">
                  <a:pos x="37" y="63"/>
                </a:cxn>
                <a:cxn ang="0">
                  <a:pos x="41" y="69"/>
                </a:cxn>
                <a:cxn ang="0">
                  <a:pos x="43" y="75"/>
                </a:cxn>
                <a:cxn ang="0">
                  <a:pos x="47" y="88"/>
                </a:cxn>
                <a:cxn ang="0">
                  <a:pos x="51" y="100"/>
                </a:cxn>
                <a:cxn ang="0">
                  <a:pos x="53" y="106"/>
                </a:cxn>
                <a:cxn ang="0">
                  <a:pos x="60" y="112"/>
                </a:cxn>
                <a:cxn ang="0">
                  <a:pos x="60" y="112"/>
                </a:cxn>
                <a:cxn ang="0">
                  <a:pos x="68" y="118"/>
                </a:cxn>
                <a:cxn ang="0">
                  <a:pos x="70" y="118"/>
                </a:cxn>
                <a:cxn ang="0">
                  <a:pos x="72" y="116"/>
                </a:cxn>
                <a:cxn ang="0">
                  <a:pos x="74" y="110"/>
                </a:cxn>
                <a:cxn ang="0">
                  <a:pos x="72" y="102"/>
                </a:cxn>
                <a:cxn ang="0">
                  <a:pos x="72" y="102"/>
                </a:cxn>
                <a:cxn ang="0">
                  <a:pos x="72" y="92"/>
                </a:cxn>
                <a:cxn ang="0">
                  <a:pos x="74" y="84"/>
                </a:cxn>
                <a:cxn ang="0">
                  <a:pos x="80" y="65"/>
                </a:cxn>
                <a:cxn ang="0">
                  <a:pos x="80" y="65"/>
                </a:cxn>
                <a:cxn ang="0">
                  <a:pos x="82" y="59"/>
                </a:cxn>
                <a:cxn ang="0">
                  <a:pos x="80" y="53"/>
                </a:cxn>
                <a:cxn ang="0">
                  <a:pos x="76" y="49"/>
                </a:cxn>
                <a:cxn ang="0">
                  <a:pos x="72" y="45"/>
                </a:cxn>
                <a:cxn ang="0">
                  <a:pos x="60" y="37"/>
                </a:cxn>
                <a:cxn ang="0">
                  <a:pos x="51" y="27"/>
                </a:cxn>
                <a:cxn ang="0">
                  <a:pos x="51" y="27"/>
                </a:cxn>
                <a:cxn ang="0">
                  <a:pos x="47" y="22"/>
                </a:cxn>
                <a:cxn ang="0">
                  <a:pos x="43" y="20"/>
                </a:cxn>
                <a:cxn ang="0">
                  <a:pos x="31" y="20"/>
                </a:cxn>
                <a:cxn ang="0">
                  <a:pos x="23" y="20"/>
                </a:cxn>
                <a:cxn ang="0">
                  <a:pos x="19" y="18"/>
                </a:cxn>
                <a:cxn ang="0">
                  <a:pos x="17" y="14"/>
                </a:cxn>
                <a:cxn ang="0">
                  <a:pos x="17" y="14"/>
                </a:cxn>
                <a:cxn ang="0">
                  <a:pos x="15" y="8"/>
                </a:cxn>
                <a:cxn ang="0">
                  <a:pos x="13" y="2"/>
                </a:cxn>
                <a:cxn ang="0">
                  <a:pos x="9" y="0"/>
                </a:cxn>
                <a:cxn ang="0">
                  <a:pos x="9" y="0"/>
                </a:cxn>
              </a:cxnLst>
              <a:rect l="0" t="0" r="r" b="b"/>
              <a:pathLst>
                <a:path w="82" h="118">
                  <a:moveTo>
                    <a:pt x="9" y="0"/>
                  </a:moveTo>
                  <a:lnTo>
                    <a:pt x="9" y="0"/>
                  </a:lnTo>
                  <a:lnTo>
                    <a:pt x="2" y="0"/>
                  </a:lnTo>
                  <a:lnTo>
                    <a:pt x="0" y="2"/>
                  </a:lnTo>
                  <a:lnTo>
                    <a:pt x="2" y="6"/>
                  </a:lnTo>
                  <a:lnTo>
                    <a:pt x="4" y="12"/>
                  </a:lnTo>
                  <a:lnTo>
                    <a:pt x="17" y="24"/>
                  </a:lnTo>
                  <a:lnTo>
                    <a:pt x="17" y="24"/>
                  </a:lnTo>
                  <a:lnTo>
                    <a:pt x="19" y="39"/>
                  </a:lnTo>
                  <a:lnTo>
                    <a:pt x="23" y="47"/>
                  </a:lnTo>
                  <a:lnTo>
                    <a:pt x="37" y="63"/>
                  </a:lnTo>
                  <a:lnTo>
                    <a:pt x="37" y="63"/>
                  </a:lnTo>
                  <a:lnTo>
                    <a:pt x="41" y="69"/>
                  </a:lnTo>
                  <a:lnTo>
                    <a:pt x="43" y="75"/>
                  </a:lnTo>
                  <a:lnTo>
                    <a:pt x="47" y="88"/>
                  </a:lnTo>
                  <a:lnTo>
                    <a:pt x="51" y="100"/>
                  </a:lnTo>
                  <a:lnTo>
                    <a:pt x="53" y="106"/>
                  </a:lnTo>
                  <a:lnTo>
                    <a:pt x="60" y="112"/>
                  </a:lnTo>
                  <a:lnTo>
                    <a:pt x="60" y="112"/>
                  </a:lnTo>
                  <a:lnTo>
                    <a:pt x="68" y="118"/>
                  </a:lnTo>
                  <a:lnTo>
                    <a:pt x="70" y="118"/>
                  </a:lnTo>
                  <a:lnTo>
                    <a:pt x="72" y="116"/>
                  </a:lnTo>
                  <a:lnTo>
                    <a:pt x="74" y="110"/>
                  </a:lnTo>
                  <a:lnTo>
                    <a:pt x="72" y="102"/>
                  </a:lnTo>
                  <a:lnTo>
                    <a:pt x="72" y="102"/>
                  </a:lnTo>
                  <a:lnTo>
                    <a:pt x="72" y="92"/>
                  </a:lnTo>
                  <a:lnTo>
                    <a:pt x="74" y="84"/>
                  </a:lnTo>
                  <a:lnTo>
                    <a:pt x="80" y="65"/>
                  </a:lnTo>
                  <a:lnTo>
                    <a:pt x="80" y="65"/>
                  </a:lnTo>
                  <a:lnTo>
                    <a:pt x="82" y="59"/>
                  </a:lnTo>
                  <a:lnTo>
                    <a:pt x="80" y="53"/>
                  </a:lnTo>
                  <a:lnTo>
                    <a:pt x="76" y="49"/>
                  </a:lnTo>
                  <a:lnTo>
                    <a:pt x="72" y="45"/>
                  </a:lnTo>
                  <a:lnTo>
                    <a:pt x="60" y="37"/>
                  </a:lnTo>
                  <a:lnTo>
                    <a:pt x="51" y="27"/>
                  </a:lnTo>
                  <a:lnTo>
                    <a:pt x="51" y="27"/>
                  </a:lnTo>
                  <a:lnTo>
                    <a:pt x="47" y="22"/>
                  </a:lnTo>
                  <a:lnTo>
                    <a:pt x="43" y="20"/>
                  </a:lnTo>
                  <a:lnTo>
                    <a:pt x="31" y="20"/>
                  </a:lnTo>
                  <a:lnTo>
                    <a:pt x="23" y="20"/>
                  </a:lnTo>
                  <a:lnTo>
                    <a:pt x="19" y="18"/>
                  </a:lnTo>
                  <a:lnTo>
                    <a:pt x="17" y="14"/>
                  </a:lnTo>
                  <a:lnTo>
                    <a:pt x="17" y="14"/>
                  </a:lnTo>
                  <a:lnTo>
                    <a:pt x="15" y="8"/>
                  </a:lnTo>
                  <a:lnTo>
                    <a:pt x="13" y="2"/>
                  </a:lnTo>
                  <a:lnTo>
                    <a:pt x="9" y="0"/>
                  </a:lnTo>
                  <a:lnTo>
                    <a:pt x="9" y="0"/>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39" name="Freeform 728"/>
            <p:cNvSpPr>
              <a:spLocks/>
            </p:cNvSpPr>
            <p:nvPr/>
          </p:nvSpPr>
          <p:spPr bwMode="auto">
            <a:xfrm>
              <a:off x="12614275" y="6149975"/>
              <a:ext cx="139700" cy="49213"/>
            </a:xfrm>
            <a:custGeom>
              <a:avLst/>
              <a:gdLst/>
              <a:ahLst/>
              <a:cxnLst>
                <a:cxn ang="0">
                  <a:pos x="29" y="31"/>
                </a:cxn>
                <a:cxn ang="0">
                  <a:pos x="29" y="31"/>
                </a:cxn>
                <a:cxn ang="0">
                  <a:pos x="35" y="29"/>
                </a:cxn>
                <a:cxn ang="0">
                  <a:pos x="41" y="25"/>
                </a:cxn>
                <a:cxn ang="0">
                  <a:pos x="47" y="23"/>
                </a:cxn>
                <a:cxn ang="0">
                  <a:pos x="54" y="20"/>
                </a:cxn>
                <a:cxn ang="0">
                  <a:pos x="54" y="20"/>
                </a:cxn>
                <a:cxn ang="0">
                  <a:pos x="76" y="25"/>
                </a:cxn>
                <a:cxn ang="0">
                  <a:pos x="82" y="25"/>
                </a:cxn>
                <a:cxn ang="0">
                  <a:pos x="88" y="23"/>
                </a:cxn>
                <a:cxn ang="0">
                  <a:pos x="88" y="18"/>
                </a:cxn>
                <a:cxn ang="0">
                  <a:pos x="86" y="14"/>
                </a:cxn>
                <a:cxn ang="0">
                  <a:pos x="86" y="14"/>
                </a:cxn>
                <a:cxn ang="0">
                  <a:pos x="78" y="8"/>
                </a:cxn>
                <a:cxn ang="0">
                  <a:pos x="70" y="4"/>
                </a:cxn>
                <a:cxn ang="0">
                  <a:pos x="60" y="2"/>
                </a:cxn>
                <a:cxn ang="0">
                  <a:pos x="49" y="0"/>
                </a:cxn>
                <a:cxn ang="0">
                  <a:pos x="39" y="0"/>
                </a:cxn>
                <a:cxn ang="0">
                  <a:pos x="29" y="0"/>
                </a:cxn>
                <a:cxn ang="0">
                  <a:pos x="19" y="4"/>
                </a:cxn>
                <a:cxn ang="0">
                  <a:pos x="13" y="8"/>
                </a:cxn>
                <a:cxn ang="0">
                  <a:pos x="13" y="8"/>
                </a:cxn>
                <a:cxn ang="0">
                  <a:pos x="5" y="12"/>
                </a:cxn>
                <a:cxn ang="0">
                  <a:pos x="0" y="18"/>
                </a:cxn>
                <a:cxn ang="0">
                  <a:pos x="0" y="23"/>
                </a:cxn>
                <a:cxn ang="0">
                  <a:pos x="3" y="27"/>
                </a:cxn>
                <a:cxn ang="0">
                  <a:pos x="9" y="29"/>
                </a:cxn>
                <a:cxn ang="0">
                  <a:pos x="15" y="31"/>
                </a:cxn>
                <a:cxn ang="0">
                  <a:pos x="21" y="31"/>
                </a:cxn>
                <a:cxn ang="0">
                  <a:pos x="29" y="31"/>
                </a:cxn>
                <a:cxn ang="0">
                  <a:pos x="29" y="31"/>
                </a:cxn>
                <a:cxn ang="0">
                  <a:pos x="31" y="31"/>
                </a:cxn>
                <a:cxn ang="0">
                  <a:pos x="29" y="31"/>
                </a:cxn>
                <a:cxn ang="0">
                  <a:pos x="29" y="31"/>
                </a:cxn>
              </a:cxnLst>
              <a:rect l="0" t="0" r="r" b="b"/>
              <a:pathLst>
                <a:path w="88" h="31">
                  <a:moveTo>
                    <a:pt x="29" y="31"/>
                  </a:moveTo>
                  <a:lnTo>
                    <a:pt x="29" y="31"/>
                  </a:lnTo>
                  <a:lnTo>
                    <a:pt x="35" y="29"/>
                  </a:lnTo>
                  <a:lnTo>
                    <a:pt x="41" y="25"/>
                  </a:lnTo>
                  <a:lnTo>
                    <a:pt x="47" y="23"/>
                  </a:lnTo>
                  <a:lnTo>
                    <a:pt x="54" y="20"/>
                  </a:lnTo>
                  <a:lnTo>
                    <a:pt x="54" y="20"/>
                  </a:lnTo>
                  <a:lnTo>
                    <a:pt x="76" y="25"/>
                  </a:lnTo>
                  <a:lnTo>
                    <a:pt x="82" y="25"/>
                  </a:lnTo>
                  <a:lnTo>
                    <a:pt x="88" y="23"/>
                  </a:lnTo>
                  <a:lnTo>
                    <a:pt x="88" y="18"/>
                  </a:lnTo>
                  <a:lnTo>
                    <a:pt x="86" y="14"/>
                  </a:lnTo>
                  <a:lnTo>
                    <a:pt x="86" y="14"/>
                  </a:lnTo>
                  <a:lnTo>
                    <a:pt x="78" y="8"/>
                  </a:lnTo>
                  <a:lnTo>
                    <a:pt x="70" y="4"/>
                  </a:lnTo>
                  <a:lnTo>
                    <a:pt x="60" y="2"/>
                  </a:lnTo>
                  <a:lnTo>
                    <a:pt x="49" y="0"/>
                  </a:lnTo>
                  <a:lnTo>
                    <a:pt x="39" y="0"/>
                  </a:lnTo>
                  <a:lnTo>
                    <a:pt x="29" y="0"/>
                  </a:lnTo>
                  <a:lnTo>
                    <a:pt x="19" y="4"/>
                  </a:lnTo>
                  <a:lnTo>
                    <a:pt x="13" y="8"/>
                  </a:lnTo>
                  <a:lnTo>
                    <a:pt x="13" y="8"/>
                  </a:lnTo>
                  <a:lnTo>
                    <a:pt x="5" y="12"/>
                  </a:lnTo>
                  <a:lnTo>
                    <a:pt x="0" y="18"/>
                  </a:lnTo>
                  <a:lnTo>
                    <a:pt x="0" y="23"/>
                  </a:lnTo>
                  <a:lnTo>
                    <a:pt x="3" y="27"/>
                  </a:lnTo>
                  <a:lnTo>
                    <a:pt x="9" y="29"/>
                  </a:lnTo>
                  <a:lnTo>
                    <a:pt x="15" y="31"/>
                  </a:lnTo>
                  <a:lnTo>
                    <a:pt x="21" y="31"/>
                  </a:lnTo>
                  <a:lnTo>
                    <a:pt x="29" y="31"/>
                  </a:lnTo>
                  <a:lnTo>
                    <a:pt x="29" y="31"/>
                  </a:lnTo>
                  <a:lnTo>
                    <a:pt x="31" y="31"/>
                  </a:lnTo>
                  <a:lnTo>
                    <a:pt x="29" y="31"/>
                  </a:lnTo>
                  <a:lnTo>
                    <a:pt x="29" y="31"/>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40" name="Freeform 729"/>
            <p:cNvSpPr>
              <a:spLocks/>
            </p:cNvSpPr>
            <p:nvPr/>
          </p:nvSpPr>
          <p:spPr bwMode="auto">
            <a:xfrm>
              <a:off x="12611100" y="6580188"/>
              <a:ext cx="123825" cy="49213"/>
            </a:xfrm>
            <a:custGeom>
              <a:avLst/>
              <a:gdLst/>
              <a:ahLst/>
              <a:cxnLst>
                <a:cxn ang="0">
                  <a:pos x="27" y="8"/>
                </a:cxn>
                <a:cxn ang="0">
                  <a:pos x="27" y="8"/>
                </a:cxn>
                <a:cxn ang="0">
                  <a:pos x="31" y="6"/>
                </a:cxn>
                <a:cxn ang="0">
                  <a:pos x="35" y="4"/>
                </a:cxn>
                <a:cxn ang="0">
                  <a:pos x="39" y="0"/>
                </a:cxn>
                <a:cxn ang="0">
                  <a:pos x="43" y="0"/>
                </a:cxn>
                <a:cxn ang="0">
                  <a:pos x="45" y="2"/>
                </a:cxn>
                <a:cxn ang="0">
                  <a:pos x="45" y="2"/>
                </a:cxn>
                <a:cxn ang="0">
                  <a:pos x="64" y="12"/>
                </a:cxn>
                <a:cxn ang="0">
                  <a:pos x="74" y="19"/>
                </a:cxn>
                <a:cxn ang="0">
                  <a:pos x="78" y="23"/>
                </a:cxn>
                <a:cxn ang="0">
                  <a:pos x="78" y="27"/>
                </a:cxn>
                <a:cxn ang="0">
                  <a:pos x="78" y="27"/>
                </a:cxn>
                <a:cxn ang="0">
                  <a:pos x="64" y="29"/>
                </a:cxn>
                <a:cxn ang="0">
                  <a:pos x="47" y="31"/>
                </a:cxn>
                <a:cxn ang="0">
                  <a:pos x="25" y="29"/>
                </a:cxn>
                <a:cxn ang="0">
                  <a:pos x="25" y="29"/>
                </a:cxn>
                <a:cxn ang="0">
                  <a:pos x="15" y="27"/>
                </a:cxn>
                <a:cxn ang="0">
                  <a:pos x="7" y="25"/>
                </a:cxn>
                <a:cxn ang="0">
                  <a:pos x="2" y="21"/>
                </a:cxn>
                <a:cxn ang="0">
                  <a:pos x="0" y="15"/>
                </a:cxn>
                <a:cxn ang="0">
                  <a:pos x="2" y="12"/>
                </a:cxn>
                <a:cxn ang="0">
                  <a:pos x="7" y="8"/>
                </a:cxn>
                <a:cxn ang="0">
                  <a:pos x="15" y="8"/>
                </a:cxn>
                <a:cxn ang="0">
                  <a:pos x="27" y="8"/>
                </a:cxn>
                <a:cxn ang="0">
                  <a:pos x="27" y="8"/>
                </a:cxn>
                <a:cxn ang="0">
                  <a:pos x="19" y="6"/>
                </a:cxn>
                <a:cxn ang="0">
                  <a:pos x="27" y="8"/>
                </a:cxn>
                <a:cxn ang="0">
                  <a:pos x="27" y="8"/>
                </a:cxn>
              </a:cxnLst>
              <a:rect l="0" t="0" r="r" b="b"/>
              <a:pathLst>
                <a:path w="78" h="31">
                  <a:moveTo>
                    <a:pt x="27" y="8"/>
                  </a:moveTo>
                  <a:lnTo>
                    <a:pt x="27" y="8"/>
                  </a:lnTo>
                  <a:lnTo>
                    <a:pt x="31" y="6"/>
                  </a:lnTo>
                  <a:lnTo>
                    <a:pt x="35" y="4"/>
                  </a:lnTo>
                  <a:lnTo>
                    <a:pt x="39" y="0"/>
                  </a:lnTo>
                  <a:lnTo>
                    <a:pt x="43" y="0"/>
                  </a:lnTo>
                  <a:lnTo>
                    <a:pt x="45" y="2"/>
                  </a:lnTo>
                  <a:lnTo>
                    <a:pt x="45" y="2"/>
                  </a:lnTo>
                  <a:lnTo>
                    <a:pt x="64" y="12"/>
                  </a:lnTo>
                  <a:lnTo>
                    <a:pt x="74" y="19"/>
                  </a:lnTo>
                  <a:lnTo>
                    <a:pt x="78" y="23"/>
                  </a:lnTo>
                  <a:lnTo>
                    <a:pt x="78" y="27"/>
                  </a:lnTo>
                  <a:lnTo>
                    <a:pt x="78" y="27"/>
                  </a:lnTo>
                  <a:lnTo>
                    <a:pt x="64" y="29"/>
                  </a:lnTo>
                  <a:lnTo>
                    <a:pt x="47" y="31"/>
                  </a:lnTo>
                  <a:lnTo>
                    <a:pt x="25" y="29"/>
                  </a:lnTo>
                  <a:lnTo>
                    <a:pt x="25" y="29"/>
                  </a:lnTo>
                  <a:lnTo>
                    <a:pt x="15" y="27"/>
                  </a:lnTo>
                  <a:lnTo>
                    <a:pt x="7" y="25"/>
                  </a:lnTo>
                  <a:lnTo>
                    <a:pt x="2" y="21"/>
                  </a:lnTo>
                  <a:lnTo>
                    <a:pt x="0" y="15"/>
                  </a:lnTo>
                  <a:lnTo>
                    <a:pt x="2" y="12"/>
                  </a:lnTo>
                  <a:lnTo>
                    <a:pt x="7" y="8"/>
                  </a:lnTo>
                  <a:lnTo>
                    <a:pt x="15" y="8"/>
                  </a:lnTo>
                  <a:lnTo>
                    <a:pt x="27" y="8"/>
                  </a:lnTo>
                  <a:lnTo>
                    <a:pt x="27" y="8"/>
                  </a:lnTo>
                  <a:lnTo>
                    <a:pt x="19" y="6"/>
                  </a:lnTo>
                  <a:lnTo>
                    <a:pt x="27" y="8"/>
                  </a:lnTo>
                  <a:lnTo>
                    <a:pt x="27" y="8"/>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grpSp>
      <p:sp>
        <p:nvSpPr>
          <p:cNvPr id="9257" name="Freeform 16"/>
          <p:cNvSpPr>
            <a:spLocks noChangeAspect="1" noEditPoints="1"/>
          </p:cNvSpPr>
          <p:nvPr/>
        </p:nvSpPr>
        <p:spPr bwMode="auto">
          <a:xfrm>
            <a:off x="6608770" y="4121525"/>
            <a:ext cx="390594" cy="260430"/>
          </a:xfrm>
          <a:custGeom>
            <a:avLst/>
            <a:gdLst>
              <a:gd name="T0" fmla="*/ 2147483647 w 206"/>
              <a:gd name="T1" fmla="*/ 0 h 136"/>
              <a:gd name="T2" fmla="*/ 2147483647 w 206"/>
              <a:gd name="T3" fmla="*/ 2147483647 h 136"/>
              <a:gd name="T4" fmla="*/ 2147483647 w 206"/>
              <a:gd name="T5" fmla="*/ 2147483647 h 136"/>
              <a:gd name="T6" fmla="*/ 2147483647 w 206"/>
              <a:gd name="T7" fmla="*/ 2147483647 h 136"/>
              <a:gd name="T8" fmla="*/ 0 w 206"/>
              <a:gd name="T9" fmla="*/ 2147483647 h 136"/>
              <a:gd name="T10" fmla="*/ 0 w 206"/>
              <a:gd name="T11" fmla="*/ 2147483647 h 136"/>
              <a:gd name="T12" fmla="*/ 0 w 206"/>
              <a:gd name="T13" fmla="*/ 2147483647 h 136"/>
              <a:gd name="T14" fmla="*/ 2147483647 w 206"/>
              <a:gd name="T15" fmla="*/ 2147483647 h 136"/>
              <a:gd name="T16" fmla="*/ 2147483647 w 206"/>
              <a:gd name="T17" fmla="*/ 2147483647 h 136"/>
              <a:gd name="T18" fmla="*/ 2147483647 w 206"/>
              <a:gd name="T19" fmla="*/ 2147483647 h 136"/>
              <a:gd name="T20" fmla="*/ 2147483647 w 206"/>
              <a:gd name="T21" fmla="*/ 2147483647 h 136"/>
              <a:gd name="T22" fmla="*/ 2147483647 w 206"/>
              <a:gd name="T23" fmla="*/ 2147483647 h 136"/>
              <a:gd name="T24" fmla="*/ 2147483647 w 206"/>
              <a:gd name="T25" fmla="*/ 2147483647 h 136"/>
              <a:gd name="T26" fmla="*/ 2147483647 w 206"/>
              <a:gd name="T27" fmla="*/ 2147483647 h 136"/>
              <a:gd name="T28" fmla="*/ 2147483647 w 206"/>
              <a:gd name="T29" fmla="*/ 2147483647 h 136"/>
              <a:gd name="T30" fmla="*/ 2147483647 w 206"/>
              <a:gd name="T31" fmla="*/ 2147483647 h 136"/>
              <a:gd name="T32" fmla="*/ 2147483647 w 206"/>
              <a:gd name="T33" fmla="*/ 2147483647 h 136"/>
              <a:gd name="T34" fmla="*/ 2147483647 w 206"/>
              <a:gd name="T35" fmla="*/ 2147483647 h 136"/>
              <a:gd name="T36" fmla="*/ 2147483647 w 206"/>
              <a:gd name="T37" fmla="*/ 2147483647 h 136"/>
              <a:gd name="T38" fmla="*/ 2147483647 w 206"/>
              <a:gd name="T39" fmla="*/ 2147483647 h 136"/>
              <a:gd name="T40" fmla="*/ 2147483647 w 206"/>
              <a:gd name="T41" fmla="*/ 0 h 136"/>
              <a:gd name="T42" fmla="*/ 2147483647 w 206"/>
              <a:gd name="T43" fmla="*/ 2147483647 h 136"/>
              <a:gd name="T44" fmla="*/ 2147483647 w 206"/>
              <a:gd name="T45" fmla="*/ 2147483647 h 136"/>
              <a:gd name="T46" fmla="*/ 2147483647 w 206"/>
              <a:gd name="T47" fmla="*/ 2147483647 h 136"/>
              <a:gd name="T48" fmla="*/ 2147483647 w 206"/>
              <a:gd name="T49" fmla="*/ 2147483647 h 136"/>
              <a:gd name="T50" fmla="*/ 2147483647 w 206"/>
              <a:gd name="T51" fmla="*/ 2147483647 h 136"/>
              <a:gd name="T52" fmla="*/ 2147483647 w 206"/>
              <a:gd name="T53" fmla="*/ 2147483647 h 136"/>
              <a:gd name="T54" fmla="*/ 2147483647 w 206"/>
              <a:gd name="T55" fmla="*/ 2147483647 h 136"/>
              <a:gd name="T56" fmla="*/ 2147483647 w 206"/>
              <a:gd name="T57" fmla="*/ 2147483647 h 136"/>
              <a:gd name="T58" fmla="*/ 2147483647 w 206"/>
              <a:gd name="T59" fmla="*/ 2147483647 h 136"/>
              <a:gd name="T60" fmla="*/ 2147483647 w 206"/>
              <a:gd name="T61" fmla="*/ 2147483647 h 136"/>
              <a:gd name="T62" fmla="*/ 2147483647 w 206"/>
              <a:gd name="T63" fmla="*/ 2147483647 h 136"/>
              <a:gd name="T64" fmla="*/ 2147483647 w 206"/>
              <a:gd name="T65" fmla="*/ 2147483647 h 136"/>
              <a:gd name="T66" fmla="*/ 2147483647 w 206"/>
              <a:gd name="T67" fmla="*/ 2147483647 h 136"/>
              <a:gd name="T68" fmla="*/ 2147483647 w 206"/>
              <a:gd name="T69" fmla="*/ 2147483647 h 136"/>
              <a:gd name="T70" fmla="*/ 2147483647 w 206"/>
              <a:gd name="T71" fmla="*/ 2147483647 h 136"/>
              <a:gd name="T72" fmla="*/ 2147483647 w 206"/>
              <a:gd name="T73" fmla="*/ 2147483647 h 136"/>
              <a:gd name="T74" fmla="*/ 2147483647 w 206"/>
              <a:gd name="T75" fmla="*/ 2147483647 h 136"/>
              <a:gd name="T76" fmla="*/ 2147483647 w 206"/>
              <a:gd name="T77" fmla="*/ 2147483647 h 136"/>
              <a:gd name="T78" fmla="*/ 2147483647 w 206"/>
              <a:gd name="T79" fmla="*/ 2147483647 h 136"/>
              <a:gd name="T80" fmla="*/ 2147483647 w 206"/>
              <a:gd name="T81" fmla="*/ 2147483647 h 136"/>
              <a:gd name="T82" fmla="*/ 2147483647 w 206"/>
              <a:gd name="T83" fmla="*/ 2147483647 h 136"/>
              <a:gd name="T84" fmla="*/ 2147483647 w 206"/>
              <a:gd name="T85" fmla="*/ 2147483647 h 136"/>
              <a:gd name="T86" fmla="*/ 2147483647 w 206"/>
              <a:gd name="T87" fmla="*/ 2147483647 h 136"/>
              <a:gd name="T88" fmla="*/ 2147483647 w 206"/>
              <a:gd name="T89" fmla="*/ 2147483647 h 136"/>
              <a:gd name="T90" fmla="*/ 2147483647 w 206"/>
              <a:gd name="T91" fmla="*/ 2147483647 h 1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w 206"/>
              <a:gd name="T139" fmla="*/ 0 h 136"/>
              <a:gd name="T140" fmla="*/ 206 w 206"/>
              <a:gd name="T141" fmla="*/ 136 h 1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T138" t="T139" r="T140" b="T141"/>
            <a:pathLst>
              <a:path w="206" h="136">
                <a:moveTo>
                  <a:pt x="166" y="0"/>
                </a:moveTo>
                <a:lnTo>
                  <a:pt x="38" y="0"/>
                </a:lnTo>
                <a:lnTo>
                  <a:pt x="30" y="2"/>
                </a:lnTo>
                <a:lnTo>
                  <a:pt x="24" y="4"/>
                </a:lnTo>
                <a:lnTo>
                  <a:pt x="16" y="8"/>
                </a:lnTo>
                <a:lnTo>
                  <a:pt x="10" y="12"/>
                </a:lnTo>
                <a:lnTo>
                  <a:pt x="6" y="18"/>
                </a:lnTo>
                <a:lnTo>
                  <a:pt x="2" y="24"/>
                </a:lnTo>
                <a:lnTo>
                  <a:pt x="0" y="32"/>
                </a:lnTo>
                <a:lnTo>
                  <a:pt x="0" y="40"/>
                </a:lnTo>
                <a:lnTo>
                  <a:pt x="0" y="96"/>
                </a:lnTo>
                <a:lnTo>
                  <a:pt x="0" y="104"/>
                </a:lnTo>
                <a:lnTo>
                  <a:pt x="2" y="112"/>
                </a:lnTo>
                <a:lnTo>
                  <a:pt x="6" y="118"/>
                </a:lnTo>
                <a:lnTo>
                  <a:pt x="10" y="124"/>
                </a:lnTo>
                <a:lnTo>
                  <a:pt x="16" y="128"/>
                </a:lnTo>
                <a:lnTo>
                  <a:pt x="24" y="132"/>
                </a:lnTo>
                <a:lnTo>
                  <a:pt x="30" y="134"/>
                </a:lnTo>
                <a:lnTo>
                  <a:pt x="38" y="136"/>
                </a:lnTo>
                <a:lnTo>
                  <a:pt x="166" y="136"/>
                </a:lnTo>
                <a:lnTo>
                  <a:pt x="174" y="134"/>
                </a:lnTo>
                <a:lnTo>
                  <a:pt x="182" y="132"/>
                </a:lnTo>
                <a:lnTo>
                  <a:pt x="188" y="128"/>
                </a:lnTo>
                <a:lnTo>
                  <a:pt x="194" y="124"/>
                </a:lnTo>
                <a:lnTo>
                  <a:pt x="198" y="118"/>
                </a:lnTo>
                <a:lnTo>
                  <a:pt x="202" y="112"/>
                </a:lnTo>
                <a:lnTo>
                  <a:pt x="204" y="104"/>
                </a:lnTo>
                <a:lnTo>
                  <a:pt x="206" y="96"/>
                </a:lnTo>
                <a:lnTo>
                  <a:pt x="206" y="40"/>
                </a:lnTo>
                <a:lnTo>
                  <a:pt x="204" y="32"/>
                </a:lnTo>
                <a:lnTo>
                  <a:pt x="202" y="24"/>
                </a:lnTo>
                <a:lnTo>
                  <a:pt x="198" y="18"/>
                </a:lnTo>
                <a:lnTo>
                  <a:pt x="194" y="12"/>
                </a:lnTo>
                <a:lnTo>
                  <a:pt x="188" y="8"/>
                </a:lnTo>
                <a:lnTo>
                  <a:pt x="182" y="4"/>
                </a:lnTo>
                <a:lnTo>
                  <a:pt x="174" y="2"/>
                </a:lnTo>
                <a:lnTo>
                  <a:pt x="166" y="0"/>
                </a:lnTo>
                <a:close/>
                <a:moveTo>
                  <a:pt x="196" y="116"/>
                </a:moveTo>
                <a:lnTo>
                  <a:pt x="196" y="116"/>
                </a:lnTo>
                <a:lnTo>
                  <a:pt x="194" y="116"/>
                </a:lnTo>
                <a:lnTo>
                  <a:pt x="190" y="116"/>
                </a:lnTo>
                <a:lnTo>
                  <a:pt x="136" y="66"/>
                </a:lnTo>
                <a:lnTo>
                  <a:pt x="106" y="92"/>
                </a:lnTo>
                <a:lnTo>
                  <a:pt x="102" y="94"/>
                </a:lnTo>
                <a:lnTo>
                  <a:pt x="100" y="92"/>
                </a:lnTo>
                <a:lnTo>
                  <a:pt x="68" y="66"/>
                </a:lnTo>
                <a:lnTo>
                  <a:pt x="16" y="114"/>
                </a:lnTo>
                <a:lnTo>
                  <a:pt x="14" y="114"/>
                </a:lnTo>
                <a:lnTo>
                  <a:pt x="10" y="114"/>
                </a:lnTo>
                <a:lnTo>
                  <a:pt x="10" y="110"/>
                </a:lnTo>
                <a:lnTo>
                  <a:pt x="12" y="108"/>
                </a:lnTo>
                <a:lnTo>
                  <a:pt x="62" y="60"/>
                </a:lnTo>
                <a:lnTo>
                  <a:pt x="14" y="22"/>
                </a:lnTo>
                <a:lnTo>
                  <a:pt x="14" y="18"/>
                </a:lnTo>
                <a:lnTo>
                  <a:pt x="14" y="16"/>
                </a:lnTo>
                <a:lnTo>
                  <a:pt x="18" y="14"/>
                </a:lnTo>
                <a:lnTo>
                  <a:pt x="20" y="16"/>
                </a:lnTo>
                <a:lnTo>
                  <a:pt x="24" y="18"/>
                </a:lnTo>
                <a:lnTo>
                  <a:pt x="102" y="84"/>
                </a:lnTo>
                <a:lnTo>
                  <a:pt x="180" y="18"/>
                </a:lnTo>
                <a:lnTo>
                  <a:pt x="184" y="14"/>
                </a:lnTo>
                <a:lnTo>
                  <a:pt x="188" y="14"/>
                </a:lnTo>
                <a:lnTo>
                  <a:pt x="190" y="16"/>
                </a:lnTo>
                <a:lnTo>
                  <a:pt x="192" y="18"/>
                </a:lnTo>
                <a:lnTo>
                  <a:pt x="190" y="22"/>
                </a:lnTo>
                <a:lnTo>
                  <a:pt x="142" y="60"/>
                </a:lnTo>
                <a:lnTo>
                  <a:pt x="196" y="110"/>
                </a:lnTo>
                <a:lnTo>
                  <a:pt x="198" y="112"/>
                </a:lnTo>
                <a:lnTo>
                  <a:pt x="196" y="116"/>
                </a:lnTo>
                <a:close/>
              </a:path>
            </a:pathLst>
          </a:custGeom>
          <a:solidFill>
            <a:srgbClr val="C00000"/>
          </a:solidFill>
          <a:ln w="9525">
            <a:noFill/>
            <a:round/>
            <a:headEnd/>
            <a:tailEnd/>
          </a:ln>
        </p:spPr>
        <p:txBody>
          <a:bodyPr lIns="182917" tIns="91458" rIns="182917" bIns="91458"/>
          <a:lstStyle/>
          <a:p>
            <a:pPr fontAlgn="ctr"/>
            <a:endParaRPr lang="en-US" altLang="zh-CN">
              <a:latin typeface="Arial"/>
              <a:ea typeface="微软雅黑" pitchFamily="34" charset="-122"/>
            </a:endParaRPr>
          </a:p>
        </p:txBody>
      </p:sp>
      <p:grpSp>
        <p:nvGrpSpPr>
          <p:cNvPr id="12" name="组合 248"/>
          <p:cNvGrpSpPr>
            <a:grpSpLocks noChangeAspect="1"/>
          </p:cNvGrpSpPr>
          <p:nvPr/>
        </p:nvGrpSpPr>
        <p:grpSpPr>
          <a:xfrm>
            <a:off x="6143290" y="4113978"/>
            <a:ext cx="403930" cy="456679"/>
            <a:chOff x="12185650" y="4108450"/>
            <a:chExt cx="365125" cy="412750"/>
          </a:xfrm>
          <a:solidFill>
            <a:srgbClr val="C00000"/>
          </a:solidFill>
        </p:grpSpPr>
        <p:sp>
          <p:nvSpPr>
            <p:cNvPr id="244" name="Freeform 304"/>
            <p:cNvSpPr>
              <a:spLocks/>
            </p:cNvSpPr>
            <p:nvPr/>
          </p:nvSpPr>
          <p:spPr bwMode="auto">
            <a:xfrm>
              <a:off x="12185650" y="4108450"/>
              <a:ext cx="171450" cy="171450"/>
            </a:xfrm>
            <a:custGeom>
              <a:avLst/>
              <a:gdLst/>
              <a:ahLst/>
              <a:cxnLst>
                <a:cxn ang="0">
                  <a:pos x="32" y="0"/>
                </a:cxn>
                <a:cxn ang="0">
                  <a:pos x="94" y="62"/>
                </a:cxn>
                <a:cxn ang="0">
                  <a:pos x="108" y="108"/>
                </a:cxn>
                <a:cxn ang="0">
                  <a:pos x="62" y="94"/>
                </a:cxn>
                <a:cxn ang="0">
                  <a:pos x="0" y="32"/>
                </a:cxn>
                <a:cxn ang="0">
                  <a:pos x="32" y="0"/>
                </a:cxn>
              </a:cxnLst>
              <a:rect l="0" t="0" r="r" b="b"/>
              <a:pathLst>
                <a:path w="108" h="108">
                  <a:moveTo>
                    <a:pt x="32" y="0"/>
                  </a:moveTo>
                  <a:lnTo>
                    <a:pt x="94" y="62"/>
                  </a:lnTo>
                  <a:lnTo>
                    <a:pt x="108" y="108"/>
                  </a:lnTo>
                  <a:lnTo>
                    <a:pt x="62" y="94"/>
                  </a:lnTo>
                  <a:lnTo>
                    <a:pt x="0" y="32"/>
                  </a:lnTo>
                  <a:lnTo>
                    <a:pt x="32" y="0"/>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45" name="Freeform 305"/>
            <p:cNvSpPr>
              <a:spLocks/>
            </p:cNvSpPr>
            <p:nvPr/>
          </p:nvSpPr>
          <p:spPr bwMode="auto">
            <a:xfrm>
              <a:off x="12287250" y="4210050"/>
              <a:ext cx="60325" cy="60325"/>
            </a:xfrm>
            <a:custGeom>
              <a:avLst/>
              <a:gdLst/>
              <a:ahLst/>
              <a:cxnLst>
                <a:cxn ang="0">
                  <a:pos x="30" y="0"/>
                </a:cxn>
                <a:cxn ang="0">
                  <a:pos x="38" y="24"/>
                </a:cxn>
                <a:cxn ang="0">
                  <a:pos x="26" y="38"/>
                </a:cxn>
                <a:cxn ang="0">
                  <a:pos x="0" y="30"/>
                </a:cxn>
                <a:cxn ang="0">
                  <a:pos x="30" y="0"/>
                </a:cxn>
                <a:cxn ang="0">
                  <a:pos x="30" y="0"/>
                </a:cxn>
              </a:cxnLst>
              <a:rect l="0" t="0" r="r" b="b"/>
              <a:pathLst>
                <a:path w="38" h="38">
                  <a:moveTo>
                    <a:pt x="30" y="0"/>
                  </a:moveTo>
                  <a:lnTo>
                    <a:pt x="38" y="24"/>
                  </a:lnTo>
                  <a:lnTo>
                    <a:pt x="26" y="38"/>
                  </a:lnTo>
                  <a:lnTo>
                    <a:pt x="0" y="30"/>
                  </a:lnTo>
                  <a:lnTo>
                    <a:pt x="30" y="0"/>
                  </a:lnTo>
                  <a:lnTo>
                    <a:pt x="30" y="0"/>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sp>
          <p:nvSpPr>
            <p:cNvPr id="246" name="Freeform 306"/>
            <p:cNvSpPr>
              <a:spLocks noEditPoints="1"/>
            </p:cNvSpPr>
            <p:nvPr/>
          </p:nvSpPr>
          <p:spPr bwMode="auto">
            <a:xfrm>
              <a:off x="12236450" y="4133850"/>
              <a:ext cx="314325" cy="387350"/>
            </a:xfrm>
            <a:custGeom>
              <a:avLst/>
              <a:gdLst/>
              <a:ahLst/>
              <a:cxnLst>
                <a:cxn ang="0">
                  <a:pos x="164" y="78"/>
                </a:cxn>
                <a:cxn ang="0">
                  <a:pos x="78" y="68"/>
                </a:cxn>
                <a:cxn ang="0">
                  <a:pos x="198" y="132"/>
                </a:cxn>
                <a:cxn ang="0">
                  <a:pos x="198" y="24"/>
                </a:cxn>
                <a:cxn ang="0">
                  <a:pos x="190" y="8"/>
                </a:cxn>
                <a:cxn ang="0">
                  <a:pos x="174" y="0"/>
                </a:cxn>
                <a:cxn ang="0">
                  <a:pos x="102" y="0"/>
                </a:cxn>
                <a:cxn ang="0">
                  <a:pos x="50" y="18"/>
                </a:cxn>
                <a:cxn ang="0">
                  <a:pos x="102" y="18"/>
                </a:cxn>
                <a:cxn ang="0">
                  <a:pos x="174" y="18"/>
                </a:cxn>
                <a:cxn ang="0">
                  <a:pos x="180" y="24"/>
                </a:cxn>
                <a:cxn ang="0">
                  <a:pos x="108" y="132"/>
                </a:cxn>
                <a:cxn ang="0">
                  <a:pos x="98" y="132"/>
                </a:cxn>
                <a:cxn ang="0">
                  <a:pos x="86" y="146"/>
                </a:cxn>
                <a:cxn ang="0">
                  <a:pos x="84" y="228"/>
                </a:cxn>
                <a:cxn ang="0">
                  <a:pos x="22" y="228"/>
                </a:cxn>
                <a:cxn ang="0">
                  <a:pos x="16" y="222"/>
                </a:cxn>
                <a:cxn ang="0">
                  <a:pos x="16" y="152"/>
                </a:cxn>
                <a:cxn ang="0">
                  <a:pos x="0" y="90"/>
                </a:cxn>
                <a:cxn ang="0">
                  <a:pos x="0" y="152"/>
                </a:cxn>
                <a:cxn ang="0">
                  <a:pos x="0" y="222"/>
                </a:cxn>
                <a:cxn ang="0">
                  <a:pos x="6" y="238"/>
                </a:cxn>
                <a:cxn ang="0">
                  <a:pos x="22" y="244"/>
                </a:cxn>
                <a:cxn ang="0">
                  <a:pos x="84" y="244"/>
                </a:cxn>
                <a:cxn ang="0">
                  <a:pos x="198" y="132"/>
                </a:cxn>
                <a:cxn ang="0">
                  <a:pos x="198" y="132"/>
                </a:cxn>
                <a:cxn ang="0">
                  <a:pos x="198" y="132"/>
                </a:cxn>
                <a:cxn ang="0">
                  <a:pos x="102" y="214"/>
                </a:cxn>
                <a:cxn ang="0">
                  <a:pos x="102" y="154"/>
                </a:cxn>
                <a:cxn ang="0">
                  <a:pos x="108" y="148"/>
                </a:cxn>
                <a:cxn ang="0">
                  <a:pos x="102" y="214"/>
                </a:cxn>
                <a:cxn ang="0">
                  <a:pos x="78" y="38"/>
                </a:cxn>
                <a:cxn ang="0">
                  <a:pos x="164" y="50"/>
                </a:cxn>
                <a:cxn ang="0">
                  <a:pos x="78" y="108"/>
                </a:cxn>
                <a:cxn ang="0">
                  <a:pos x="164" y="98"/>
                </a:cxn>
                <a:cxn ang="0">
                  <a:pos x="78" y="108"/>
                </a:cxn>
              </a:cxnLst>
              <a:rect l="0" t="0" r="r" b="b"/>
              <a:pathLst>
                <a:path w="198" h="244">
                  <a:moveTo>
                    <a:pt x="78" y="78"/>
                  </a:moveTo>
                  <a:lnTo>
                    <a:pt x="164" y="78"/>
                  </a:lnTo>
                  <a:lnTo>
                    <a:pt x="164" y="68"/>
                  </a:lnTo>
                  <a:lnTo>
                    <a:pt x="78" y="68"/>
                  </a:lnTo>
                  <a:lnTo>
                    <a:pt x="78" y="78"/>
                  </a:lnTo>
                  <a:close/>
                  <a:moveTo>
                    <a:pt x="198" y="132"/>
                  </a:moveTo>
                  <a:lnTo>
                    <a:pt x="198" y="24"/>
                  </a:lnTo>
                  <a:lnTo>
                    <a:pt x="198" y="24"/>
                  </a:lnTo>
                  <a:lnTo>
                    <a:pt x="196" y="14"/>
                  </a:lnTo>
                  <a:lnTo>
                    <a:pt x="190" y="8"/>
                  </a:lnTo>
                  <a:lnTo>
                    <a:pt x="184" y="2"/>
                  </a:lnTo>
                  <a:lnTo>
                    <a:pt x="174" y="0"/>
                  </a:lnTo>
                  <a:lnTo>
                    <a:pt x="102" y="0"/>
                  </a:lnTo>
                  <a:lnTo>
                    <a:pt x="102" y="0"/>
                  </a:lnTo>
                  <a:lnTo>
                    <a:pt x="50" y="0"/>
                  </a:lnTo>
                  <a:lnTo>
                    <a:pt x="50" y="18"/>
                  </a:lnTo>
                  <a:lnTo>
                    <a:pt x="102" y="18"/>
                  </a:lnTo>
                  <a:lnTo>
                    <a:pt x="102" y="18"/>
                  </a:lnTo>
                  <a:lnTo>
                    <a:pt x="174" y="18"/>
                  </a:lnTo>
                  <a:lnTo>
                    <a:pt x="174" y="18"/>
                  </a:lnTo>
                  <a:lnTo>
                    <a:pt x="178" y="20"/>
                  </a:lnTo>
                  <a:lnTo>
                    <a:pt x="180" y="24"/>
                  </a:lnTo>
                  <a:lnTo>
                    <a:pt x="180" y="132"/>
                  </a:lnTo>
                  <a:lnTo>
                    <a:pt x="108" y="132"/>
                  </a:lnTo>
                  <a:lnTo>
                    <a:pt x="108" y="132"/>
                  </a:lnTo>
                  <a:lnTo>
                    <a:pt x="98" y="132"/>
                  </a:lnTo>
                  <a:lnTo>
                    <a:pt x="92" y="138"/>
                  </a:lnTo>
                  <a:lnTo>
                    <a:pt x="86" y="146"/>
                  </a:lnTo>
                  <a:lnTo>
                    <a:pt x="84" y="154"/>
                  </a:lnTo>
                  <a:lnTo>
                    <a:pt x="84" y="228"/>
                  </a:lnTo>
                  <a:lnTo>
                    <a:pt x="22" y="228"/>
                  </a:lnTo>
                  <a:lnTo>
                    <a:pt x="22" y="228"/>
                  </a:lnTo>
                  <a:lnTo>
                    <a:pt x="18" y="226"/>
                  </a:lnTo>
                  <a:lnTo>
                    <a:pt x="16" y="222"/>
                  </a:lnTo>
                  <a:lnTo>
                    <a:pt x="16" y="152"/>
                  </a:lnTo>
                  <a:lnTo>
                    <a:pt x="16" y="152"/>
                  </a:lnTo>
                  <a:lnTo>
                    <a:pt x="16" y="90"/>
                  </a:lnTo>
                  <a:lnTo>
                    <a:pt x="0" y="90"/>
                  </a:lnTo>
                  <a:lnTo>
                    <a:pt x="0" y="152"/>
                  </a:lnTo>
                  <a:lnTo>
                    <a:pt x="0" y="152"/>
                  </a:lnTo>
                  <a:lnTo>
                    <a:pt x="0" y="222"/>
                  </a:lnTo>
                  <a:lnTo>
                    <a:pt x="0" y="222"/>
                  </a:lnTo>
                  <a:lnTo>
                    <a:pt x="2" y="230"/>
                  </a:lnTo>
                  <a:lnTo>
                    <a:pt x="6" y="238"/>
                  </a:lnTo>
                  <a:lnTo>
                    <a:pt x="14" y="244"/>
                  </a:lnTo>
                  <a:lnTo>
                    <a:pt x="22" y="244"/>
                  </a:lnTo>
                  <a:lnTo>
                    <a:pt x="84" y="244"/>
                  </a:lnTo>
                  <a:lnTo>
                    <a:pt x="84" y="244"/>
                  </a:lnTo>
                  <a:lnTo>
                    <a:pt x="84" y="244"/>
                  </a:lnTo>
                  <a:lnTo>
                    <a:pt x="198" y="132"/>
                  </a:lnTo>
                  <a:lnTo>
                    <a:pt x="198" y="132"/>
                  </a:lnTo>
                  <a:lnTo>
                    <a:pt x="198" y="132"/>
                  </a:lnTo>
                  <a:lnTo>
                    <a:pt x="198" y="132"/>
                  </a:lnTo>
                  <a:lnTo>
                    <a:pt x="198" y="132"/>
                  </a:lnTo>
                  <a:lnTo>
                    <a:pt x="198" y="132"/>
                  </a:lnTo>
                  <a:close/>
                  <a:moveTo>
                    <a:pt x="102" y="214"/>
                  </a:moveTo>
                  <a:lnTo>
                    <a:pt x="102" y="154"/>
                  </a:lnTo>
                  <a:lnTo>
                    <a:pt x="102" y="154"/>
                  </a:lnTo>
                  <a:lnTo>
                    <a:pt x="104" y="150"/>
                  </a:lnTo>
                  <a:lnTo>
                    <a:pt x="108" y="148"/>
                  </a:lnTo>
                  <a:lnTo>
                    <a:pt x="168" y="148"/>
                  </a:lnTo>
                  <a:lnTo>
                    <a:pt x="102" y="214"/>
                  </a:lnTo>
                  <a:close/>
                  <a:moveTo>
                    <a:pt x="164" y="38"/>
                  </a:moveTo>
                  <a:lnTo>
                    <a:pt x="78" y="38"/>
                  </a:lnTo>
                  <a:lnTo>
                    <a:pt x="78" y="50"/>
                  </a:lnTo>
                  <a:lnTo>
                    <a:pt x="164" y="50"/>
                  </a:lnTo>
                  <a:lnTo>
                    <a:pt x="164" y="38"/>
                  </a:lnTo>
                  <a:close/>
                  <a:moveTo>
                    <a:pt x="78" y="108"/>
                  </a:moveTo>
                  <a:lnTo>
                    <a:pt x="164" y="108"/>
                  </a:lnTo>
                  <a:lnTo>
                    <a:pt x="164" y="98"/>
                  </a:lnTo>
                  <a:lnTo>
                    <a:pt x="78" y="98"/>
                  </a:lnTo>
                  <a:lnTo>
                    <a:pt x="78" y="108"/>
                  </a:lnTo>
                  <a:close/>
                </a:path>
              </a:pathLst>
            </a:custGeom>
            <a:grpFill/>
            <a:ln w="9525">
              <a:noFill/>
              <a:round/>
              <a:headEnd/>
              <a:tailEnd/>
            </a:ln>
          </p:spPr>
          <p:txBody>
            <a:bodyPr/>
            <a:lstStyle/>
            <a:p>
              <a:pPr fontAlgn="ctr">
                <a:defRPr/>
              </a:pPr>
              <a:endParaRPr lang="en-US" altLang="zh-CN">
                <a:latin typeface="Arial"/>
                <a:ea typeface="微软雅黑" pitchFamily="34" charset="-122"/>
              </a:endParaRPr>
            </a:p>
          </p:txBody>
        </p:sp>
      </p:grpSp>
      <p:sp>
        <p:nvSpPr>
          <p:cNvPr id="164" name="TextBox 163"/>
          <p:cNvSpPr txBox="1"/>
          <p:nvPr/>
        </p:nvSpPr>
        <p:spPr>
          <a:xfrm>
            <a:off x="849246" y="1441070"/>
            <a:ext cx="4529242" cy="322760"/>
          </a:xfrm>
          <a:prstGeom prst="roundRect">
            <a:avLst>
              <a:gd name="adj" fmla="val 8675"/>
            </a:avLst>
          </a:prstGeom>
          <a:solidFill>
            <a:srgbClr val="C00000"/>
          </a:solidFill>
        </p:spPr>
        <p:txBody>
          <a:bodyPr wrap="square" lIns="182917" tIns="0" rIns="182917" bIns="0" rtlCol="0">
            <a:spAutoFit/>
          </a:bodyPr>
          <a:lstStyle/>
          <a:p>
            <a:pPr algn="ctr" fontAlgn="ctr"/>
            <a:r>
              <a:rPr lang="en-US" altLang="zh-CN" sz="2000" b="1" dirty="0" smtClean="0">
                <a:solidFill>
                  <a:schemeClr val="bg1"/>
                </a:solidFill>
                <a:latin typeface="Arial"/>
                <a:ea typeface="微软雅黑" pitchFamily="34" charset="-122"/>
              </a:rPr>
              <a:t>Unified portal</a:t>
            </a:r>
            <a:endParaRPr lang="en-US" altLang="zh-CN" sz="2000" b="1" dirty="0">
              <a:solidFill>
                <a:schemeClr val="bg1"/>
              </a:solidFill>
              <a:latin typeface="Arial"/>
              <a:ea typeface="微软雅黑" pitchFamily="34" charset="-122"/>
            </a:endParaRPr>
          </a:p>
        </p:txBody>
      </p:sp>
      <p:sp>
        <p:nvSpPr>
          <p:cNvPr id="165" name="TextBox 164"/>
          <p:cNvSpPr txBox="1"/>
          <p:nvPr/>
        </p:nvSpPr>
        <p:spPr>
          <a:xfrm>
            <a:off x="5509152" y="1441070"/>
            <a:ext cx="4398568" cy="322760"/>
          </a:xfrm>
          <a:prstGeom prst="roundRect">
            <a:avLst>
              <a:gd name="adj" fmla="val 8675"/>
            </a:avLst>
          </a:prstGeom>
          <a:solidFill>
            <a:srgbClr val="C00000"/>
          </a:solidFill>
        </p:spPr>
        <p:txBody>
          <a:bodyPr wrap="square" lIns="182917" tIns="0" rIns="182917" bIns="0" rtlCol="0">
            <a:spAutoFit/>
          </a:bodyPr>
          <a:lstStyle/>
          <a:p>
            <a:pPr algn="ctr" fontAlgn="ctr"/>
            <a:r>
              <a:rPr lang="en-US" altLang="zh-CN" sz="2000" b="1" dirty="0" smtClean="0">
                <a:solidFill>
                  <a:schemeClr val="bg1"/>
                </a:solidFill>
                <a:latin typeface="Arial"/>
                <a:ea typeface="微软雅黑" pitchFamily="34" charset="-122"/>
              </a:rPr>
              <a:t>Secure tunnel</a:t>
            </a:r>
            <a:endParaRPr lang="en-US" altLang="zh-CN" sz="2000" b="1" dirty="0">
              <a:solidFill>
                <a:schemeClr val="bg1"/>
              </a:solidFill>
              <a:latin typeface="Arial"/>
              <a:ea typeface="微软雅黑" pitchFamily="34" charset="-122"/>
            </a:endParaRPr>
          </a:p>
        </p:txBody>
      </p:sp>
      <p:sp>
        <p:nvSpPr>
          <p:cNvPr id="167" name="TextBox 166"/>
          <p:cNvSpPr txBox="1"/>
          <p:nvPr/>
        </p:nvSpPr>
        <p:spPr>
          <a:xfrm>
            <a:off x="630031" y="7955931"/>
            <a:ext cx="17315646" cy="442861"/>
          </a:xfrm>
          <a:prstGeom prst="roundRect">
            <a:avLst>
              <a:gd name="adj" fmla="val 8675"/>
            </a:avLst>
          </a:prstGeom>
          <a:solidFill>
            <a:srgbClr val="C00000"/>
          </a:solidFill>
        </p:spPr>
        <p:txBody>
          <a:bodyPr wrap="square" lIns="182917" tIns="72014" rIns="182917" bIns="72014" rtlCol="0">
            <a:spAutoFit/>
          </a:bodyPr>
          <a:lstStyle/>
          <a:p>
            <a:pPr algn="ctr" fontAlgn="ctr"/>
            <a:r>
              <a:rPr lang="en-US" altLang="zh-CN" b="1" dirty="0" smtClean="0">
                <a:solidFill>
                  <a:srgbClr val="FFFFFF"/>
                </a:solidFill>
                <a:latin typeface="Arial"/>
                <a:ea typeface="微软雅黑" pitchFamily="34" charset="-122"/>
              </a:rPr>
              <a:t>HUAWEI can provide End-to-End solution</a:t>
            </a:r>
            <a:endParaRPr lang="en-US" altLang="zh-CN" b="1" dirty="0">
              <a:solidFill>
                <a:schemeClr val="bg1"/>
              </a:solidFill>
              <a:latin typeface="Arial"/>
              <a:ea typeface="微软雅黑" pitchFamily="34" charset="-122"/>
            </a:endParaRPr>
          </a:p>
        </p:txBody>
      </p:sp>
      <p:sp>
        <p:nvSpPr>
          <p:cNvPr id="177" name="梯形 176"/>
          <p:cNvSpPr/>
          <p:nvPr/>
        </p:nvSpPr>
        <p:spPr bwMode="auto">
          <a:xfrm rot="8914032">
            <a:off x="2201792" y="3488733"/>
            <a:ext cx="1689381" cy="1553483"/>
          </a:xfrm>
          <a:prstGeom prst="trapezoid">
            <a:avLst>
              <a:gd name="adj" fmla="val 32084"/>
            </a:avLst>
          </a:prstGeom>
          <a:solidFill>
            <a:schemeClr val="bg1">
              <a:lumMod val="75000"/>
              <a:alpha val="61000"/>
            </a:schemeClr>
          </a:solidFill>
          <a:ln>
            <a:noFill/>
          </a:ln>
          <a:effectLst/>
          <a:extLst/>
        </p:spPr>
        <p:txBody>
          <a:bodyPr lIns="182917" tIns="91458" rIns="182917" bIns="91458"/>
          <a:lstStyle/>
          <a:p>
            <a:pPr fontAlgn="ctr">
              <a:buClr>
                <a:srgbClr val="CC9900"/>
              </a:buClr>
              <a:buFont typeface="Wingdings" pitchFamily="2" charset="2"/>
              <a:buChar char="n"/>
              <a:defRPr/>
            </a:pPr>
            <a:endParaRPr lang="en-US" altLang="zh-CN" dirty="0">
              <a:latin typeface="Arial"/>
              <a:ea typeface="微软雅黑" pitchFamily="34" charset="-122"/>
            </a:endParaRPr>
          </a:p>
        </p:txBody>
      </p:sp>
      <p:grpSp>
        <p:nvGrpSpPr>
          <p:cNvPr id="13" name="组合 175"/>
          <p:cNvGrpSpPr/>
          <p:nvPr/>
        </p:nvGrpSpPr>
        <p:grpSpPr>
          <a:xfrm>
            <a:off x="1117795" y="2747761"/>
            <a:ext cx="1666527" cy="1343176"/>
            <a:chOff x="471712" y="1883229"/>
            <a:chExt cx="833119" cy="671381"/>
          </a:xfrm>
        </p:grpSpPr>
        <p:sp>
          <p:nvSpPr>
            <p:cNvPr id="9287" name="流程图: 磁盘 162"/>
            <p:cNvSpPr>
              <a:spLocks noChangeArrowheads="1"/>
            </p:cNvSpPr>
            <p:nvPr/>
          </p:nvSpPr>
          <p:spPr bwMode="auto">
            <a:xfrm>
              <a:off x="531327" y="1883229"/>
              <a:ext cx="708564" cy="671381"/>
            </a:xfrm>
            <a:prstGeom prst="flowChartMagneticDisk">
              <a:avLst/>
            </a:prstGeom>
            <a:solidFill>
              <a:schemeClr val="bg1">
                <a:lumMod val="65000"/>
              </a:schemeClr>
            </a:solidFill>
            <a:ln w="9525">
              <a:solidFill>
                <a:schemeClr val="bg1"/>
              </a:solidFill>
              <a:round/>
              <a:headEnd/>
              <a:tailEnd/>
            </a:ln>
          </p:spPr>
          <p:txBody>
            <a:bodyPr/>
            <a:lstStyle/>
            <a:p>
              <a:pPr fontAlgn="ctr">
                <a:buClr>
                  <a:srgbClr val="CC9900"/>
                </a:buClr>
                <a:buFont typeface="Wingdings" pitchFamily="2" charset="2"/>
                <a:buChar char="n"/>
              </a:pPr>
              <a:endParaRPr lang="en-US" altLang="zh-CN">
                <a:latin typeface="Arial"/>
                <a:ea typeface="微软雅黑" pitchFamily="34" charset="-122"/>
              </a:endParaRPr>
            </a:p>
          </p:txBody>
        </p:sp>
        <p:sp>
          <p:nvSpPr>
            <p:cNvPr id="9295" name="矩形 172"/>
            <p:cNvSpPr>
              <a:spLocks noChangeArrowheads="1"/>
            </p:cNvSpPr>
            <p:nvPr/>
          </p:nvSpPr>
          <p:spPr bwMode="auto">
            <a:xfrm>
              <a:off x="471712" y="2032727"/>
              <a:ext cx="833119" cy="353834"/>
            </a:xfrm>
            <a:prstGeom prst="rect">
              <a:avLst/>
            </a:prstGeom>
            <a:noFill/>
            <a:ln w="9525">
              <a:noFill/>
              <a:miter lim="800000"/>
              <a:headEnd/>
              <a:tailEnd/>
            </a:ln>
          </p:spPr>
          <p:txBody>
            <a:bodyPr wrap="square">
              <a:spAutoFit/>
            </a:bodyPr>
            <a:lstStyle/>
            <a:p>
              <a:pPr algn="ctr" eaLnBrk="0" fontAlgn="ctr" hangingPunct="0">
                <a:buSzPct val="100000"/>
              </a:pPr>
              <a:r>
                <a:rPr lang="en-US" altLang="zh-CN" sz="2000" b="1" dirty="0" smtClean="0">
                  <a:solidFill>
                    <a:srgbClr val="FFFFFF"/>
                  </a:solidFill>
                  <a:latin typeface="Arial"/>
                  <a:ea typeface="微软雅黑" pitchFamily="34" charset="-122"/>
                  <a:sym typeface="Calibri" pitchFamily="34" charset="0"/>
                </a:rPr>
                <a:t>Personal app &amp; data</a:t>
              </a:r>
              <a:endParaRPr lang="en-US" altLang="zh-CN" sz="2000" b="1" dirty="0">
                <a:solidFill>
                  <a:srgbClr val="FFFFFF"/>
                </a:solidFill>
                <a:latin typeface="Arial"/>
                <a:ea typeface="微软雅黑" pitchFamily="34" charset="-122"/>
                <a:sym typeface="Calibri" pitchFamily="34" charset="0"/>
              </a:endParaRPr>
            </a:p>
          </p:txBody>
        </p:sp>
      </p:grpSp>
      <p:grpSp>
        <p:nvGrpSpPr>
          <p:cNvPr id="14" name="组合 184"/>
          <p:cNvGrpSpPr/>
          <p:nvPr/>
        </p:nvGrpSpPr>
        <p:grpSpPr>
          <a:xfrm>
            <a:off x="2671089" y="4268088"/>
            <a:ext cx="2165726" cy="1422841"/>
            <a:chOff x="1335312" y="2654044"/>
            <a:chExt cx="1082675" cy="711201"/>
          </a:xfrm>
        </p:grpSpPr>
        <p:pic>
          <p:nvPicPr>
            <p:cNvPr id="160" name="图片 159"/>
            <p:cNvPicPr>
              <a:picLocks noChangeAspect="1"/>
            </p:cNvPicPr>
            <p:nvPr/>
          </p:nvPicPr>
          <p:blipFill>
            <a:blip r:embed="rId9" cstate="print"/>
            <a:stretch>
              <a:fillRect/>
            </a:stretch>
          </p:blipFill>
          <p:spPr bwMode="auto">
            <a:xfrm>
              <a:off x="1335312" y="2674682"/>
              <a:ext cx="1082675" cy="690563"/>
            </a:xfrm>
            <a:prstGeom prst="rect">
              <a:avLst/>
            </a:prstGeom>
            <a:ln>
              <a:noFill/>
            </a:ln>
            <a:effectLst>
              <a:outerShdw blurRad="190500" algn="tl" rotWithShape="0">
                <a:srgbClr val="000000">
                  <a:alpha val="70000"/>
                </a:srgbClr>
              </a:outerShdw>
            </a:effectLst>
          </p:spPr>
        </p:pic>
        <p:sp>
          <p:nvSpPr>
            <p:cNvPr id="161" name="椭圆 160"/>
            <p:cNvSpPr/>
            <p:nvPr/>
          </p:nvSpPr>
          <p:spPr bwMode="auto">
            <a:xfrm>
              <a:off x="1401763" y="2654044"/>
              <a:ext cx="919162" cy="688975"/>
            </a:xfrm>
            <a:prstGeom prst="ellipse">
              <a:avLst/>
            </a:prstGeom>
            <a:noFill/>
            <a:ln w="25400" cap="flat" cmpd="sng" algn="ctr">
              <a:solidFill>
                <a:srgbClr val="C00000"/>
              </a:solidFill>
              <a:prstDash val="sysDash"/>
              <a:headEnd type="none" w="med" len="med"/>
              <a:tailEnd type="none" w="med" len="med"/>
            </a:ln>
            <a:effectLst>
              <a:outerShdw blurRad="40000" dist="20000" dir="5400000" rotWithShape="0">
                <a:srgbClr val="000000">
                  <a:alpha val="38000"/>
                </a:srgbClr>
              </a:outerShdw>
            </a:effectLst>
            <a:extLst/>
          </p:spPr>
          <p:txBody>
            <a:bodyPr lIns="68562" tIns="34281" rIns="68562" bIns="34281"/>
            <a:lstStyle/>
            <a:p>
              <a:pPr fontAlgn="ctr">
                <a:defRPr/>
              </a:pPr>
              <a:endParaRPr lang="en-US" altLang="zh-CN">
                <a:latin typeface="Arial"/>
                <a:ea typeface="微软雅黑" pitchFamily="34" charset="-122"/>
              </a:endParaRPr>
            </a:p>
          </p:txBody>
        </p:sp>
      </p:grpSp>
      <p:sp>
        <p:nvSpPr>
          <p:cNvPr id="9288" name="流程图: 磁盘 163"/>
          <p:cNvSpPr>
            <a:spLocks noChangeArrowheads="1"/>
          </p:cNvSpPr>
          <p:nvPr/>
        </p:nvSpPr>
        <p:spPr bwMode="auto">
          <a:xfrm>
            <a:off x="2962789" y="2813094"/>
            <a:ext cx="1348700" cy="1277702"/>
          </a:xfrm>
          <a:prstGeom prst="flowChartMagneticDisk">
            <a:avLst/>
          </a:prstGeom>
          <a:solidFill>
            <a:srgbClr val="C00000"/>
          </a:solidFill>
          <a:ln w="9525">
            <a:solidFill>
              <a:schemeClr val="bg1"/>
            </a:solidFill>
            <a:round/>
            <a:headEnd/>
            <a:tailEnd/>
          </a:ln>
        </p:spPr>
        <p:txBody>
          <a:bodyPr lIns="182917" tIns="91458" rIns="182917" bIns="91458"/>
          <a:lstStyle/>
          <a:p>
            <a:pPr fontAlgn="ctr">
              <a:buClr>
                <a:srgbClr val="CC9900"/>
              </a:buClr>
              <a:buFont typeface="Wingdings" pitchFamily="2" charset="2"/>
              <a:buChar char="n"/>
            </a:pPr>
            <a:endParaRPr lang="en-US" altLang="zh-CN" dirty="0">
              <a:latin typeface="Arial"/>
              <a:ea typeface="微软雅黑" pitchFamily="34" charset="-122"/>
            </a:endParaRPr>
          </a:p>
        </p:txBody>
      </p:sp>
      <p:pic>
        <p:nvPicPr>
          <p:cNvPr id="9290" name="Picture 2" descr="C:\Users\h57863.CHINA\Pictures\1291DF033F-134X.png"/>
          <p:cNvPicPr>
            <a:picLocks noChangeAspect="1" noChangeArrowheads="1"/>
          </p:cNvPicPr>
          <p:nvPr/>
        </p:nvPicPr>
        <p:blipFill>
          <a:blip r:embed="rId10" cstate="print"/>
          <a:srcRect/>
          <a:stretch>
            <a:fillRect/>
          </a:stretch>
        </p:blipFill>
        <p:spPr bwMode="auto">
          <a:xfrm>
            <a:off x="4013998" y="3441407"/>
            <a:ext cx="711225" cy="717275"/>
          </a:xfrm>
          <a:prstGeom prst="rect">
            <a:avLst/>
          </a:prstGeom>
          <a:noFill/>
          <a:ln w="9525">
            <a:noFill/>
            <a:miter lim="800000"/>
            <a:headEnd/>
            <a:tailEnd/>
          </a:ln>
        </p:spPr>
      </p:pic>
      <p:sp>
        <p:nvSpPr>
          <p:cNvPr id="9294" name="矩形 171"/>
          <p:cNvSpPr>
            <a:spLocks noChangeArrowheads="1"/>
          </p:cNvSpPr>
          <p:nvPr/>
        </p:nvSpPr>
        <p:spPr bwMode="auto">
          <a:xfrm>
            <a:off x="2723353" y="3161355"/>
            <a:ext cx="1890088" cy="800467"/>
          </a:xfrm>
          <a:prstGeom prst="rect">
            <a:avLst/>
          </a:prstGeom>
          <a:noFill/>
          <a:ln w="9525">
            <a:noFill/>
            <a:miter lim="800000"/>
            <a:headEnd/>
            <a:tailEnd/>
          </a:ln>
        </p:spPr>
        <p:txBody>
          <a:bodyPr wrap="square" lIns="182917" tIns="91458" rIns="182917" bIns="91458">
            <a:spAutoFit/>
          </a:bodyPr>
          <a:lstStyle/>
          <a:p>
            <a:pPr algn="ctr" eaLnBrk="0" fontAlgn="ctr" hangingPunct="0">
              <a:buSzPct val="100000"/>
            </a:pPr>
            <a:r>
              <a:rPr lang="en-US" altLang="zh-CN" sz="2000" b="1" dirty="0" smtClean="0">
                <a:solidFill>
                  <a:srgbClr val="FFFFFF"/>
                </a:solidFill>
                <a:latin typeface="Arial"/>
                <a:ea typeface="微软雅黑" pitchFamily="34" charset="-122"/>
                <a:sym typeface="Calibri" pitchFamily="34" charset="0"/>
              </a:rPr>
              <a:t>Enterprise app &amp; data</a:t>
            </a:r>
            <a:endParaRPr lang="en-US" altLang="zh-CN" sz="2000" b="1" dirty="0">
              <a:solidFill>
                <a:srgbClr val="FFFFFF"/>
              </a:solidFill>
              <a:latin typeface="Arial"/>
              <a:ea typeface="微软雅黑" pitchFamily="34" charset="-122"/>
              <a:sym typeface="Calibri" pitchFamily="34" charset="0"/>
            </a:endParaRPr>
          </a:p>
        </p:txBody>
      </p:sp>
      <p:grpSp>
        <p:nvGrpSpPr>
          <p:cNvPr id="15" name="组合 173"/>
          <p:cNvGrpSpPr/>
          <p:nvPr/>
        </p:nvGrpSpPr>
        <p:grpSpPr>
          <a:xfrm>
            <a:off x="3440485" y="2221842"/>
            <a:ext cx="1241199" cy="1009003"/>
            <a:chOff x="1" y="1642123"/>
            <a:chExt cx="620492" cy="504346"/>
          </a:xfrm>
        </p:grpSpPr>
        <p:pic>
          <p:nvPicPr>
            <p:cNvPr id="9297" name="Picture 2"/>
            <p:cNvPicPr>
              <a:picLocks noChangeAspect="1" noChangeArrowheads="1"/>
            </p:cNvPicPr>
            <p:nvPr/>
          </p:nvPicPr>
          <p:blipFill>
            <a:blip r:embed="rId11" cstate="print">
              <a:grayscl/>
            </a:blip>
            <a:srcRect/>
            <a:stretch>
              <a:fillRect/>
            </a:stretch>
          </p:blipFill>
          <p:spPr bwMode="auto">
            <a:xfrm>
              <a:off x="1" y="1642127"/>
              <a:ext cx="228600" cy="504341"/>
            </a:xfrm>
            <a:prstGeom prst="rect">
              <a:avLst/>
            </a:prstGeom>
            <a:noFill/>
            <a:ln w="9525">
              <a:noFill/>
              <a:miter lim="800000"/>
              <a:headEnd/>
              <a:tailEnd/>
            </a:ln>
          </p:spPr>
        </p:pic>
        <p:pic>
          <p:nvPicPr>
            <p:cNvPr id="172" name="Picture 2"/>
            <p:cNvPicPr>
              <a:picLocks noChangeAspect="1" noChangeArrowheads="1"/>
            </p:cNvPicPr>
            <p:nvPr/>
          </p:nvPicPr>
          <p:blipFill>
            <a:blip r:embed="rId11" cstate="print">
              <a:grayscl/>
            </a:blip>
            <a:srcRect/>
            <a:stretch>
              <a:fillRect/>
            </a:stretch>
          </p:blipFill>
          <p:spPr bwMode="auto">
            <a:xfrm>
              <a:off x="185058" y="1642128"/>
              <a:ext cx="228600" cy="504341"/>
            </a:xfrm>
            <a:prstGeom prst="rect">
              <a:avLst/>
            </a:prstGeom>
            <a:noFill/>
            <a:ln w="9525">
              <a:noFill/>
              <a:miter lim="800000"/>
              <a:headEnd/>
              <a:tailEnd/>
            </a:ln>
          </p:spPr>
        </p:pic>
        <p:pic>
          <p:nvPicPr>
            <p:cNvPr id="173" name="Picture 2"/>
            <p:cNvPicPr>
              <a:picLocks noChangeAspect="1" noChangeArrowheads="1"/>
            </p:cNvPicPr>
            <p:nvPr/>
          </p:nvPicPr>
          <p:blipFill>
            <a:blip r:embed="rId11" cstate="print">
              <a:grayscl/>
            </a:blip>
            <a:srcRect/>
            <a:stretch>
              <a:fillRect/>
            </a:stretch>
          </p:blipFill>
          <p:spPr bwMode="auto">
            <a:xfrm>
              <a:off x="391893" y="1642123"/>
              <a:ext cx="228600" cy="504341"/>
            </a:xfrm>
            <a:prstGeom prst="rect">
              <a:avLst/>
            </a:prstGeom>
            <a:noFill/>
            <a:ln w="9525">
              <a:noFill/>
              <a:miter lim="800000"/>
              <a:headEnd/>
              <a:tailEnd/>
            </a:ln>
          </p:spPr>
        </p:pic>
      </p:grpSp>
      <p:pic>
        <p:nvPicPr>
          <p:cNvPr id="191" name="Picture 11"/>
          <p:cNvPicPr>
            <a:picLocks noChangeAspect="1" noChangeArrowheads="1"/>
          </p:cNvPicPr>
          <p:nvPr/>
        </p:nvPicPr>
        <p:blipFill>
          <a:blip r:embed="rId12" cstate="print"/>
          <a:srcRect/>
          <a:stretch>
            <a:fillRect/>
          </a:stretch>
        </p:blipFill>
        <p:spPr bwMode="auto">
          <a:xfrm>
            <a:off x="3520934" y="2333972"/>
            <a:ext cx="458578" cy="334471"/>
          </a:xfrm>
          <a:prstGeom prst="roundRect">
            <a:avLst>
              <a:gd name="adj" fmla="val 8594"/>
            </a:avLst>
          </a:prstGeom>
          <a:solidFill>
            <a:srgbClr val="0070C0"/>
          </a:solidFill>
          <a:ln>
            <a:solidFill>
              <a:srgbClr val="00B0F0"/>
            </a:solidFill>
          </a:ln>
          <a:effectLst>
            <a:reflection blurRad="12700" stA="38000" endPos="28000" dist="5000" dir="5400000" sy="-100000" algn="bl" rotWithShape="0"/>
          </a:effectLst>
        </p:spPr>
      </p:pic>
      <p:pic>
        <p:nvPicPr>
          <p:cNvPr id="189" name="Picture 6"/>
          <p:cNvPicPr>
            <a:picLocks noChangeAspect="1" noChangeArrowheads="1"/>
          </p:cNvPicPr>
          <p:nvPr/>
        </p:nvPicPr>
        <p:blipFill>
          <a:blip r:embed="rId13" cstate="print"/>
          <a:stretch>
            <a:fillRect/>
          </a:stretch>
        </p:blipFill>
        <p:spPr bwMode="auto">
          <a:xfrm>
            <a:off x="3556752" y="2725980"/>
            <a:ext cx="541460" cy="402046"/>
          </a:xfrm>
          <a:prstGeom prst="rect">
            <a:avLst/>
          </a:prstGeom>
          <a:noFill/>
          <a:ln>
            <a:noFill/>
          </a:ln>
        </p:spPr>
      </p:pic>
      <p:pic>
        <p:nvPicPr>
          <p:cNvPr id="190" name="Picture 13"/>
          <p:cNvPicPr>
            <a:picLocks noChangeAspect="1" noChangeArrowheads="1"/>
          </p:cNvPicPr>
          <p:nvPr/>
        </p:nvPicPr>
        <p:blipFill>
          <a:blip r:embed="rId14" cstate="print"/>
          <a:srcRect/>
          <a:stretch>
            <a:fillRect/>
          </a:stretch>
        </p:blipFill>
        <p:spPr bwMode="auto">
          <a:xfrm>
            <a:off x="4141266" y="2355751"/>
            <a:ext cx="448696" cy="321251"/>
          </a:xfrm>
          <a:prstGeom prst="roundRect">
            <a:avLst>
              <a:gd name="adj" fmla="val 8594"/>
            </a:avLst>
          </a:prstGeom>
          <a:solidFill>
            <a:srgbClr val="0070C0"/>
          </a:solidFill>
          <a:ln>
            <a:solidFill>
              <a:srgbClr val="00B0F0"/>
            </a:solidFill>
          </a:ln>
          <a:effectLst>
            <a:reflection blurRad="12700" stA="38000" endPos="28000" dist="5000" dir="5400000" sy="-100000" algn="bl" rotWithShape="0"/>
          </a:effectLst>
        </p:spPr>
      </p:pic>
      <p:sp>
        <p:nvSpPr>
          <p:cNvPr id="188" name="TextBox 228"/>
          <p:cNvSpPr txBox="1">
            <a:spLocks noChangeArrowheads="1"/>
          </p:cNvSpPr>
          <p:nvPr/>
        </p:nvSpPr>
        <p:spPr bwMode="auto">
          <a:xfrm>
            <a:off x="5724835" y="6068905"/>
            <a:ext cx="4245659" cy="1246487"/>
          </a:xfrm>
          <a:prstGeom prst="rect">
            <a:avLst/>
          </a:prstGeom>
          <a:noFill/>
          <a:ln w="9525">
            <a:noFill/>
            <a:miter lim="800000"/>
            <a:headEnd/>
            <a:tailEnd/>
          </a:ln>
        </p:spPr>
        <p:txBody>
          <a:bodyPr wrap="square" lIns="137151" tIns="68576" rIns="137151" bIns="68576">
            <a:spAutoFit/>
          </a:bodyPr>
          <a:lstStyle/>
          <a:p>
            <a:pPr marL="311212" indent="-311212" fontAlgn="ctr">
              <a:spcBef>
                <a:spcPts val="0"/>
              </a:spcBef>
              <a:buFont typeface="Wingdings" pitchFamily="2" charset="2"/>
              <a:buChar char="Ø"/>
            </a:pPr>
            <a:r>
              <a:rPr lang="en-US" altLang="zh-CN" dirty="0" smtClean="0">
                <a:latin typeface="Arial"/>
                <a:ea typeface="微软雅黑" pitchFamily="34" charset="-122"/>
              </a:rPr>
              <a:t>Offers Per-App tunnels</a:t>
            </a:r>
          </a:p>
          <a:p>
            <a:pPr marL="311212" indent="-311212" fontAlgn="ctr">
              <a:spcBef>
                <a:spcPts val="0"/>
              </a:spcBef>
              <a:buFont typeface="Wingdings" pitchFamily="2" charset="2"/>
              <a:buChar char="Ø"/>
            </a:pPr>
            <a:r>
              <a:rPr lang="en-US" altLang="zh-CN" dirty="0" smtClean="0">
                <a:latin typeface="Arial"/>
                <a:ea typeface="微软雅黑" pitchFamily="34" charset="-122"/>
              </a:rPr>
              <a:t>Application data encryption </a:t>
            </a:r>
            <a:r>
              <a:rPr lang="en-US" altLang="zh-CN" dirty="0" smtClean="0">
                <a:solidFill>
                  <a:srgbClr val="000000"/>
                </a:solidFill>
                <a:latin typeface="Arial"/>
                <a:ea typeface="微软雅黑" pitchFamily="34" charset="-122"/>
              </a:rPr>
              <a:t>to  prevent</a:t>
            </a:r>
            <a:r>
              <a:rPr lang="en-US" altLang="zh-CN" dirty="0" smtClean="0">
                <a:latin typeface="Arial"/>
                <a:ea typeface="微软雅黑" pitchFamily="34" charset="-122"/>
              </a:rPr>
              <a:t> data interception</a:t>
            </a:r>
          </a:p>
          <a:p>
            <a:pPr marL="311212" indent="-311212" fontAlgn="ctr">
              <a:spcBef>
                <a:spcPts val="0"/>
              </a:spcBef>
              <a:buFont typeface="Wingdings" pitchFamily="2" charset="2"/>
              <a:buChar char="Ø"/>
            </a:pPr>
            <a:r>
              <a:rPr lang="en-US" altLang="zh-CN" dirty="0" smtClean="0">
                <a:latin typeface="Arial"/>
                <a:ea typeface="微软雅黑" pitchFamily="34" charset="-122"/>
              </a:rPr>
              <a:t>Dedicated tunnels to shield viruses</a:t>
            </a:r>
          </a:p>
        </p:txBody>
      </p:sp>
      <p:sp>
        <p:nvSpPr>
          <p:cNvPr id="253" name="流程图: 直接访问存储器 252"/>
          <p:cNvSpPr/>
          <p:nvPr/>
        </p:nvSpPr>
        <p:spPr bwMode="auto">
          <a:xfrm flipH="1">
            <a:off x="5922850" y="3313996"/>
            <a:ext cx="3733988" cy="1502692"/>
          </a:xfrm>
          <a:prstGeom prst="flowChartMagneticDrum">
            <a:avLst/>
          </a:prstGeom>
          <a:noFill/>
          <a:ln w="19050">
            <a:solidFill>
              <a:schemeClr val="bg1">
                <a:lumMod val="50000"/>
              </a:schemeClr>
            </a:solidFill>
          </a:ln>
          <a:extLst/>
        </p:spPr>
        <p:style>
          <a:lnRef idx="2">
            <a:schemeClr val="accent6"/>
          </a:lnRef>
          <a:fillRef idx="1">
            <a:schemeClr val="lt1"/>
          </a:fillRef>
          <a:effectRef idx="0">
            <a:schemeClr val="accent6"/>
          </a:effectRef>
          <a:fontRef idx="minor">
            <a:schemeClr val="dk1"/>
          </a:fontRef>
        </p:style>
        <p:txBody>
          <a:bodyPr lIns="182917" tIns="91458" rIns="182917" bIns="91458"/>
          <a:lstStyle/>
          <a:p>
            <a:pPr fontAlgn="ctr">
              <a:buClr>
                <a:srgbClr val="CC9900"/>
              </a:buClr>
              <a:buFont typeface="Wingdings" pitchFamily="2" charset="2"/>
              <a:buChar char="n"/>
              <a:defRPr/>
            </a:pPr>
            <a:endParaRPr lang="en-US" altLang="zh-CN" dirty="0">
              <a:solidFill>
                <a:schemeClr val="tx1"/>
              </a:solidFill>
              <a:latin typeface="Arial"/>
              <a:ea typeface="微软雅黑" pitchFamily="34" charset="-122"/>
              <a:cs typeface="Arial" pitchFamily="34" charset="0"/>
            </a:endParaRPr>
          </a:p>
        </p:txBody>
      </p:sp>
      <p:pic>
        <p:nvPicPr>
          <p:cNvPr id="9220" name="Picture 1209" descr="图片234"/>
          <p:cNvPicPr>
            <a:picLocks noChangeAspect="1" noChangeArrowheads="1"/>
          </p:cNvPicPr>
          <p:nvPr/>
        </p:nvPicPr>
        <p:blipFill>
          <a:blip r:embed="rId15" cstate="print"/>
          <a:srcRect/>
          <a:stretch>
            <a:fillRect/>
          </a:stretch>
        </p:blipFill>
        <p:spPr bwMode="auto">
          <a:xfrm>
            <a:off x="9462233" y="3542588"/>
            <a:ext cx="1127322" cy="1340264"/>
          </a:xfrm>
          <a:prstGeom prst="rect">
            <a:avLst/>
          </a:prstGeom>
          <a:noFill/>
          <a:ln w="9525">
            <a:noFill/>
            <a:miter lim="800000"/>
            <a:headEnd/>
            <a:tailEnd/>
          </a:ln>
        </p:spPr>
      </p:pic>
      <p:sp>
        <p:nvSpPr>
          <p:cNvPr id="194" name="TextBox 193"/>
          <p:cNvSpPr txBox="1"/>
          <p:nvPr/>
        </p:nvSpPr>
        <p:spPr>
          <a:xfrm>
            <a:off x="10060192" y="1441070"/>
            <a:ext cx="4398568" cy="322760"/>
          </a:xfrm>
          <a:prstGeom prst="roundRect">
            <a:avLst>
              <a:gd name="adj" fmla="val 8675"/>
            </a:avLst>
          </a:prstGeom>
          <a:solidFill>
            <a:srgbClr val="C00000"/>
          </a:solidFill>
        </p:spPr>
        <p:txBody>
          <a:bodyPr wrap="square" lIns="182917" tIns="0" rIns="182917" bIns="0" rtlCol="0">
            <a:spAutoFit/>
          </a:bodyPr>
          <a:lstStyle/>
          <a:p>
            <a:pPr algn="ctr" fontAlgn="ctr"/>
            <a:r>
              <a:rPr lang="en-US" altLang="zh-CN" sz="2000" b="1" dirty="0" smtClean="0">
                <a:solidFill>
                  <a:schemeClr val="bg1"/>
                </a:solidFill>
                <a:latin typeface="Arial"/>
                <a:ea typeface="微软雅黑" pitchFamily="34" charset="-122"/>
              </a:rPr>
              <a:t>Mobile management platform</a:t>
            </a:r>
            <a:endParaRPr lang="en-US" altLang="zh-CN" sz="2000" b="1" dirty="0">
              <a:solidFill>
                <a:schemeClr val="bg1"/>
              </a:solidFill>
              <a:latin typeface="Arial"/>
              <a:ea typeface="微软雅黑" pitchFamily="34" charset="-122"/>
            </a:endParaRPr>
          </a:p>
        </p:txBody>
      </p:sp>
      <p:sp>
        <p:nvSpPr>
          <p:cNvPr id="205" name="TextBox 204"/>
          <p:cNvSpPr txBox="1"/>
          <p:nvPr/>
        </p:nvSpPr>
        <p:spPr>
          <a:xfrm>
            <a:off x="14676536" y="1441072"/>
            <a:ext cx="3436188" cy="322760"/>
          </a:xfrm>
          <a:prstGeom prst="roundRect">
            <a:avLst>
              <a:gd name="adj" fmla="val 8675"/>
            </a:avLst>
          </a:prstGeom>
          <a:solidFill>
            <a:srgbClr val="C00000"/>
          </a:solidFill>
        </p:spPr>
        <p:txBody>
          <a:bodyPr wrap="square" lIns="182917" tIns="0" rIns="182917" bIns="0" rtlCol="0">
            <a:spAutoFit/>
          </a:bodyPr>
          <a:lstStyle/>
          <a:p>
            <a:pPr algn="ctr" fontAlgn="ctr"/>
            <a:r>
              <a:rPr lang="en-US" altLang="zh-CN" sz="2000" b="1" dirty="0" smtClean="0">
                <a:solidFill>
                  <a:schemeClr val="bg1"/>
                </a:solidFill>
                <a:latin typeface="Arial"/>
                <a:ea typeface="微软雅黑" pitchFamily="34" charset="-122"/>
              </a:rPr>
              <a:t>Interworking with Cloud</a:t>
            </a:r>
            <a:endParaRPr lang="en-US" altLang="zh-CN" sz="2000" b="1" dirty="0">
              <a:solidFill>
                <a:schemeClr val="bg1"/>
              </a:solidFill>
              <a:latin typeface="Arial"/>
              <a:ea typeface="微软雅黑" pitchFamily="34" charset="-122"/>
            </a:endParaRPr>
          </a:p>
        </p:txBody>
      </p:sp>
      <p:sp>
        <p:nvSpPr>
          <p:cNvPr id="206" name="TextBox 14"/>
          <p:cNvSpPr txBox="1">
            <a:spLocks noChangeArrowheads="1"/>
          </p:cNvSpPr>
          <p:nvPr/>
        </p:nvSpPr>
        <p:spPr bwMode="auto">
          <a:xfrm>
            <a:off x="4439449" y="2789619"/>
            <a:ext cx="1592292" cy="800467"/>
          </a:xfrm>
          <a:prstGeom prst="rect">
            <a:avLst/>
          </a:prstGeom>
          <a:noFill/>
          <a:ln w="9525">
            <a:noFill/>
            <a:miter lim="800000"/>
            <a:headEnd/>
            <a:tailEnd/>
          </a:ln>
        </p:spPr>
        <p:txBody>
          <a:bodyPr wrap="square" lIns="182917" tIns="91458" rIns="182917" bIns="91458" anchor="ctr">
            <a:spAutoFit/>
          </a:bodyPr>
          <a:lstStyle/>
          <a:p>
            <a:pPr algn="ctr" eaLnBrk="0" fontAlgn="ctr" hangingPunct="0">
              <a:buSzPct val="100000"/>
            </a:pPr>
            <a:r>
              <a:rPr lang="en-US" altLang="zh-CN" sz="2000" b="1" dirty="0" smtClean="0">
                <a:latin typeface="Arial"/>
                <a:ea typeface="微软雅黑" pitchFamily="34" charset="-122"/>
                <a:cs typeface="Arial Black" pitchFamily="34" charset="0"/>
                <a:sym typeface="Calibri" pitchFamily="34" charset="0"/>
              </a:rPr>
              <a:t>Secure SDK</a:t>
            </a:r>
            <a:endParaRPr lang="en-US" altLang="zh-CN" sz="2000" b="1" dirty="0">
              <a:latin typeface="Arial"/>
              <a:ea typeface="微软雅黑" pitchFamily="34" charset="-122"/>
              <a:cs typeface="Arial Black" pitchFamily="34" charset="0"/>
              <a:sym typeface="Calibri" pitchFamily="34" charset="0"/>
            </a:endParaRPr>
          </a:p>
        </p:txBody>
      </p:sp>
    </p:spTree>
    <p:extLst>
      <p:ext uri="{BB962C8B-B14F-4D97-AF65-F5344CB8AC3E}">
        <p14:creationId xmlns:p14="http://schemas.microsoft.com/office/powerpoint/2010/main" xmlns="" val="2190126905"/>
      </p:ext>
    </p:extLst>
  </p:cSld>
  <p:clrMapOvr>
    <a:masterClrMapping/>
  </p:clrMapOvr>
  <p:transition advTm="0"/>
  <p:timing>
    <p:tnLst>
      <p:par>
        <p:cTn id="1" dur="indefinite" restart="never" nodeType="tmRoot"/>
      </p:par>
    </p:tnLst>
  </p:timing>
</p:sld>
</file>

<file path=ppt/theme/theme1.xml><?xml version="1.0" encoding="utf-8"?>
<a:theme xmlns:a="http://schemas.openxmlformats.org/drawingml/2006/main" name="1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0.xml><?xml version="1.0" encoding="utf-8"?>
<a:theme xmlns:a="http://schemas.openxmlformats.org/drawingml/2006/main" name="11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1.xml><?xml version="1.0" encoding="utf-8"?>
<a:theme xmlns:a="http://schemas.openxmlformats.org/drawingml/2006/main" name="12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2.xml><?xml version="1.0" encoding="utf-8"?>
<a:theme xmlns:a="http://schemas.openxmlformats.org/drawingml/2006/main" name="2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3.xml><?xml version="1.0" encoding="utf-8"?>
<a:theme xmlns:a="http://schemas.openxmlformats.org/drawingml/2006/main" name="13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4.xml><?xml version="1.0" encoding="utf-8"?>
<a:theme xmlns:a="http://schemas.openxmlformats.org/drawingml/2006/main" name="14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5.xml><?xml version="1.0" encoding="utf-8"?>
<a:theme xmlns:a="http://schemas.openxmlformats.org/drawingml/2006/main" name="15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6.xml><?xml version="1.0" encoding="utf-8"?>
<a:theme xmlns:a="http://schemas.openxmlformats.org/drawingml/2006/main" name="16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7.xml><?xml version="1.0" encoding="utf-8"?>
<a:theme xmlns:a="http://schemas.openxmlformats.org/drawingml/2006/main" name="2_自定义设计方案">
  <a:themeElements>
    <a:clrScheme name="1_自定义设计方案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fontScheme name="1_自定义设计方案">
      <a:majorFont>
        <a:latin typeface="Arial"/>
        <a:ea typeface="宋体"/>
        <a:cs typeface=""/>
      </a:majorFont>
      <a:minorFont>
        <a:latin typeface="Arial"/>
        <a:ea typeface="宋体"/>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400" b="0" i="0" u="none" strike="noStrike" cap="none" normalizeH="0" baseline="0" smtClean="0">
            <a:ln>
              <a:noFill/>
            </a:ln>
            <a:solidFill>
              <a:schemeClr val="bg1"/>
            </a:solidFill>
            <a:effectLst/>
            <a:latin typeface="FrutigerNext LT Regular" pitchFamily="34" charset="0"/>
            <a:ea typeface="ＭＳ Ｐゴシック" pitchFamily="34" charset="-128"/>
          </a:defRPr>
        </a:defPPr>
      </a:lstStyle>
    </a:spDef>
    <a:ln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400" b="0" i="0" u="none" strike="noStrike" cap="none" normalizeH="0" baseline="0" smtClean="0">
            <a:ln>
              <a:noFill/>
            </a:ln>
            <a:solidFill>
              <a:schemeClr val="bg1"/>
            </a:solidFill>
            <a:effectLst/>
            <a:latin typeface="FrutigerNext LT Regular" pitchFamily="34" charset="0"/>
            <a:ea typeface="ＭＳ Ｐゴシック" pitchFamily="34" charset="-128"/>
          </a:defRPr>
        </a:defPPr>
      </a:lstStyle>
    </a:lnDef>
  </a:objectDefaults>
  <a:extraClrSchemeLst>
    <a:extraClrScheme>
      <a:clrScheme name="1_自定义设计方案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Lst>
</a:theme>
</file>

<file path=ppt/theme/theme18.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9.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8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60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20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9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61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xmlns="">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62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3_自定义设计方案">
  <a:themeElements>
    <a:clrScheme name="1_自定义设计方案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fontScheme name="1_自定义设计方案">
      <a:majorFont>
        <a:latin typeface="Arial"/>
        <a:ea typeface="宋体"/>
        <a:cs typeface=""/>
      </a:majorFont>
      <a:minorFont>
        <a:latin typeface="Arial"/>
        <a:ea typeface="宋体"/>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400" b="0" i="0" u="none" strike="noStrike" cap="none" normalizeH="0" baseline="0" smtClean="0">
            <a:ln>
              <a:noFill/>
            </a:ln>
            <a:solidFill>
              <a:schemeClr val="bg1"/>
            </a:solidFill>
            <a:effectLst/>
            <a:latin typeface="FrutigerNext LT Regular" pitchFamily="34" charset="0"/>
            <a:ea typeface="ＭＳ Ｐゴシック" pitchFamily="34" charset="-128"/>
          </a:defRPr>
        </a:defPPr>
      </a:lstStyle>
    </a:spDef>
    <a:lnDef>
      <a:spPr bwMode="auto">
        <a:xfrm>
          <a:off x="0" y="0"/>
          <a:ext cx="1" cy="1"/>
        </a:xfrm>
        <a:custGeom>
          <a:avLst/>
          <a:gdLst/>
          <a:ahLst/>
          <a:cxnLst/>
          <a:rect l="0" t="0" r="0" b="0"/>
          <a:pathLst/>
        </a:custGeom>
        <a:noFill/>
        <a:ln w="9525" cap="flat" cmpd="sng" algn="ctr">
          <a:solidFill>
            <a:schemeClr val="tx1"/>
          </a:solidFill>
          <a:prstDash val="solid"/>
          <a:round/>
          <a:headEnd type="none" w="med" len="med"/>
          <a:tailEnd type="none" w="med" len="med"/>
        </a:ln>
        <a:effectLst/>
      </a:spPr>
      <a:bodyPr vert="horz" wrap="square" lIns="79200" tIns="39600" rIns="79200" bIns="39600" numCol="1" anchor="t" anchorCtr="0" compatLnSpc="1">
        <a:prstTxWarp prst="textNoShape">
          <a:avLst/>
        </a:prstTxWarp>
        <a:spAutoFit/>
      </a:bodyPr>
      <a:lstStyle>
        <a:defPPr marL="0" marR="0" indent="0" algn="l" defTabSz="801688" rtl="0" eaLnBrk="1" fontAlgn="base" latinLnBrk="0" hangingPunct="1">
          <a:lnSpc>
            <a:spcPct val="100000"/>
          </a:lnSpc>
          <a:spcBef>
            <a:spcPct val="0"/>
          </a:spcBef>
          <a:spcAft>
            <a:spcPct val="0"/>
          </a:spcAft>
          <a:buClrTx/>
          <a:buSzTx/>
          <a:buFontTx/>
          <a:buNone/>
          <a:tabLst/>
          <a:defRPr kumimoji="0" lang="en-US" sz="1400" b="0" i="0" u="none" strike="noStrike" cap="none" normalizeH="0" baseline="0" smtClean="0">
            <a:ln>
              <a:noFill/>
            </a:ln>
            <a:solidFill>
              <a:schemeClr val="bg1"/>
            </a:solidFill>
            <a:effectLst/>
            <a:latin typeface="FrutigerNext LT Regular" pitchFamily="34" charset="0"/>
            <a:ea typeface="ＭＳ Ｐゴシック" pitchFamily="34" charset="-128"/>
          </a:defRPr>
        </a:defPPr>
      </a:lstStyle>
    </a:lnDef>
  </a:objectDefaults>
  <a:extraClrSchemeLst>
    <a:extraClrScheme>
      <a:clrScheme name="1_自定义设计方案 1">
        <a:dk1>
          <a:srgbClr val="000000"/>
        </a:dk1>
        <a:lt1>
          <a:srgbClr val="FFFFFF"/>
        </a:lt1>
        <a:dk2>
          <a:srgbClr val="990000"/>
        </a:dk2>
        <a:lt2>
          <a:srgbClr val="777777"/>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Lst>
</a:theme>
</file>

<file path=ppt/theme/theme9.xml><?xml version="1.0" encoding="utf-8"?>
<a:theme xmlns:a="http://schemas.openxmlformats.org/drawingml/2006/main" name="10_主题1">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default">
      <a:majorFont>
        <a:latin typeface="FrutigerNext LT Medium"/>
        <a:ea typeface="华文细黑"/>
        <a:cs typeface="宋体"/>
      </a:majorFont>
      <a:minorFont>
        <a:latin typeface="FrutigerNext LT Medium"/>
        <a:ea typeface="华文细黑"/>
        <a:cs typeface="宋体"/>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xfrm>
          <a:off x="0" y="0"/>
          <a:ext cx="1" cy="1"/>
        </a:xfrm>
        <a:custGeom>
          <a:avLst/>
          <a:gdLst/>
          <a:ahLst/>
          <a:cxnLst/>
          <a:rect l="0" t="0" r="0" b="0"/>
          <a:pathLst/>
        </a:cu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ln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文档" ma:contentTypeID="0x010100F6AC515219F6CC4DBF465CD0BC676662" ma:contentTypeVersion="0" ma:contentTypeDescription="新建文档。" ma:contentTypeScope="" ma:versionID="33b7f4e01b58cc3ed188bebf24c56393">
  <xsd:schema xmlns:xsd="http://www.w3.org/2001/XMLSchema" xmlns:xs="http://www.w3.org/2001/XMLSchema" xmlns:p="http://schemas.microsoft.com/office/2006/metadata/properties" targetNamespace="http://schemas.microsoft.com/office/2006/metadata/properties" ma:root="true" ma:fieldsID="9adfd09ad98667f9c194c646e975416a">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内容类型"/>
        <xsd:element ref="dc:title" minOccurs="0" maxOccurs="1" ma:index="4" ma:displayName="标题"/>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EB5A0A7B-0189-462F-BA70-6AFC1704D6B2}">
  <ds:schemaRefs>
    <ds:schemaRef ds:uri="http://schemas.microsoft.com/sharepoint/v3/contenttype/forms"/>
  </ds:schemaRefs>
</ds:datastoreItem>
</file>

<file path=customXml/itemProps2.xml><?xml version="1.0" encoding="utf-8"?>
<ds:datastoreItem xmlns:ds="http://schemas.openxmlformats.org/officeDocument/2006/customXml" ds:itemID="{DECBAEF7-8AF7-4960-8134-79C029392A1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B37B4E27-A539-41A1-B975-016393616538}">
  <ds:schemaRefs>
    <ds:schemaRef ds:uri="http://schemas.microsoft.com/office/2006/documentManagement/types"/>
    <ds:schemaRef ds:uri="http://purl.org/dc/elements/1.1/"/>
    <ds:schemaRef ds:uri="http://purl.org/dc/terms/"/>
    <ds:schemaRef ds:uri="http://purl.org/dc/dcmitype/"/>
    <ds:schemaRef ds:uri="http://www.w3.org/XML/1998/namespace"/>
    <ds:schemaRef ds:uri="http://schemas.microsoft.com/office/2006/metadata/properties"/>
    <ds:schemaRef ds:uri="http://schemas.openxmlformats.org/package/2006/metadata/core-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otalTime>39406</TotalTime>
  <Words>992</Words>
  <Application>Microsoft Office PowerPoint</Application>
  <PresentationFormat>Custom</PresentationFormat>
  <Paragraphs>307</Paragraphs>
  <Slides>10</Slides>
  <Notes>10</Notes>
  <HiddenSlides>0</HiddenSlides>
  <MMClips>0</MMClips>
  <ScaleCrop>false</ScaleCrop>
  <HeadingPairs>
    <vt:vector size="4" baseType="variant">
      <vt:variant>
        <vt:lpstr>Theme</vt:lpstr>
      </vt:variant>
      <vt:variant>
        <vt:i4>17</vt:i4>
      </vt:variant>
      <vt:variant>
        <vt:lpstr>Slide Titles</vt:lpstr>
      </vt:variant>
      <vt:variant>
        <vt:i4>10</vt:i4>
      </vt:variant>
    </vt:vector>
  </HeadingPairs>
  <TitlesOfParts>
    <vt:vector size="27" baseType="lpstr">
      <vt:lpstr>1_主题1</vt:lpstr>
      <vt:lpstr>8_主题1</vt:lpstr>
      <vt:lpstr>60_主题1</vt:lpstr>
      <vt:lpstr>20_主题1</vt:lpstr>
      <vt:lpstr>9_主题1</vt:lpstr>
      <vt:lpstr>61_主题1</vt:lpstr>
      <vt:lpstr>62_主题1</vt:lpstr>
      <vt:lpstr>3_自定义设计方案</vt:lpstr>
      <vt:lpstr>10_主题1</vt:lpstr>
      <vt:lpstr>11_主题1</vt:lpstr>
      <vt:lpstr>12_主题1</vt:lpstr>
      <vt:lpstr>2_主题1</vt:lpstr>
      <vt:lpstr>13_主题1</vt:lpstr>
      <vt:lpstr>14_主题1</vt:lpstr>
      <vt:lpstr>15_主题1</vt:lpstr>
      <vt:lpstr>16_主题1</vt:lpstr>
      <vt:lpstr>2_自定义设计方案</vt:lpstr>
      <vt:lpstr>Slide 0</vt:lpstr>
      <vt:lpstr>Slide 1</vt:lpstr>
      <vt:lpstr>Slide 2</vt:lpstr>
      <vt:lpstr>Huawei R&amp;D Centers Worldwide</vt:lpstr>
      <vt:lpstr>Slide 4</vt:lpstr>
      <vt:lpstr>Slide 5</vt:lpstr>
      <vt:lpstr>Slide 6</vt:lpstr>
      <vt:lpstr>Cloud Platform for ICBC</vt:lpstr>
      <vt:lpstr>Bank mobile marketing using Huawei AnyOffice Solution</vt:lpstr>
      <vt:lpstr>Slide 9</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金融行业主打胶片---大徐总汇报版本</dc:title>
  <dc:creator>MC SYSTEM;Yang Jianguang</dc:creator>
  <cp:lastModifiedBy>k00325017</cp:lastModifiedBy>
  <cp:revision>1809</cp:revision>
  <cp:lastPrinted>2011-04-14T06:54:53Z</cp:lastPrinted>
  <dcterms:created xsi:type="dcterms:W3CDTF">2010-09-30T06:00:50Z</dcterms:created>
  <dcterms:modified xsi:type="dcterms:W3CDTF">2015-04-21T22:28: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s_pID_725343">
    <vt:lpwstr>(9)D+CQVzWjmTIokWXp9qu9RtaqOKsMxQBSSXvrEG6gP2idBmFQ1WZl+WCKxnOEyW8eE4PGxhNv_x000d_
aRKBT9wtQvkJXfCTQ5kMiIzNy1xgroV9Q+IZWo1eBjYGTW/X0zL/7MVW7L8DO7nIy5PM3L1o_x000d_
3/R7te+viA8zNuF4XbwlFI7U6QloBPthooteSBqcvIOT8RgH7yZzwtX6HbcCf2u6e2DvX9Zr_x000d_
dM8dWt1KsMRPh2HZBz</vt:lpwstr>
  </property>
  <property fmtid="{D5CDD505-2E9C-101B-9397-08002B2CF9AE}" pid="3" name="_ms_pID_7253431">
    <vt:lpwstr>RpFIU+UUceIUxWPxAg2DzJW3RvKlyhTsZuhLRMtnLAxWmo+M2Vr4vu_x000d_
ZkCb+miDHjAwV1X6DrGuvTM774DriQSQf486Aa73JrXOdNf7kORC+afz9/eWOErGE24FFaWN_x000d_
EsmcLKn0NyvX2b4IMfAJbLNOBaIqhQXPexMg2FxtW+r33ju7awH04WIrZAiyNJtXkA9nU7TR_x000d_
DoxfQwiOpj0WK4BJO9WS9SFQnpFPYd4sdJU2</vt:lpwstr>
  </property>
  <property fmtid="{D5CDD505-2E9C-101B-9397-08002B2CF9AE}" pid="4" name="_ms_pID_7253432">
    <vt:lpwstr>9ZzUo//gCYmgICCWNoFBlJYAOb7aDSv0l+yE_x000d_
ttPIa2+LIrzLInxZkbDw2gUplMFWs32qxgGpwXe7ZGJEpOrpKPDDwuzA9o0DjOfvS6BTwlwu_x000d_
xamJJ3ZMdogk42+23m8aiJXLtJb4UoQfALonhtPOFhiRkzgVq41jS13okRk/OJed8H0BNmJb_x000d_
9dafydNJimerc5QzLlJ1tExsaBo9vgQ9qGi6CYsllWI8hOxcBaQ/2F</vt:lpwstr>
  </property>
  <property fmtid="{D5CDD505-2E9C-101B-9397-08002B2CF9AE}" pid="5" name="_ms_pID_7253433">
    <vt:lpwstr>Q7K+P58tkMNCSlxgWx_x000d_
9uFXIIwimqzHmdTottiX6DoT4S2dKmybNa6fscAh8+p+Buw/UwCIDxfMrkAREGvX4BC18cSb_x000d_
ceC3slI+cY+9aZ3T9iiGKMIEj2Xis0Viuh4xtXu6Cup9SppNCjn1kKhVjVhw1wgBwDug7g99_x000d_
RotWnXaB4elJFa0wH7H33h6O5y7OYRIbJT46oRElWGUTBlkeGQ8Yn0Uzk/sp8D8aVQzxJxvD</vt:lpwstr>
  </property>
  <property fmtid="{D5CDD505-2E9C-101B-9397-08002B2CF9AE}" pid="6" name="_ms_pID_725343_00">
    <vt:lpwstr>_ms_pID_725343</vt:lpwstr>
  </property>
  <property fmtid="{D5CDD505-2E9C-101B-9397-08002B2CF9AE}" pid="7" name="_ms_pID_7253431_00">
    <vt:lpwstr>_ms_pID_7253431</vt:lpwstr>
  </property>
  <property fmtid="{D5CDD505-2E9C-101B-9397-08002B2CF9AE}" pid="8" name="_ms_pID_7253432_00">
    <vt:lpwstr>_ms_pID_7253432</vt:lpwstr>
  </property>
  <property fmtid="{D5CDD505-2E9C-101B-9397-08002B2CF9AE}" pid="9" name="_ms_pID_7253433_00">
    <vt:lpwstr>_ms_pID_7253433</vt:lpwstr>
  </property>
  <property fmtid="{D5CDD505-2E9C-101B-9397-08002B2CF9AE}" pid="10" name="ContentTypeId">
    <vt:lpwstr>0x010100F6AC515219F6CC4DBF465CD0BC676662</vt:lpwstr>
  </property>
  <property fmtid="{D5CDD505-2E9C-101B-9397-08002B2CF9AE}" pid="11" name="_ms_pID_7253434">
    <vt:lpwstr>_x000d_
ADeul+HBkl/M0RM1NKkzwPUG9sK9SjteXengYr4c7Buurg/1MMOyvn5FBfDeB8lN8lOHJ6kY_x000d_
YWocJXd3CzzJBiUvhGL2ITaF8kLcMYkuqG5B0KLTQiQNAx2OeLRMsDvBj4YLc7cytlcYRZFJ_x000d_
r8lUXtuQ7EiR5nj3F4VIct/YjQpNSyTWxPGLPHxYJmO2irnKBa4/4qiEW6MRzNUMdDLIiTWU_x000d_
ROj1q3pbvlvl9zb7</vt:lpwstr>
  </property>
  <property fmtid="{D5CDD505-2E9C-101B-9397-08002B2CF9AE}" pid="12" name="_ms_pID_7253435">
    <vt:lpwstr>wF1Q/fUnpXag3Su8YkcUgZtAg3ioJjWEcyPy/QhlFS+dHvYXvBJ8KSzF_x000d_
QYXcGUNfKGjxO/KsDlHRY3Wgp03V6A0J5dY4qGxLS9ogkQ/qHIRZd8BVp4E/iEGn5aDMHRUj_x000d_
okCQGcmdQGKe0GZMQvx2Y//7IU2a4lZ6HG5Gn8x0TQ67FNrVxec0VwCkL9lJJxYUg2CfJ4FO_x000d_
SO8M3AeS6W5g+rAkyl2pIU3Ar9JDkP0NhT</vt:lpwstr>
  </property>
  <property fmtid="{D5CDD505-2E9C-101B-9397-08002B2CF9AE}" pid="13" name="_ms_pID_7253436">
    <vt:lpwstr>+Z4JWxjw/OArvooe/i6VR/lZfx5i2qlTfrThXw_x000d_
6pUymOH9C4CqwKJF4TOiQxtEnTn89sTmg/d0IkhhV1yQ4ekD8cmvltiOHFgvpZ4nr5wIFjEo_x000d_
A/NcBTSMSmeAl2wpMlOVJVm2FtJWlJOLzcac6TQPMtnhJudas1OJhjgW5CtJh4dr5k3uksml_x000d_
Ia5TJusCJ3nzAj1vaJfh3lEbYKYuI4B5oNrUnb+hDO1/pMmjCmKa</vt:lpwstr>
  </property>
  <property fmtid="{D5CDD505-2E9C-101B-9397-08002B2CF9AE}" pid="14" name="_ms_pID_7253437">
    <vt:lpwstr>9zUfRXJwYq1uDTCYj7Bi_x000d_
PINXd17eCdcgNZ45+bzfVHfloA3sAbL/NN5UhXcYFhIFoaQytBB9ZwOV9NAleWEmPxUnil+r_x000d_
Uz0Wtf825RgxQXccNbg41rBMlFea64LDNfYV5VZ09C+/irv5SoE7UZTvXlOj/nPtZ4ked94D_x000d_
Cy02hq9AvURI5NI8guRSIGBHRnud/Epp5ACBqNuq/Je7JDMa1BwIWyfixvwjm4prhD+KFy</vt:lpwstr>
  </property>
  <property fmtid="{D5CDD505-2E9C-101B-9397-08002B2CF9AE}" pid="15" name="_ms_pID_7253438">
    <vt:lpwstr>7m_x000d_
EZ4dVCXLI+Q6FzUciZjzDNpvh8DHGjVGYYKOlPfQsO2L2GsyN/OvgcTd1B5l84akA8iytMad_x000d_
1QWUo5JJBxo8C9yVvn4sA4AiFZyb0BGHnBHjlZ/nwLKoEXDt71G/u6VucYDlkA==</vt:lpwstr>
  </property>
  <property fmtid="{D5CDD505-2E9C-101B-9397-08002B2CF9AE}" pid="16" name="_ms_pID_7253439">
    <vt:lpwstr>Cxu42305y3Y1c4utgL11O4ZimqxZNeOqYPYmkwKDV1Y8Sg1g1mii35ermpw=</vt:lpwstr>
  </property>
  <property fmtid="{D5CDD505-2E9C-101B-9397-08002B2CF9AE}" pid="17" name="_ms_pID_72534310">
    <vt:lpwstr>R3XloYe8PjrD9PJuD8TlXcTASEvJEaoDllftZmYzi1UqYUpdfgzC3wcopF0CZ/7L+MBQ4xG1I+o=</vt:lpwstr>
  </property>
  <property fmtid="{D5CDD505-2E9C-101B-9397-08002B2CF9AE}" pid="18" name="_new_ms_pID_72543">
    <vt:lpwstr>(3)cHvSh15ok98AbJ/T0eYiP2PXUKP3X7h9Nao2qySCYCVwDIagAdIHlADZ+7sibZTtpVf9Ib1x
u42b14o7l4Jiqu7X1kw27EbR/2I+ixGLYw/uuDSFvS1zAnlJES5iuirDr4XQHd51LAssa5OI
5hSuUfn8dzCvwkAAudMzUc/t79iLtzlQbtHM01vd5Ela/yYHqyt+8iSCCnhKDfEtTTy8THAR
Alyq9f4rrHHn35WprI</vt:lpwstr>
  </property>
  <property fmtid="{D5CDD505-2E9C-101B-9397-08002B2CF9AE}" pid="19" name="_new_ms_pID_725431">
    <vt:lpwstr>8l5zCZxbqus5WW41Wa7aBlTBeQHkeCzGzGGl2mH99UYNZv8+bg74ZR
AlzDzZKf+KxtTihpOy+EZA6/QQYqucUjdWho20aaScjQLIij15Re8JK0OzMIS3R9jLedNvKk
D5qN9jMUHAYfKfYrMGlfbDfDmh+cVzmaGzzMrKtLdHBN3zM+HlUOYGh0EtsqwkT6pq0wX/oq
WxoQYzJbLao/X+gUD7XqXNp0iO7lm5woIH+L</vt:lpwstr>
  </property>
  <property fmtid="{D5CDD505-2E9C-101B-9397-08002B2CF9AE}" pid="20" name="_new_ms_pID_725432">
    <vt:lpwstr>OCnUGqf83+4fqNk7UvrcW1VolyEWQcaMgpTP
LcRlw4VcdQu4RXRcM++d1QTILPhzPU/s0zqrt5cL3iMXBfp60obWXwpy1TrKNFopf54tAJOS
LyL6/tEKJUZyqp/dWi3mCI+Tyk3DER1wE5qtvF1AfNma10MUUetDltd4s2qg/lFHZC9rxqSN
9iwnqNo44WydSg==</vt:lpwstr>
  </property>
  <property fmtid="{D5CDD505-2E9C-101B-9397-08002B2CF9AE}" pid="21" name="sflag">
    <vt:lpwstr>1429655249</vt:lpwstr>
  </property>
</Properties>
</file>